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drawings/drawing1.xml" ContentType="application/vnd.openxmlformats-officedocument.drawingml.chartshapes+xml"/>
  <Override PartName="/ppt/notesSlides/notesSlide4.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13.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1" r:id="rId4"/>
    <p:sldMasterId id="2147483648" r:id="rId5"/>
  </p:sldMasterIdLst>
  <p:notesMasterIdLst>
    <p:notesMasterId r:id="rId20"/>
  </p:notesMasterIdLst>
  <p:sldIdLst>
    <p:sldId id="256" r:id="rId6"/>
    <p:sldId id="258" r:id="rId7"/>
    <p:sldId id="273" r:id="rId8"/>
    <p:sldId id="261" r:id="rId9"/>
    <p:sldId id="262" r:id="rId10"/>
    <p:sldId id="263" r:id="rId11"/>
    <p:sldId id="264" r:id="rId12"/>
    <p:sldId id="265" r:id="rId13"/>
    <p:sldId id="266" r:id="rId14"/>
    <p:sldId id="267" r:id="rId15"/>
    <p:sldId id="268" r:id="rId16"/>
    <p:sldId id="269" r:id="rId17"/>
    <p:sldId id="270" r:id="rId18"/>
    <p:sldId id="271" r:id="rId19"/>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E5835CA0-030B-4F13-95CA-40F874051382}" v="3" dt="2022-11-29T12:13:57.225"/>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9981" autoAdjust="0"/>
    <p:restoredTop sz="94660"/>
  </p:normalViewPr>
  <p:slideViewPr>
    <p:cSldViewPr snapToGrid="0">
      <p:cViewPr varScale="1">
        <p:scale>
          <a:sx n="43" d="100"/>
          <a:sy n="43" d="100"/>
        </p:scale>
        <p:origin x="72" y="1440"/>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microsoft.com/office/2015/10/relationships/revisionInfo" Target="revisionInfo.xml"/><Relationship Id="rId3" Type="http://schemas.openxmlformats.org/officeDocument/2006/relationships/customXml" Target="../customXml/item3.xml"/><Relationship Id="rId21" Type="http://schemas.openxmlformats.org/officeDocument/2006/relationships/presProps" Target="presProp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microsoft.com/office/2016/11/relationships/changesInfo" Target="changesInfos/changesInfo1.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tableStyles" Target="tableStyles.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theme" Target="theme/theme1.xml"/><Relationship Id="rId10" Type="http://schemas.openxmlformats.org/officeDocument/2006/relationships/slide" Target="slides/slide5.xml"/><Relationship Id="rId19" Type="http://schemas.openxmlformats.org/officeDocument/2006/relationships/slide" Target="slides/slide14.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viewProps" Target="view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contact" userId="S::contact_erasmusplus.tn#ext#@eceuropaeu.onmicrosoft.com::81a97fab-c611-43f3-aaaa-2a23ea3605ff" providerId="AD" clId="Web-{E5835CA0-030B-4F13-95CA-40F874051382}"/>
    <pc:docChg chg="modSld">
      <pc:chgData name="contact" userId="S::contact_erasmusplus.tn#ext#@eceuropaeu.onmicrosoft.com::81a97fab-c611-43f3-aaaa-2a23ea3605ff" providerId="AD" clId="Web-{E5835CA0-030B-4F13-95CA-40F874051382}" dt="2022-11-29T12:13:57.225" v="2" actId="1076"/>
      <pc:docMkLst>
        <pc:docMk/>
      </pc:docMkLst>
      <pc:sldChg chg="modSp">
        <pc:chgData name="contact" userId="S::contact_erasmusplus.tn#ext#@eceuropaeu.onmicrosoft.com::81a97fab-c611-43f3-aaaa-2a23ea3605ff" providerId="AD" clId="Web-{E5835CA0-030B-4F13-95CA-40F874051382}" dt="2022-11-29T12:13:57.225" v="2" actId="1076"/>
        <pc:sldMkLst>
          <pc:docMk/>
          <pc:sldMk cId="1230390460" sldId="256"/>
        </pc:sldMkLst>
        <pc:spChg chg="mod">
          <ac:chgData name="contact" userId="S::contact_erasmusplus.tn#ext#@eceuropaeu.onmicrosoft.com::81a97fab-c611-43f3-aaaa-2a23ea3605ff" providerId="AD" clId="Web-{E5835CA0-030B-4F13-95CA-40F874051382}" dt="2022-11-29T12:13:57.225" v="2" actId="1076"/>
          <ac:spMkLst>
            <pc:docMk/>
            <pc:sldMk cId="1230390460" sldId="256"/>
            <ac:spMk id="3" creationId="{B4AF113E-2162-405E-9E6D-6D546EEA6DEB}"/>
          </ac:spMkLst>
        </pc:spChg>
        <pc:spChg chg="mod">
          <ac:chgData name="contact" userId="S::contact_erasmusplus.tn#ext#@eceuropaeu.onmicrosoft.com::81a97fab-c611-43f3-aaaa-2a23ea3605ff" providerId="AD" clId="Web-{E5835CA0-030B-4F13-95CA-40F874051382}" dt="2022-11-29T12:13:53.960" v="1" actId="1076"/>
          <ac:spMkLst>
            <pc:docMk/>
            <pc:sldMk cId="1230390460" sldId="256"/>
            <ac:spMk id="4" creationId="{F446E1BD-98BC-48DC-94BE-34DC51A4896E}"/>
          </ac:spMkLst>
        </pc:spChg>
      </pc:sldChg>
    </pc:docChg>
  </pc:docChgLst>
</pc:chgInfo>
</file>

<file path=ppt/charts/_rels/chart1.xml.rels><?xml version="1.0" encoding="UTF-8" standalone="yes"?>
<Relationships xmlns="http://schemas.openxmlformats.org/package/2006/relationships"><Relationship Id="rId3" Type="http://schemas.openxmlformats.org/officeDocument/2006/relationships/oleObject" Target="file:///\\NET1.cec.eu.int\homes\102\irikoan\Desktop\ICM%202015-2020.xlsx" TargetMode="External"/><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chartUserShapes" Target="../drawings/drawing1.xml"/></Relationships>
</file>

<file path=ppt/charts/_rels/chart2.xml.rels><?xml version="1.0" encoding="UTF-8" standalone="yes"?>
<Relationships xmlns="http://schemas.openxmlformats.org/package/2006/relationships"><Relationship Id="rId3" Type="http://schemas.openxmlformats.org/officeDocument/2006/relationships/oleObject" Target="file:///\\NET1.cec.eu.int\homes\102\irikoan\Desktop\Desktop\Copy%20of%20Copy%20of%20compare%20H4%20and%20H6%20(002)%20(002).xlsx" TargetMode="External"/><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oleObject" Target="file:///\\NET1.cec.eu.int\homes\102\irikoan\Desktop\Desktop\Copy%20of%20Copy%20of%20compare%20H4%20and%20H6%20(002)%20(002).xlsx" TargetMode="External"/><Relationship Id="rId2" Type="http://schemas.microsoft.com/office/2011/relationships/chartColorStyle" Target="colors3.xml"/><Relationship Id="rId1" Type="http://schemas.microsoft.com/office/2011/relationships/chartStyle" Target="style3.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000" b="0" i="0" u="none" strike="noStrike" kern="1200" spc="0" baseline="0">
                <a:solidFill>
                  <a:schemeClr val="tx1">
                    <a:lumMod val="65000"/>
                    <a:lumOff val="35000"/>
                  </a:schemeClr>
                </a:solidFill>
                <a:latin typeface="+mn-lt"/>
                <a:ea typeface="+mn-ea"/>
                <a:cs typeface="+mn-cs"/>
              </a:defRPr>
            </a:pPr>
            <a:r>
              <a:rPr lang="en-IE" sz="2000" dirty="0">
                <a:effectLst/>
                <a:latin typeface="EC Square Sans Cond Pro" panose="020B0506040000020004" pitchFamily="34" charset="0"/>
              </a:rPr>
              <a:t>International credit mobility 2014-2020</a:t>
            </a:r>
            <a:br>
              <a:rPr lang="en-IE" sz="2000" dirty="0">
                <a:effectLst/>
                <a:latin typeface="EC Square Sans Cond Pro" panose="020B0506040000020004" pitchFamily="34" charset="0"/>
              </a:rPr>
            </a:br>
            <a:r>
              <a:rPr lang="en-US" sz="2000" b="1" dirty="0">
                <a:effectLst/>
                <a:latin typeface="EC Square Sans Cond Pro" panose="020B0506040000020004" pitchFamily="34" charset="0"/>
              </a:rPr>
              <a:t>~270k </a:t>
            </a:r>
            <a:r>
              <a:rPr lang="en-US" sz="2000" dirty="0">
                <a:effectLst/>
                <a:latin typeface="EC Square Sans Cond Pro" panose="020B0506040000020004" pitchFamily="34" charset="0"/>
              </a:rPr>
              <a:t>planned short-term staff and student </a:t>
            </a:r>
            <a:r>
              <a:rPr lang="en-US" sz="2000" dirty="0" err="1">
                <a:effectLst/>
                <a:latin typeface="EC Square Sans Cond Pro" panose="020B0506040000020004" pitchFamily="34" charset="0"/>
              </a:rPr>
              <a:t>mobilities</a:t>
            </a:r>
            <a:r>
              <a:rPr lang="en-US" sz="2000" dirty="0">
                <a:effectLst/>
                <a:latin typeface="EC Square Sans Cond Pro" panose="020B0506040000020004" pitchFamily="34" charset="0"/>
              </a:rPr>
              <a:t> </a:t>
            </a:r>
          </a:p>
        </c:rich>
      </c:tx>
      <c:overlay val="0"/>
      <c:spPr>
        <a:noFill/>
        <a:ln>
          <a:noFill/>
        </a:ln>
        <a:effectLst/>
      </c:spPr>
      <c:txPr>
        <a:bodyPr rot="0" spcFirstLastPara="1" vertOverflow="ellipsis" vert="horz" wrap="square" anchor="ctr" anchorCtr="1"/>
        <a:lstStyle/>
        <a:p>
          <a:pPr>
            <a:defRPr sz="2000" b="0" i="0" u="none" strike="noStrike" kern="1200" spc="0" baseline="0">
              <a:solidFill>
                <a:schemeClr val="tx1">
                  <a:lumMod val="65000"/>
                  <a:lumOff val="35000"/>
                </a:schemeClr>
              </a:solidFill>
              <a:latin typeface="+mn-lt"/>
              <a:ea typeface="+mn-ea"/>
              <a:cs typeface="+mn-cs"/>
            </a:defRPr>
          </a:pPr>
          <a:endParaRPr lang="fr-FR"/>
        </a:p>
      </c:txPr>
    </c:title>
    <c:autoTitleDeleted val="0"/>
    <c:plotArea>
      <c:layout/>
      <c:barChart>
        <c:barDir val="col"/>
        <c:grouping val="clustered"/>
        <c:varyColors val="0"/>
        <c:ser>
          <c:idx val="0"/>
          <c:order val="0"/>
          <c:tx>
            <c:strRef>
              <c:f>Sheet3!$C$2</c:f>
              <c:strCache>
                <c:ptCount val="1"/>
                <c:pt idx="0">
                  <c:v>to Europe</c:v>
                </c:pt>
              </c:strCache>
            </c:strRef>
          </c:tx>
          <c:spPr>
            <a:solidFill>
              <a:schemeClr val="accent6"/>
            </a:solidFill>
            <a:ln>
              <a:noFill/>
            </a:ln>
            <a:effectLst/>
          </c:spPr>
          <c:invertIfNegative val="0"/>
          <c:cat>
            <c:strRef>
              <c:f>Sheet3!$B$3:$B$14</c:f>
              <c:strCache>
                <c:ptCount val="12"/>
                <c:pt idx="0">
                  <c:v>South Med</c:v>
                </c:pt>
                <c:pt idx="1">
                  <c:v>WB</c:v>
                </c:pt>
                <c:pt idx="2">
                  <c:v>EaP</c:v>
                </c:pt>
                <c:pt idx="3">
                  <c:v>Asia</c:v>
                </c:pt>
                <c:pt idx="4">
                  <c:v>Russia</c:v>
                </c:pt>
                <c:pt idx="5">
                  <c:v>ACP</c:v>
                </c:pt>
                <c:pt idx="6">
                  <c:v>Latin America</c:v>
                </c:pt>
                <c:pt idx="7">
                  <c:v>Central Asia</c:v>
                </c:pt>
                <c:pt idx="8">
                  <c:v>Ind Americas</c:v>
                </c:pt>
                <c:pt idx="9">
                  <c:v>Ind Asia</c:v>
                </c:pt>
                <c:pt idx="10">
                  <c:v>South Africa</c:v>
                </c:pt>
                <c:pt idx="11">
                  <c:v>Middle East</c:v>
                </c:pt>
              </c:strCache>
            </c:strRef>
          </c:cat>
          <c:val>
            <c:numRef>
              <c:f>Sheet3!$C$3:$C$14</c:f>
              <c:numCache>
                <c:formatCode>General</c:formatCode>
                <c:ptCount val="12"/>
                <c:pt idx="0">
                  <c:v>36506</c:v>
                </c:pt>
                <c:pt idx="1">
                  <c:v>30090</c:v>
                </c:pt>
                <c:pt idx="2">
                  <c:v>28264</c:v>
                </c:pt>
                <c:pt idx="3">
                  <c:v>19071</c:v>
                </c:pt>
                <c:pt idx="4">
                  <c:v>13363</c:v>
                </c:pt>
                <c:pt idx="5">
                  <c:v>12053</c:v>
                </c:pt>
                <c:pt idx="6">
                  <c:v>6916</c:v>
                </c:pt>
                <c:pt idx="7">
                  <c:v>6096</c:v>
                </c:pt>
                <c:pt idx="8">
                  <c:v>5083</c:v>
                </c:pt>
                <c:pt idx="9">
                  <c:v>4807</c:v>
                </c:pt>
                <c:pt idx="10">
                  <c:v>2749</c:v>
                </c:pt>
                <c:pt idx="11">
                  <c:v>1852</c:v>
                </c:pt>
              </c:numCache>
            </c:numRef>
          </c:val>
          <c:extLst>
            <c:ext xmlns:c16="http://schemas.microsoft.com/office/drawing/2014/chart" uri="{C3380CC4-5D6E-409C-BE32-E72D297353CC}">
              <c16:uniqueId val="{00000000-29E0-4AB7-8560-BC9E2B58E6D5}"/>
            </c:ext>
          </c:extLst>
        </c:ser>
        <c:ser>
          <c:idx val="1"/>
          <c:order val="1"/>
          <c:tx>
            <c:strRef>
              <c:f>Sheet3!$D$2</c:f>
              <c:strCache>
                <c:ptCount val="1"/>
                <c:pt idx="0">
                  <c:v>from Europe</c:v>
                </c:pt>
              </c:strCache>
            </c:strRef>
          </c:tx>
          <c:spPr>
            <a:solidFill>
              <a:schemeClr val="accent5"/>
            </a:solidFill>
            <a:ln>
              <a:noFill/>
            </a:ln>
            <a:effectLst/>
          </c:spPr>
          <c:invertIfNegative val="0"/>
          <c:cat>
            <c:strRef>
              <c:f>Sheet3!$B$3:$B$14</c:f>
              <c:strCache>
                <c:ptCount val="12"/>
                <c:pt idx="0">
                  <c:v>South Med</c:v>
                </c:pt>
                <c:pt idx="1">
                  <c:v>WB</c:v>
                </c:pt>
                <c:pt idx="2">
                  <c:v>EaP</c:v>
                </c:pt>
                <c:pt idx="3">
                  <c:v>Asia</c:v>
                </c:pt>
                <c:pt idx="4">
                  <c:v>Russia</c:v>
                </c:pt>
                <c:pt idx="5">
                  <c:v>ACP</c:v>
                </c:pt>
                <c:pt idx="6">
                  <c:v>Latin America</c:v>
                </c:pt>
                <c:pt idx="7">
                  <c:v>Central Asia</c:v>
                </c:pt>
                <c:pt idx="8">
                  <c:v>Ind Americas</c:v>
                </c:pt>
                <c:pt idx="9">
                  <c:v>Ind Asia</c:v>
                </c:pt>
                <c:pt idx="10">
                  <c:v>South Africa</c:v>
                </c:pt>
                <c:pt idx="11">
                  <c:v>Middle East</c:v>
                </c:pt>
              </c:strCache>
            </c:strRef>
          </c:cat>
          <c:val>
            <c:numRef>
              <c:f>Sheet3!$D$3:$D$14</c:f>
              <c:numCache>
                <c:formatCode>General</c:formatCode>
                <c:ptCount val="12"/>
                <c:pt idx="0">
                  <c:v>21224</c:v>
                </c:pt>
                <c:pt idx="1">
                  <c:v>18354</c:v>
                </c:pt>
                <c:pt idx="2">
                  <c:v>14762</c:v>
                </c:pt>
                <c:pt idx="3">
                  <c:v>11692</c:v>
                </c:pt>
                <c:pt idx="4">
                  <c:v>9876</c:v>
                </c:pt>
                <c:pt idx="5">
                  <c:v>7131</c:v>
                </c:pt>
                <c:pt idx="6">
                  <c:v>4659</c:v>
                </c:pt>
                <c:pt idx="7">
                  <c:v>2896</c:v>
                </c:pt>
                <c:pt idx="8">
                  <c:v>4590</c:v>
                </c:pt>
                <c:pt idx="9">
                  <c:v>4180</c:v>
                </c:pt>
                <c:pt idx="10">
                  <c:v>1882</c:v>
                </c:pt>
                <c:pt idx="11">
                  <c:v>984</c:v>
                </c:pt>
              </c:numCache>
            </c:numRef>
          </c:val>
          <c:extLst>
            <c:ext xmlns:c16="http://schemas.microsoft.com/office/drawing/2014/chart" uri="{C3380CC4-5D6E-409C-BE32-E72D297353CC}">
              <c16:uniqueId val="{00000001-29E0-4AB7-8560-BC9E2B58E6D5}"/>
            </c:ext>
          </c:extLst>
        </c:ser>
        <c:dLbls>
          <c:showLegendKey val="0"/>
          <c:showVal val="0"/>
          <c:showCatName val="0"/>
          <c:showSerName val="0"/>
          <c:showPercent val="0"/>
          <c:showBubbleSize val="0"/>
        </c:dLbls>
        <c:gapWidth val="219"/>
        <c:overlap val="-27"/>
        <c:axId val="506010560"/>
        <c:axId val="506012528"/>
      </c:barChart>
      <c:catAx>
        <c:axId val="506010560"/>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600" b="0" i="0" u="none" strike="noStrike" kern="1200" baseline="0">
                <a:solidFill>
                  <a:schemeClr val="tx1"/>
                </a:solidFill>
                <a:latin typeface="EC Square Sans Cond Pro" panose="020B0506040000020004" pitchFamily="34" charset="0"/>
                <a:ea typeface="+mn-ea"/>
                <a:cs typeface="+mn-cs"/>
              </a:defRPr>
            </a:pPr>
            <a:endParaRPr lang="fr-FR"/>
          </a:p>
        </c:txPr>
        <c:crossAx val="506012528"/>
        <c:crosses val="autoZero"/>
        <c:auto val="1"/>
        <c:lblAlgn val="ctr"/>
        <c:lblOffset val="100"/>
        <c:noMultiLvlLbl val="0"/>
      </c:catAx>
      <c:valAx>
        <c:axId val="506012528"/>
        <c:scaling>
          <c:orientation val="minMax"/>
        </c:scaling>
        <c:delete val="0"/>
        <c:axPos val="l"/>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400" b="0" i="0" u="none" strike="noStrike" kern="1200" baseline="0">
                <a:solidFill>
                  <a:schemeClr val="tx1"/>
                </a:solidFill>
                <a:latin typeface="EC Square Sans Cond Pro" panose="020B0506040000020004" pitchFamily="34" charset="0"/>
                <a:ea typeface="+mn-ea"/>
                <a:cs typeface="+mn-cs"/>
              </a:defRPr>
            </a:pPr>
            <a:endParaRPr lang="fr-FR"/>
          </a:p>
        </c:txPr>
        <c:crossAx val="506010560"/>
        <c:crosses val="autoZero"/>
        <c:crossBetween val="between"/>
        <c:dispUnits>
          <c:builtInUnit val="thousands"/>
          <c:dispUnitsLbl>
            <c:spPr>
              <a:noFill/>
              <a:ln>
                <a:noFill/>
              </a:ln>
              <a:effectLst/>
            </c:spPr>
            <c:txPr>
              <a:bodyPr rot="-5400000" spcFirstLastPara="1" vertOverflow="ellipsis" vert="horz" wrap="square" anchor="ctr" anchorCtr="1"/>
              <a:lstStyle/>
              <a:p>
                <a:pPr>
                  <a:defRPr sz="1600" b="0" i="0" u="none" strike="noStrike" kern="1200" baseline="0">
                    <a:solidFill>
                      <a:schemeClr val="tx1"/>
                    </a:solidFill>
                    <a:latin typeface="EC Square Sans Cond Pro" panose="020B0506040000020004" pitchFamily="34" charset="0"/>
                    <a:ea typeface="+mn-ea"/>
                    <a:cs typeface="+mn-cs"/>
                  </a:defRPr>
                </a:pPr>
                <a:endParaRPr lang="fr-FR"/>
              </a:p>
            </c:txPr>
          </c:dispUnitsLbl>
        </c:dispUnits>
      </c:valAx>
      <c:spPr>
        <a:noFill/>
        <a:ln>
          <a:noFill/>
        </a:ln>
        <a:effectLst/>
      </c:spPr>
    </c:plotArea>
    <c:legend>
      <c:legendPos val="b"/>
      <c:overlay val="0"/>
      <c:spPr>
        <a:noFill/>
        <a:ln>
          <a:noFill/>
        </a:ln>
        <a:effectLst/>
      </c:spPr>
      <c:txPr>
        <a:bodyPr rot="0" spcFirstLastPara="1" vertOverflow="ellipsis" vert="horz" wrap="square" anchor="ctr" anchorCtr="1"/>
        <a:lstStyle/>
        <a:p>
          <a:pPr>
            <a:defRPr sz="1800" b="0" i="0" u="none" strike="noStrike" kern="1200" baseline="0">
              <a:solidFill>
                <a:schemeClr val="tx1"/>
              </a:solidFill>
              <a:latin typeface="EC Square Sans Cond Pro" panose="020B0506040000020004" pitchFamily="34" charset="0"/>
              <a:ea typeface="+mn-ea"/>
              <a:cs typeface="+mn-cs"/>
            </a:defRPr>
          </a:pPr>
          <a:endParaRPr lang="fr-FR"/>
        </a:p>
      </c:txPr>
    </c:legend>
    <c:plotVisOnly val="1"/>
    <c:dispBlanksAs val="gap"/>
    <c:showDLblsOverMax val="0"/>
  </c:chart>
  <c:spPr>
    <a:noFill/>
    <a:ln w="9525" cap="flat" cmpd="sng" algn="ctr">
      <a:noFill/>
      <a:round/>
    </a:ln>
    <a:effectLst/>
  </c:spPr>
  <c:txPr>
    <a:bodyPr/>
    <a:lstStyle/>
    <a:p>
      <a:pPr>
        <a:defRPr/>
      </a:pPr>
      <a:endParaRPr lang="fr-FR"/>
    </a:p>
  </c:txPr>
  <c:externalData r:id="rId3">
    <c:autoUpdate val="0"/>
  </c:externalData>
  <c:userShapes r:id="rId4"/>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800" b="0" i="0" u="none" strike="noStrike" kern="1200" spc="0" baseline="0">
                <a:solidFill>
                  <a:schemeClr val="tx1">
                    <a:lumMod val="50000"/>
                  </a:schemeClr>
                </a:solidFill>
                <a:latin typeface="EC Square Sans Cond Pro" panose="020B0506040000020004" pitchFamily="34" charset="0"/>
                <a:ea typeface="+mn-ea"/>
                <a:cs typeface="+mn-cs"/>
              </a:defRPr>
            </a:pPr>
            <a:r>
              <a:rPr lang="en-US" sz="2800" dirty="0">
                <a:solidFill>
                  <a:schemeClr val="tx1">
                    <a:lumMod val="50000"/>
                  </a:schemeClr>
                </a:solidFill>
                <a:latin typeface="EC Square Sans Cond Pro" panose="020B0506040000020004" pitchFamily="34" charset="0"/>
              </a:rPr>
              <a:t>2021-2027</a:t>
            </a:r>
          </a:p>
        </c:rich>
      </c:tx>
      <c:overlay val="0"/>
      <c:spPr>
        <a:noFill/>
        <a:ln>
          <a:noFill/>
        </a:ln>
        <a:effectLst/>
      </c:spPr>
      <c:txPr>
        <a:bodyPr rot="0" spcFirstLastPara="1" vertOverflow="ellipsis" vert="horz" wrap="square" anchor="ctr" anchorCtr="1"/>
        <a:lstStyle/>
        <a:p>
          <a:pPr>
            <a:defRPr sz="2800" b="0" i="0" u="none" strike="noStrike" kern="1200" spc="0" baseline="0">
              <a:solidFill>
                <a:schemeClr val="tx1">
                  <a:lumMod val="50000"/>
                </a:schemeClr>
              </a:solidFill>
              <a:latin typeface="EC Square Sans Cond Pro" panose="020B0506040000020004" pitchFamily="34" charset="0"/>
              <a:ea typeface="+mn-ea"/>
              <a:cs typeface="+mn-cs"/>
            </a:defRPr>
          </a:pPr>
          <a:endParaRPr lang="fr-FR"/>
        </a:p>
      </c:txPr>
    </c:title>
    <c:autoTitleDeleted val="0"/>
    <c:plotArea>
      <c:layout>
        <c:manualLayout>
          <c:layoutTarget val="inner"/>
          <c:xMode val="edge"/>
          <c:yMode val="edge"/>
          <c:x val="0.12227449333241211"/>
          <c:y val="0.18829257552300857"/>
          <c:w val="0.56431980251143032"/>
          <c:h val="0.71135462255598292"/>
        </c:manualLayout>
      </c:layout>
      <c:doughnutChart>
        <c:varyColors val="1"/>
        <c:ser>
          <c:idx val="0"/>
          <c:order val="0"/>
          <c:tx>
            <c:strRef>
              <c:f>Sheet1!$D$94</c:f>
              <c:strCache>
                <c:ptCount val="1"/>
                <c:pt idx="0">
                  <c:v>ICM</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B1C8-4EB3-B22C-33D6127337E2}"/>
              </c:ext>
            </c:extLst>
          </c:dPt>
          <c:dPt>
            <c:idx val="1"/>
            <c:bubble3D val="0"/>
            <c:spPr>
              <a:solidFill>
                <a:schemeClr val="accent3"/>
              </a:solidFill>
              <a:ln w="19050">
                <a:solidFill>
                  <a:schemeClr val="lt1"/>
                </a:solidFill>
              </a:ln>
              <a:effectLst/>
            </c:spPr>
            <c:extLst>
              <c:ext xmlns:c16="http://schemas.microsoft.com/office/drawing/2014/chart" uri="{C3380CC4-5D6E-409C-BE32-E72D297353CC}">
                <c16:uniqueId val="{00000003-B1C8-4EB3-B22C-33D6127337E2}"/>
              </c:ext>
            </c:extLst>
          </c:dPt>
          <c:dPt>
            <c:idx val="2"/>
            <c:bubble3D val="0"/>
            <c:spPr>
              <a:solidFill>
                <a:schemeClr val="accent5"/>
              </a:solidFill>
              <a:ln w="19050">
                <a:solidFill>
                  <a:schemeClr val="lt1"/>
                </a:solidFill>
              </a:ln>
              <a:effectLst/>
            </c:spPr>
            <c:extLst>
              <c:ext xmlns:c16="http://schemas.microsoft.com/office/drawing/2014/chart" uri="{C3380CC4-5D6E-409C-BE32-E72D297353CC}">
                <c16:uniqueId val="{00000005-B1C8-4EB3-B22C-33D6127337E2}"/>
              </c:ext>
            </c:extLst>
          </c:dPt>
          <c:dPt>
            <c:idx val="3"/>
            <c:bubble3D val="0"/>
            <c:spPr>
              <a:solidFill>
                <a:schemeClr val="accent1">
                  <a:lumMod val="60000"/>
                </a:schemeClr>
              </a:solidFill>
              <a:ln w="19050">
                <a:solidFill>
                  <a:schemeClr val="lt1"/>
                </a:solidFill>
              </a:ln>
              <a:effectLst/>
            </c:spPr>
            <c:extLst>
              <c:ext xmlns:c16="http://schemas.microsoft.com/office/drawing/2014/chart" uri="{C3380CC4-5D6E-409C-BE32-E72D297353CC}">
                <c16:uniqueId val="{00000007-B1C8-4EB3-B22C-33D6127337E2}"/>
              </c:ext>
            </c:extLst>
          </c:dPt>
          <c:dPt>
            <c:idx val="4"/>
            <c:bubble3D val="0"/>
            <c:spPr>
              <a:solidFill>
                <a:schemeClr val="accent3">
                  <a:lumMod val="60000"/>
                </a:schemeClr>
              </a:solidFill>
              <a:ln w="19050">
                <a:solidFill>
                  <a:schemeClr val="lt1"/>
                </a:solidFill>
              </a:ln>
              <a:effectLst/>
            </c:spPr>
            <c:extLst>
              <c:ext xmlns:c16="http://schemas.microsoft.com/office/drawing/2014/chart" uri="{C3380CC4-5D6E-409C-BE32-E72D297353CC}">
                <c16:uniqueId val="{00000009-B1C8-4EB3-B22C-33D6127337E2}"/>
              </c:ext>
            </c:extLst>
          </c:dPt>
          <c:dPt>
            <c:idx val="5"/>
            <c:bubble3D val="0"/>
            <c:spPr>
              <a:solidFill>
                <a:schemeClr val="accent5">
                  <a:lumMod val="60000"/>
                </a:schemeClr>
              </a:solidFill>
              <a:ln w="19050">
                <a:solidFill>
                  <a:schemeClr val="lt1"/>
                </a:solidFill>
              </a:ln>
              <a:effectLst/>
            </c:spPr>
            <c:extLst>
              <c:ext xmlns:c16="http://schemas.microsoft.com/office/drawing/2014/chart" uri="{C3380CC4-5D6E-409C-BE32-E72D297353CC}">
                <c16:uniqueId val="{0000000B-B1C8-4EB3-B22C-33D6127337E2}"/>
              </c:ext>
            </c:extLst>
          </c:dPt>
          <c:dPt>
            <c:idx val="6"/>
            <c:bubble3D val="0"/>
            <c:spPr>
              <a:solidFill>
                <a:schemeClr val="accent1">
                  <a:lumMod val="80000"/>
                  <a:lumOff val="20000"/>
                </a:schemeClr>
              </a:solidFill>
              <a:ln w="19050">
                <a:solidFill>
                  <a:schemeClr val="lt1"/>
                </a:solidFill>
              </a:ln>
              <a:effectLst/>
            </c:spPr>
            <c:extLst>
              <c:ext xmlns:c16="http://schemas.microsoft.com/office/drawing/2014/chart" uri="{C3380CC4-5D6E-409C-BE32-E72D297353CC}">
                <c16:uniqueId val="{0000000D-B1C8-4EB3-B22C-33D6127337E2}"/>
              </c:ext>
            </c:extLst>
          </c:dPt>
          <c:dPt>
            <c:idx val="7"/>
            <c:bubble3D val="0"/>
            <c:spPr>
              <a:solidFill>
                <a:schemeClr val="accent3">
                  <a:lumMod val="80000"/>
                  <a:lumOff val="20000"/>
                </a:schemeClr>
              </a:solidFill>
              <a:ln w="19050">
                <a:solidFill>
                  <a:schemeClr val="lt1"/>
                </a:solidFill>
              </a:ln>
              <a:effectLst/>
            </c:spPr>
            <c:extLst>
              <c:ext xmlns:c16="http://schemas.microsoft.com/office/drawing/2014/chart" uri="{C3380CC4-5D6E-409C-BE32-E72D297353CC}">
                <c16:uniqueId val="{0000000F-B1C8-4EB3-B22C-33D6127337E2}"/>
              </c:ext>
            </c:extLst>
          </c:dPt>
          <c:dPt>
            <c:idx val="8"/>
            <c:bubble3D val="0"/>
            <c:spPr>
              <a:solidFill>
                <a:schemeClr val="accent5"/>
              </a:solidFill>
              <a:ln w="19050">
                <a:solidFill>
                  <a:schemeClr val="lt1"/>
                </a:solidFill>
              </a:ln>
              <a:effectLst/>
            </c:spPr>
            <c:extLst>
              <c:ext xmlns:c16="http://schemas.microsoft.com/office/drawing/2014/chart" uri="{C3380CC4-5D6E-409C-BE32-E72D297353CC}">
                <c16:uniqueId val="{00000011-B1C8-4EB3-B22C-33D6127337E2}"/>
              </c:ext>
            </c:extLst>
          </c:dPt>
          <c:dPt>
            <c:idx val="9"/>
            <c:bubble3D val="0"/>
            <c:spPr>
              <a:solidFill>
                <a:schemeClr val="accent1">
                  <a:lumMod val="80000"/>
                </a:schemeClr>
              </a:solidFill>
              <a:ln w="19050">
                <a:solidFill>
                  <a:schemeClr val="lt1"/>
                </a:solidFill>
              </a:ln>
              <a:effectLst/>
            </c:spPr>
            <c:extLst>
              <c:ext xmlns:c16="http://schemas.microsoft.com/office/drawing/2014/chart" uri="{C3380CC4-5D6E-409C-BE32-E72D297353CC}">
                <c16:uniqueId val="{00000013-B1C8-4EB3-B22C-33D6127337E2}"/>
              </c:ext>
            </c:extLst>
          </c:dPt>
          <c:dPt>
            <c:idx val="10"/>
            <c:bubble3D val="0"/>
            <c:spPr>
              <a:solidFill>
                <a:schemeClr val="accent3">
                  <a:lumMod val="80000"/>
                </a:schemeClr>
              </a:solidFill>
              <a:ln w="19050">
                <a:solidFill>
                  <a:schemeClr val="lt1"/>
                </a:solidFill>
              </a:ln>
              <a:effectLst/>
            </c:spPr>
            <c:extLst>
              <c:ext xmlns:c16="http://schemas.microsoft.com/office/drawing/2014/chart" uri="{C3380CC4-5D6E-409C-BE32-E72D297353CC}">
                <c16:uniqueId val="{00000015-B1C8-4EB3-B22C-33D6127337E2}"/>
              </c:ext>
            </c:extLst>
          </c:dPt>
          <c:dPt>
            <c:idx val="11"/>
            <c:bubble3D val="0"/>
            <c:spPr>
              <a:solidFill>
                <a:schemeClr val="accent5">
                  <a:lumMod val="80000"/>
                </a:schemeClr>
              </a:solidFill>
              <a:ln w="19050">
                <a:solidFill>
                  <a:schemeClr val="lt1"/>
                </a:solidFill>
              </a:ln>
              <a:effectLst/>
            </c:spPr>
            <c:extLst>
              <c:ext xmlns:c16="http://schemas.microsoft.com/office/drawing/2014/chart" uri="{C3380CC4-5D6E-409C-BE32-E72D297353CC}">
                <c16:uniqueId val="{00000017-B1C8-4EB3-B22C-33D6127337E2}"/>
              </c:ext>
            </c:extLst>
          </c:dPt>
          <c:dLbls>
            <c:dLbl>
              <c:idx val="1"/>
              <c:layout>
                <c:manualLayout>
                  <c:x val="6.3710403607915134E-2"/>
                  <c:y val="-0.15697012307538419"/>
                </c:manualLayout>
              </c:layout>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3-B1C8-4EB3-B22C-33D6127337E2}"/>
                </c:ext>
              </c:extLst>
            </c:dLbl>
            <c:dLbl>
              <c:idx val="2"/>
              <c:layout>
                <c:manualLayout>
                  <c:x val="0.2432579046847668"/>
                  <c:y val="-0.20077573881735186"/>
                </c:manualLayout>
              </c:layout>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5-B1C8-4EB3-B22C-33D6127337E2}"/>
                </c:ext>
              </c:extLst>
            </c:dLbl>
            <c:dLbl>
              <c:idx val="3"/>
              <c:layout>
                <c:manualLayout>
                  <c:x val="0.26063346930510739"/>
                  <c:y val="-0.10221310339792458"/>
                </c:manualLayout>
              </c:layout>
              <c:spPr>
                <a:noFill/>
                <a:ln>
                  <a:noFill/>
                </a:ln>
                <a:effectLst/>
              </c:spPr>
              <c:txPr>
                <a:bodyPr rot="0" spcFirstLastPara="1" vertOverflow="ellipsis" vert="horz" wrap="square" lIns="38100" tIns="19050" rIns="38100" bIns="19050" anchor="ctr" anchorCtr="1">
                  <a:spAutoFit/>
                </a:bodyPr>
                <a:lstStyle/>
                <a:p>
                  <a:pPr>
                    <a:defRPr sz="1600" b="1" i="0" u="none" strike="noStrike" kern="1200" baseline="0">
                      <a:solidFill>
                        <a:schemeClr val="tx1">
                          <a:lumMod val="50000"/>
                        </a:schemeClr>
                      </a:solidFill>
                      <a:latin typeface="EC Square Sans Cond Pro" panose="020B0506040000020004" pitchFamily="34" charset="0"/>
                      <a:ea typeface="+mn-ea"/>
                      <a:cs typeface="+mn-cs"/>
                    </a:defRPr>
                  </a:pPr>
                  <a:endParaRPr lang="fr-FR"/>
                </a:p>
              </c:txPr>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7-B1C8-4EB3-B22C-33D6127337E2}"/>
                </c:ext>
              </c:extLst>
            </c:dLbl>
            <c:dLbl>
              <c:idx val="4"/>
              <c:layout>
                <c:manualLayout>
                  <c:x val="0.24309318885652489"/>
                  <c:y val="-1.4670199551733785E-2"/>
                </c:manualLayout>
              </c:layout>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9-B1C8-4EB3-B22C-33D6127337E2}"/>
                </c:ext>
              </c:extLst>
            </c:dLbl>
            <c:dLbl>
              <c:idx val="5"/>
              <c:layout>
                <c:manualLayout>
                  <c:x val="0.26474629986389547"/>
                  <c:y val="7.0152034315374312E-2"/>
                </c:manualLayout>
              </c:layout>
              <c:tx>
                <c:rich>
                  <a:bodyPr/>
                  <a:lstStyle/>
                  <a:p>
                    <a:r>
                      <a:rPr lang="en-US" b="1" dirty="0"/>
                      <a:t>Caribbean</a:t>
                    </a:r>
                    <a:r>
                      <a:rPr lang="en-US" baseline="0" dirty="0"/>
                      <a:t>
</a:t>
                    </a:r>
                    <a:fld id="{C60B99F2-F877-4F0B-91E0-E5D5EF31F945}" type="PERCENTAGE">
                      <a:rPr lang="en-US" baseline="0"/>
                      <a:pPr/>
                      <a:t>[POURCENTAGE]</a:t>
                    </a:fld>
                    <a:endParaRPr lang="en-US" baseline="0" dirty="0"/>
                  </a:p>
                </c:rich>
              </c:tx>
              <c:showLegendKey val="0"/>
              <c:showVal val="0"/>
              <c:showCatName val="1"/>
              <c:showSerName val="0"/>
              <c:showPercent val="1"/>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B-B1C8-4EB3-B22C-33D6127337E2}"/>
                </c:ext>
              </c:extLst>
            </c:dLbl>
            <c:dLbl>
              <c:idx val="6"/>
              <c:layout>
                <c:manualLayout>
                  <c:x val="0.23407591231825717"/>
                  <c:y val="0.18490295777719601"/>
                </c:manualLayout>
              </c:layout>
              <c:spPr>
                <a:noFill/>
                <a:ln>
                  <a:noFill/>
                </a:ln>
                <a:effectLst/>
              </c:spPr>
              <c:txPr>
                <a:bodyPr rot="0" spcFirstLastPara="1" vertOverflow="ellipsis" vert="horz" wrap="square" lIns="38100" tIns="19050" rIns="38100" bIns="19050" anchor="ctr" anchorCtr="1">
                  <a:spAutoFit/>
                </a:bodyPr>
                <a:lstStyle/>
                <a:p>
                  <a:pPr>
                    <a:defRPr sz="1600" b="1" i="0" u="none" strike="noStrike" kern="1200" baseline="0">
                      <a:solidFill>
                        <a:schemeClr val="tx1">
                          <a:lumMod val="50000"/>
                        </a:schemeClr>
                      </a:solidFill>
                      <a:latin typeface="EC Square Sans Cond Pro" panose="020B0506040000020004" pitchFamily="34" charset="0"/>
                      <a:ea typeface="+mn-ea"/>
                      <a:cs typeface="+mn-cs"/>
                    </a:defRPr>
                  </a:pPr>
                  <a:endParaRPr lang="fr-FR"/>
                </a:p>
              </c:txPr>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D-B1C8-4EB3-B22C-33D6127337E2}"/>
                </c:ext>
              </c:extLst>
            </c:dLbl>
            <c:dLbl>
              <c:idx val="7"/>
              <c:layout>
                <c:manualLayout>
                  <c:x val="-1.3640598861672334E-2"/>
                  <c:y val="8.1624641171040447E-3"/>
                </c:manualLayout>
              </c:layout>
              <c:spPr>
                <a:noFill/>
                <a:ln>
                  <a:noFill/>
                </a:ln>
                <a:effectLst/>
              </c:spPr>
              <c:txPr>
                <a:bodyPr rot="0" spcFirstLastPara="1" vertOverflow="ellipsis" vert="horz" wrap="square" lIns="38100" tIns="19050" rIns="38100" bIns="19050" anchor="ctr" anchorCtr="1">
                  <a:spAutoFit/>
                </a:bodyPr>
                <a:lstStyle/>
                <a:p>
                  <a:pPr>
                    <a:defRPr sz="1600" b="1" i="0" u="none" strike="noStrike" kern="1200" baseline="0">
                      <a:solidFill>
                        <a:srgbClr val="C00000"/>
                      </a:solidFill>
                      <a:latin typeface="EC Square Sans Cond Pro" panose="020B0506040000020004" pitchFamily="34" charset="0"/>
                      <a:ea typeface="+mn-ea"/>
                      <a:cs typeface="+mn-cs"/>
                    </a:defRPr>
                  </a:pPr>
                  <a:endParaRPr lang="fr-FR"/>
                </a:p>
              </c:txPr>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F-B1C8-4EB3-B22C-33D6127337E2}"/>
                </c:ext>
              </c:extLst>
            </c:dLbl>
            <c:dLbl>
              <c:idx val="8"/>
              <c:layout>
                <c:manualLayout>
                  <c:x val="7.1574632522498141E-3"/>
                  <c:y val="0.12515633830516637"/>
                </c:manualLayout>
              </c:layout>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11-B1C8-4EB3-B22C-33D6127337E2}"/>
                </c:ext>
              </c:extLst>
            </c:dLbl>
            <c:dLbl>
              <c:idx val="10"/>
              <c:layout>
                <c:manualLayout>
                  <c:x val="-0.14349451870364527"/>
                  <c:y val="-9.9761146199771805E-17"/>
                </c:manualLayout>
              </c:layout>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15-B1C8-4EB3-B22C-33D6127337E2}"/>
                </c:ext>
              </c:extLst>
            </c:dLbl>
            <c:dLbl>
              <c:idx val="11"/>
              <c:spPr>
                <a:noFill/>
                <a:ln>
                  <a:noFill/>
                </a:ln>
                <a:effectLst/>
              </c:spPr>
              <c:txPr>
                <a:bodyPr rot="0" spcFirstLastPara="1" vertOverflow="ellipsis" vert="horz" wrap="square" lIns="38100" tIns="19050" rIns="38100" bIns="19050" anchor="ctr" anchorCtr="1">
                  <a:spAutoFit/>
                </a:bodyPr>
                <a:lstStyle/>
                <a:p>
                  <a:pPr>
                    <a:defRPr sz="1600" b="1" i="0" u="none" strike="noStrike" kern="1200" baseline="0">
                      <a:solidFill>
                        <a:srgbClr val="C00000"/>
                      </a:solidFill>
                      <a:latin typeface="EC Square Sans Cond Pro" panose="020B0506040000020004" pitchFamily="34" charset="0"/>
                      <a:ea typeface="+mn-ea"/>
                      <a:cs typeface="+mn-cs"/>
                    </a:defRPr>
                  </a:pPr>
                  <a:endParaRPr lang="fr-FR"/>
                </a:p>
              </c:txPr>
              <c:showLegendKey val="0"/>
              <c:showVal val="0"/>
              <c:showCatName val="1"/>
              <c:showSerName val="0"/>
              <c:showPercent val="1"/>
              <c:showBubbleSize val="0"/>
              <c:extLst>
                <c:ext xmlns:c16="http://schemas.microsoft.com/office/drawing/2014/chart" uri="{C3380CC4-5D6E-409C-BE32-E72D297353CC}">
                  <c16:uniqueId val="{00000017-B1C8-4EB3-B22C-33D6127337E2}"/>
                </c:ext>
              </c:extLst>
            </c:dLbl>
            <c:spPr>
              <a:noFill/>
              <a:ln>
                <a:noFill/>
              </a:ln>
              <a:effectLst/>
            </c:spPr>
            <c:txPr>
              <a:bodyPr rot="0" spcFirstLastPara="1" vertOverflow="ellipsis" vert="horz" wrap="square" lIns="38100" tIns="19050" rIns="38100" bIns="19050" anchor="ctr" anchorCtr="1">
                <a:spAutoFit/>
              </a:bodyPr>
              <a:lstStyle/>
              <a:p>
                <a:pPr>
                  <a:defRPr sz="1600" b="0" i="0" u="none" strike="noStrike" kern="1200" baseline="0">
                    <a:solidFill>
                      <a:schemeClr val="tx1">
                        <a:lumMod val="50000"/>
                      </a:schemeClr>
                    </a:solidFill>
                    <a:latin typeface="EC Square Sans Cond Pro" panose="020B0506040000020004" pitchFamily="34" charset="0"/>
                    <a:ea typeface="+mn-ea"/>
                    <a:cs typeface="+mn-cs"/>
                  </a:defRPr>
                </a:pPr>
                <a:endParaRPr lang="fr-FR"/>
              </a:p>
            </c:txPr>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C$95:$C$106</c:f>
              <c:strCache>
                <c:ptCount val="12"/>
                <c:pt idx="0">
                  <c:v>Asia</c:v>
                </c:pt>
                <c:pt idx="1">
                  <c:v>Central Asia </c:v>
                </c:pt>
                <c:pt idx="2">
                  <c:v>Middle East </c:v>
                </c:pt>
                <c:pt idx="3">
                  <c:v>Pacific</c:v>
                </c:pt>
                <c:pt idx="4">
                  <c:v>Latin America</c:v>
                </c:pt>
                <c:pt idx="5">
                  <c:v>Carribean</c:v>
                </c:pt>
                <c:pt idx="6">
                  <c:v>USA &amp; Canada</c:v>
                </c:pt>
                <c:pt idx="7">
                  <c:v>SSA</c:v>
                </c:pt>
                <c:pt idx="8">
                  <c:v>Russia</c:v>
                </c:pt>
                <c:pt idx="9">
                  <c:v>EaP</c:v>
                </c:pt>
                <c:pt idx="10">
                  <c:v>SMED</c:v>
                </c:pt>
                <c:pt idx="11">
                  <c:v>WB</c:v>
                </c:pt>
              </c:strCache>
            </c:strRef>
          </c:cat>
          <c:val>
            <c:numRef>
              <c:f>Sheet1!$D$95:$D$106</c:f>
              <c:numCache>
                <c:formatCode>General</c:formatCode>
                <c:ptCount val="12"/>
                <c:pt idx="0">
                  <c:v>97</c:v>
                </c:pt>
                <c:pt idx="1">
                  <c:v>25</c:v>
                </c:pt>
                <c:pt idx="2">
                  <c:v>8.1999999999999993</c:v>
                </c:pt>
                <c:pt idx="3">
                  <c:v>9.8000000000000007</c:v>
                </c:pt>
                <c:pt idx="4">
                  <c:v>28</c:v>
                </c:pt>
                <c:pt idx="5">
                  <c:v>6.4</c:v>
                </c:pt>
                <c:pt idx="6">
                  <c:v>31</c:v>
                </c:pt>
                <c:pt idx="7">
                  <c:v>281</c:v>
                </c:pt>
                <c:pt idx="8">
                  <c:v>70</c:v>
                </c:pt>
                <c:pt idx="9">
                  <c:v>126</c:v>
                </c:pt>
                <c:pt idx="10">
                  <c:v>179.5</c:v>
                </c:pt>
                <c:pt idx="11">
                  <c:v>201.63</c:v>
                </c:pt>
              </c:numCache>
            </c:numRef>
          </c:val>
          <c:extLst>
            <c:ext xmlns:c16="http://schemas.microsoft.com/office/drawing/2014/chart" uri="{C3380CC4-5D6E-409C-BE32-E72D297353CC}">
              <c16:uniqueId val="{00000018-B1C8-4EB3-B22C-33D6127337E2}"/>
            </c:ext>
          </c:extLst>
        </c:ser>
        <c:dLbls>
          <c:showLegendKey val="0"/>
          <c:showVal val="0"/>
          <c:showCatName val="1"/>
          <c:showSerName val="0"/>
          <c:showPercent val="1"/>
          <c:showBubbleSize val="0"/>
          <c:showLeaderLines val="1"/>
        </c:dLbls>
        <c:firstSliceAng val="0"/>
        <c:holeSize val="50"/>
      </c:doughnutChart>
      <c:spPr>
        <a:noFill/>
        <a:ln>
          <a:noFill/>
        </a:ln>
        <a:effectLst/>
      </c:spPr>
    </c:plotArea>
    <c:plotVisOnly val="1"/>
    <c:dispBlanksAs val="gap"/>
    <c:showDLblsOverMax val="0"/>
  </c:chart>
  <c:spPr>
    <a:noFill/>
    <a:ln w="9525" cap="flat" cmpd="sng" algn="ctr">
      <a:noFill/>
      <a:round/>
    </a:ln>
    <a:effectLst/>
  </c:spPr>
  <c:txPr>
    <a:bodyPr/>
    <a:lstStyle/>
    <a:p>
      <a:pPr>
        <a:defRPr/>
      </a:pPr>
      <a:endParaRPr lang="fr-FR"/>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800" b="0" i="0" u="none" strike="noStrike" kern="1200" spc="0" baseline="0">
                <a:solidFill>
                  <a:schemeClr val="tx1">
                    <a:lumMod val="50000"/>
                  </a:schemeClr>
                </a:solidFill>
                <a:latin typeface="+mn-lt"/>
                <a:ea typeface="+mn-ea"/>
                <a:cs typeface="+mn-cs"/>
              </a:defRPr>
            </a:pPr>
            <a:r>
              <a:rPr lang="en-US" sz="2800" dirty="0">
                <a:solidFill>
                  <a:schemeClr val="tx1">
                    <a:lumMod val="50000"/>
                  </a:schemeClr>
                </a:solidFill>
                <a:latin typeface="EC Square Sans Cond Pro" panose="020B0506040000020004" pitchFamily="34" charset="0"/>
              </a:rPr>
              <a:t>2014-2020</a:t>
            </a:r>
          </a:p>
        </c:rich>
      </c:tx>
      <c:layout>
        <c:manualLayout>
          <c:xMode val="edge"/>
          <c:yMode val="edge"/>
          <c:x val="0.36946099663728327"/>
          <c:y val="4.1793115522094734E-2"/>
        </c:manualLayout>
      </c:layout>
      <c:overlay val="0"/>
      <c:spPr>
        <a:noFill/>
        <a:ln>
          <a:noFill/>
        </a:ln>
        <a:effectLst/>
      </c:spPr>
      <c:txPr>
        <a:bodyPr rot="0" spcFirstLastPara="1" vertOverflow="ellipsis" vert="horz" wrap="square" anchor="ctr" anchorCtr="1"/>
        <a:lstStyle/>
        <a:p>
          <a:pPr>
            <a:defRPr sz="2800" b="0" i="0" u="none" strike="noStrike" kern="1200" spc="0" baseline="0">
              <a:solidFill>
                <a:schemeClr val="tx1">
                  <a:lumMod val="50000"/>
                </a:schemeClr>
              </a:solidFill>
              <a:latin typeface="+mn-lt"/>
              <a:ea typeface="+mn-ea"/>
              <a:cs typeface="+mn-cs"/>
            </a:defRPr>
          </a:pPr>
          <a:endParaRPr lang="fr-FR"/>
        </a:p>
      </c:txPr>
    </c:title>
    <c:autoTitleDeleted val="0"/>
    <c:plotArea>
      <c:layout>
        <c:manualLayout>
          <c:layoutTarget val="inner"/>
          <c:xMode val="edge"/>
          <c:yMode val="edge"/>
          <c:x val="0.12505708315458811"/>
          <c:y val="0.25859539591243585"/>
          <c:w val="0.571441908952945"/>
          <c:h val="0.67945250799279622"/>
        </c:manualLayout>
      </c:layout>
      <c:doughnutChart>
        <c:varyColors val="1"/>
        <c:ser>
          <c:idx val="0"/>
          <c:order val="0"/>
          <c:dPt>
            <c:idx val="0"/>
            <c:bubble3D val="0"/>
            <c:spPr>
              <a:solidFill>
                <a:schemeClr val="accent1"/>
              </a:solidFill>
              <a:ln w="19050">
                <a:solidFill>
                  <a:schemeClr val="lt1"/>
                </a:solidFill>
              </a:ln>
              <a:effectLst/>
            </c:spPr>
            <c:extLst>
              <c:ext xmlns:c16="http://schemas.microsoft.com/office/drawing/2014/chart" uri="{C3380CC4-5D6E-409C-BE32-E72D297353CC}">
                <c16:uniqueId val="{00000001-5D73-4479-8F18-6BD763247762}"/>
              </c:ext>
            </c:extLst>
          </c:dPt>
          <c:dPt>
            <c:idx val="1"/>
            <c:bubble3D val="0"/>
            <c:spPr>
              <a:solidFill>
                <a:schemeClr val="accent3"/>
              </a:solidFill>
              <a:ln w="19050">
                <a:solidFill>
                  <a:schemeClr val="lt1"/>
                </a:solidFill>
              </a:ln>
              <a:effectLst/>
            </c:spPr>
            <c:extLst>
              <c:ext xmlns:c16="http://schemas.microsoft.com/office/drawing/2014/chart" uri="{C3380CC4-5D6E-409C-BE32-E72D297353CC}">
                <c16:uniqueId val="{00000003-5D73-4479-8F18-6BD763247762}"/>
              </c:ext>
            </c:extLst>
          </c:dPt>
          <c:dPt>
            <c:idx val="2"/>
            <c:bubble3D val="0"/>
            <c:spPr>
              <a:solidFill>
                <a:schemeClr val="accent5"/>
              </a:solidFill>
              <a:ln w="19050">
                <a:solidFill>
                  <a:schemeClr val="lt1"/>
                </a:solidFill>
              </a:ln>
              <a:effectLst/>
            </c:spPr>
            <c:extLst>
              <c:ext xmlns:c16="http://schemas.microsoft.com/office/drawing/2014/chart" uri="{C3380CC4-5D6E-409C-BE32-E72D297353CC}">
                <c16:uniqueId val="{00000005-5D73-4479-8F18-6BD763247762}"/>
              </c:ext>
            </c:extLst>
          </c:dPt>
          <c:dPt>
            <c:idx val="3"/>
            <c:bubble3D val="0"/>
            <c:spPr>
              <a:solidFill>
                <a:schemeClr val="accent1">
                  <a:lumMod val="60000"/>
                </a:schemeClr>
              </a:solidFill>
              <a:ln w="19050">
                <a:solidFill>
                  <a:schemeClr val="lt1"/>
                </a:solidFill>
              </a:ln>
              <a:effectLst/>
            </c:spPr>
            <c:extLst>
              <c:ext xmlns:c16="http://schemas.microsoft.com/office/drawing/2014/chart" uri="{C3380CC4-5D6E-409C-BE32-E72D297353CC}">
                <c16:uniqueId val="{00000007-5D73-4479-8F18-6BD763247762}"/>
              </c:ext>
            </c:extLst>
          </c:dPt>
          <c:dPt>
            <c:idx val="4"/>
            <c:bubble3D val="0"/>
            <c:spPr>
              <a:solidFill>
                <a:schemeClr val="accent3">
                  <a:lumMod val="60000"/>
                </a:schemeClr>
              </a:solidFill>
              <a:ln w="19050">
                <a:solidFill>
                  <a:schemeClr val="lt1"/>
                </a:solidFill>
              </a:ln>
              <a:effectLst/>
            </c:spPr>
            <c:extLst>
              <c:ext xmlns:c16="http://schemas.microsoft.com/office/drawing/2014/chart" uri="{C3380CC4-5D6E-409C-BE32-E72D297353CC}">
                <c16:uniqueId val="{00000009-5D73-4479-8F18-6BD763247762}"/>
              </c:ext>
            </c:extLst>
          </c:dPt>
          <c:dPt>
            <c:idx val="5"/>
            <c:bubble3D val="0"/>
            <c:spPr>
              <a:solidFill>
                <a:schemeClr val="accent5">
                  <a:lumMod val="60000"/>
                </a:schemeClr>
              </a:solidFill>
              <a:ln w="19050">
                <a:solidFill>
                  <a:schemeClr val="lt1"/>
                </a:solidFill>
              </a:ln>
              <a:effectLst/>
            </c:spPr>
            <c:extLst>
              <c:ext xmlns:c16="http://schemas.microsoft.com/office/drawing/2014/chart" uri="{C3380CC4-5D6E-409C-BE32-E72D297353CC}">
                <c16:uniqueId val="{0000000B-5D73-4479-8F18-6BD763247762}"/>
              </c:ext>
            </c:extLst>
          </c:dPt>
          <c:dPt>
            <c:idx val="6"/>
            <c:bubble3D val="0"/>
            <c:spPr>
              <a:solidFill>
                <a:schemeClr val="accent1">
                  <a:lumMod val="80000"/>
                  <a:lumOff val="20000"/>
                </a:schemeClr>
              </a:solidFill>
              <a:ln w="19050">
                <a:solidFill>
                  <a:schemeClr val="lt1"/>
                </a:solidFill>
              </a:ln>
              <a:effectLst/>
            </c:spPr>
            <c:extLst>
              <c:ext xmlns:c16="http://schemas.microsoft.com/office/drawing/2014/chart" uri="{C3380CC4-5D6E-409C-BE32-E72D297353CC}">
                <c16:uniqueId val="{0000000D-5D73-4479-8F18-6BD763247762}"/>
              </c:ext>
            </c:extLst>
          </c:dPt>
          <c:dPt>
            <c:idx val="7"/>
            <c:bubble3D val="0"/>
            <c:spPr>
              <a:solidFill>
                <a:schemeClr val="accent5"/>
              </a:solidFill>
              <a:ln w="19050">
                <a:solidFill>
                  <a:schemeClr val="lt1"/>
                </a:solidFill>
              </a:ln>
              <a:effectLst/>
            </c:spPr>
            <c:extLst>
              <c:ext xmlns:c16="http://schemas.microsoft.com/office/drawing/2014/chart" uri="{C3380CC4-5D6E-409C-BE32-E72D297353CC}">
                <c16:uniqueId val="{0000000F-5D73-4479-8F18-6BD763247762}"/>
              </c:ext>
            </c:extLst>
          </c:dPt>
          <c:dPt>
            <c:idx val="8"/>
            <c:bubble3D val="0"/>
            <c:spPr>
              <a:solidFill>
                <a:schemeClr val="accent1">
                  <a:lumMod val="75000"/>
                </a:schemeClr>
              </a:solidFill>
              <a:ln w="19050">
                <a:solidFill>
                  <a:schemeClr val="lt1"/>
                </a:solidFill>
              </a:ln>
              <a:effectLst/>
            </c:spPr>
            <c:extLst>
              <c:ext xmlns:c16="http://schemas.microsoft.com/office/drawing/2014/chart" uri="{C3380CC4-5D6E-409C-BE32-E72D297353CC}">
                <c16:uniqueId val="{00000011-5D73-4479-8F18-6BD763247762}"/>
              </c:ext>
            </c:extLst>
          </c:dPt>
          <c:dPt>
            <c:idx val="9"/>
            <c:bubble3D val="0"/>
            <c:spPr>
              <a:solidFill>
                <a:schemeClr val="accent3">
                  <a:lumMod val="75000"/>
                </a:schemeClr>
              </a:solidFill>
              <a:ln w="19050">
                <a:solidFill>
                  <a:schemeClr val="lt1"/>
                </a:solidFill>
              </a:ln>
              <a:effectLst/>
            </c:spPr>
            <c:extLst>
              <c:ext xmlns:c16="http://schemas.microsoft.com/office/drawing/2014/chart" uri="{C3380CC4-5D6E-409C-BE32-E72D297353CC}">
                <c16:uniqueId val="{00000013-5D73-4479-8F18-6BD763247762}"/>
              </c:ext>
            </c:extLst>
          </c:dPt>
          <c:dPt>
            <c:idx val="10"/>
            <c:bubble3D val="0"/>
            <c:spPr>
              <a:solidFill>
                <a:schemeClr val="accent5">
                  <a:lumMod val="75000"/>
                </a:schemeClr>
              </a:solidFill>
              <a:ln w="19050">
                <a:solidFill>
                  <a:schemeClr val="lt1"/>
                </a:solidFill>
              </a:ln>
              <a:effectLst/>
            </c:spPr>
            <c:extLst>
              <c:ext xmlns:c16="http://schemas.microsoft.com/office/drawing/2014/chart" uri="{C3380CC4-5D6E-409C-BE32-E72D297353CC}">
                <c16:uniqueId val="{00000015-5D73-4479-8F18-6BD763247762}"/>
              </c:ext>
            </c:extLst>
          </c:dPt>
          <c:dLbls>
            <c:dLbl>
              <c:idx val="1"/>
              <c:layout>
                <c:manualLayout>
                  <c:x val="6.8178321101742087E-2"/>
                  <c:y val="-0.21994009881987761"/>
                </c:manualLayout>
              </c:layout>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3-5D73-4479-8F18-6BD763247762}"/>
                </c:ext>
              </c:extLst>
            </c:dLbl>
            <c:dLbl>
              <c:idx val="2"/>
              <c:layout>
                <c:manualLayout>
                  <c:x val="0.24076720304772234"/>
                  <c:y val="-0.21631499634754239"/>
                </c:manualLayout>
              </c:layout>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5-5D73-4479-8F18-6BD763247762}"/>
                </c:ext>
              </c:extLst>
            </c:dLbl>
            <c:dLbl>
              <c:idx val="3"/>
              <c:layout>
                <c:manualLayout>
                  <c:x val="0.20951087790781783"/>
                  <c:y val="-8.6463453758661241E-2"/>
                </c:manualLayout>
              </c:layout>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7-5D73-4479-8F18-6BD763247762}"/>
                </c:ext>
              </c:extLst>
            </c:dLbl>
            <c:dLbl>
              <c:idx val="4"/>
              <c:layout>
                <c:manualLayout>
                  <c:x val="0.1972941775346472"/>
                  <c:y val="-6.0988820284642213E-3"/>
                </c:manualLayout>
              </c:layout>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9-5D73-4479-8F18-6BD763247762}"/>
                </c:ext>
              </c:extLst>
            </c:dLbl>
            <c:dLbl>
              <c:idx val="5"/>
              <c:layout>
                <c:manualLayout>
                  <c:x val="0.19477855277306075"/>
                  <c:y val="8.7081898647693334E-2"/>
                </c:manualLayout>
              </c:layout>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B-5D73-4479-8F18-6BD763247762}"/>
                </c:ext>
              </c:extLst>
            </c:dLbl>
            <c:dLbl>
              <c:idx val="10"/>
              <c:layout>
                <c:manualLayout>
                  <c:x val="2.3347292072601624E-3"/>
                  <c:y val="-1.1117126809213909E-2"/>
                </c:manualLayout>
              </c:layout>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15-5D73-4479-8F18-6BD763247762}"/>
                </c:ext>
              </c:extLst>
            </c:dLbl>
            <c:spPr>
              <a:noFill/>
              <a:ln>
                <a:noFill/>
              </a:ln>
              <a:effectLst/>
            </c:spPr>
            <c:txPr>
              <a:bodyPr rot="0" spcFirstLastPara="1" vertOverflow="ellipsis" vert="horz" wrap="square" lIns="38100" tIns="19050" rIns="38100" bIns="19050" anchor="ctr" anchorCtr="1">
                <a:spAutoFit/>
              </a:bodyPr>
              <a:lstStyle/>
              <a:p>
                <a:pPr>
                  <a:defRPr sz="1600" b="0" i="0" u="none" strike="noStrike" kern="1200" baseline="0">
                    <a:solidFill>
                      <a:schemeClr val="tx1">
                        <a:lumMod val="50000"/>
                      </a:schemeClr>
                    </a:solidFill>
                    <a:latin typeface="EC Square Sans Cond Pro" panose="020B0506040000020004" pitchFamily="34" charset="0"/>
                    <a:ea typeface="+mn-ea"/>
                    <a:cs typeface="+mn-cs"/>
                  </a:defRPr>
                </a:pPr>
                <a:endParaRPr lang="fr-FR"/>
              </a:p>
            </c:txPr>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C$109:$C$119</c:f>
              <c:strCache>
                <c:ptCount val="11"/>
                <c:pt idx="0">
                  <c:v>Asia</c:v>
                </c:pt>
                <c:pt idx="1">
                  <c:v>Central Asia </c:v>
                </c:pt>
                <c:pt idx="2">
                  <c:v>Middle East </c:v>
                </c:pt>
                <c:pt idx="3">
                  <c:v>Industrialised Asia</c:v>
                </c:pt>
                <c:pt idx="4">
                  <c:v>Latin America</c:v>
                </c:pt>
                <c:pt idx="5">
                  <c:v>Industrialised Americas </c:v>
                </c:pt>
                <c:pt idx="6">
                  <c:v>ACP</c:v>
                </c:pt>
                <c:pt idx="7">
                  <c:v>Russia</c:v>
                </c:pt>
                <c:pt idx="8">
                  <c:v>EaP</c:v>
                </c:pt>
                <c:pt idx="9">
                  <c:v>SMED</c:v>
                </c:pt>
                <c:pt idx="10">
                  <c:v>WB</c:v>
                </c:pt>
              </c:strCache>
            </c:strRef>
          </c:cat>
          <c:val>
            <c:numRef>
              <c:f>Sheet1!$D$109:$D$119</c:f>
              <c:numCache>
                <c:formatCode>General</c:formatCode>
                <c:ptCount val="11"/>
                <c:pt idx="0">
                  <c:v>120</c:v>
                </c:pt>
                <c:pt idx="1">
                  <c:v>32.6</c:v>
                </c:pt>
                <c:pt idx="2">
                  <c:v>11</c:v>
                </c:pt>
                <c:pt idx="3">
                  <c:v>38.299999999999997</c:v>
                </c:pt>
                <c:pt idx="4">
                  <c:v>38.799999999999997</c:v>
                </c:pt>
                <c:pt idx="5">
                  <c:v>37.200000000000003</c:v>
                </c:pt>
                <c:pt idx="6">
                  <c:v>72.3</c:v>
                </c:pt>
                <c:pt idx="7">
                  <c:v>78</c:v>
                </c:pt>
                <c:pt idx="8">
                  <c:v>142.30000000000001</c:v>
                </c:pt>
                <c:pt idx="9">
                  <c:v>202</c:v>
                </c:pt>
                <c:pt idx="10">
                  <c:v>169</c:v>
                </c:pt>
              </c:numCache>
            </c:numRef>
          </c:val>
          <c:extLst>
            <c:ext xmlns:c16="http://schemas.microsoft.com/office/drawing/2014/chart" uri="{C3380CC4-5D6E-409C-BE32-E72D297353CC}">
              <c16:uniqueId val="{00000016-5D73-4479-8F18-6BD763247762}"/>
            </c:ext>
          </c:extLst>
        </c:ser>
        <c:dLbls>
          <c:showLegendKey val="0"/>
          <c:showVal val="0"/>
          <c:showCatName val="1"/>
          <c:showSerName val="0"/>
          <c:showPercent val="1"/>
          <c:showBubbleSize val="0"/>
          <c:showLeaderLines val="1"/>
        </c:dLbls>
        <c:firstSliceAng val="0"/>
        <c:holeSize val="50"/>
      </c:doughnutChart>
      <c:spPr>
        <a:noFill/>
        <a:ln>
          <a:noFill/>
        </a:ln>
        <a:effectLst/>
      </c:spPr>
    </c:plotArea>
    <c:plotVisOnly val="1"/>
    <c:dispBlanksAs val="gap"/>
    <c:showDLblsOverMax val="0"/>
  </c:chart>
  <c:spPr>
    <a:noFill/>
    <a:ln w="9525" cap="flat" cmpd="sng" algn="ctr">
      <a:noFill/>
      <a:round/>
    </a:ln>
    <a:effectLst/>
  </c:spPr>
  <c:txPr>
    <a:bodyPr/>
    <a:lstStyle/>
    <a:p>
      <a:pPr>
        <a:defRPr/>
      </a:pPr>
      <a:endParaRPr lang="fr-FR"/>
    </a:p>
  </c:txPr>
  <c:externalData r:id="rId3">
    <c:autoUpdate val="0"/>
  </c:externalData>
</c:chartSpace>
</file>

<file path=ppt/charts/colors1.xml><?xml version="1.0" encoding="utf-8"?>
<cs:colorStyle xmlns:cs="http://schemas.microsoft.com/office/drawing/2012/chartStyle" xmlns:a="http://schemas.openxmlformats.org/drawingml/2006/main" meth="cycle" id="13">
  <a:schemeClr val="accent6"/>
  <a:schemeClr val="accent5"/>
  <a:schemeClr val="accent4"/>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iagrams/colors1.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F6F8B7A-6658-4C78-9B31-5BB1BC1ED65F}" type="doc">
      <dgm:prSet loTypeId="urn:microsoft.com/office/officeart/2005/8/layout/hProcess9" loCatId="process" qsTypeId="urn:microsoft.com/office/officeart/2005/8/quickstyle/simple1" qsCatId="simple" csTypeId="urn:microsoft.com/office/officeart/2005/8/colors/colorful1" csCatId="colorful" phldr="1"/>
      <dgm:spPr/>
    </dgm:pt>
    <dgm:pt modelId="{5D34139A-349E-4AB6-9108-EE1F483BAA63}">
      <dgm:prSet phldrT="[Text]"/>
      <dgm:spPr/>
      <dgm:t>
        <a:bodyPr/>
        <a:lstStyle/>
        <a:p>
          <a:r>
            <a:rPr lang="fr-BE" dirty="0">
              <a:solidFill>
                <a:schemeClr val="bg1"/>
              </a:solidFill>
              <a:latin typeface="EC Square Sans Cond Pro" panose="020B0506040000020004" pitchFamily="34" charset="0"/>
            </a:rPr>
            <a:t>Publication of the call: </a:t>
          </a:r>
          <a:r>
            <a:rPr lang="fr-BE" b="1" dirty="0">
              <a:solidFill>
                <a:schemeClr val="bg1"/>
              </a:solidFill>
              <a:latin typeface="EC Square Sans Cond Pro" panose="020B0506040000020004" pitchFamily="34" charset="0"/>
            </a:rPr>
            <a:t>23</a:t>
          </a:r>
          <a:r>
            <a:rPr lang="fr-BE" dirty="0">
              <a:solidFill>
                <a:schemeClr val="bg1"/>
              </a:solidFill>
              <a:latin typeface="EC Square Sans Cond Pro" panose="020B0506040000020004" pitchFamily="34" charset="0"/>
            </a:rPr>
            <a:t> </a:t>
          </a:r>
          <a:r>
            <a:rPr lang="fr-BE" b="1" dirty="0" err="1">
              <a:solidFill>
                <a:schemeClr val="bg1"/>
              </a:solidFill>
              <a:latin typeface="EC Square Sans Cond Pro" panose="020B0506040000020004" pitchFamily="34" charset="0"/>
            </a:rPr>
            <a:t>November</a:t>
          </a:r>
          <a:r>
            <a:rPr lang="fr-BE" b="1" dirty="0">
              <a:solidFill>
                <a:schemeClr val="bg1"/>
              </a:solidFill>
              <a:latin typeface="EC Square Sans Cond Pro" panose="020B0506040000020004" pitchFamily="34" charset="0"/>
            </a:rPr>
            <a:t> 2022</a:t>
          </a:r>
          <a:endParaRPr lang="en-US" dirty="0">
            <a:solidFill>
              <a:schemeClr val="bg1"/>
            </a:solidFill>
            <a:latin typeface="EC Square Sans Cond Pro" panose="020B0506040000020004" pitchFamily="34" charset="0"/>
          </a:endParaRPr>
        </a:p>
      </dgm:t>
    </dgm:pt>
    <dgm:pt modelId="{30719776-30BC-4587-BA8D-C704FD5CB63F}" type="parTrans" cxnId="{E9105223-3DC1-48BC-8B49-14092187BEE5}">
      <dgm:prSet/>
      <dgm:spPr/>
      <dgm:t>
        <a:bodyPr/>
        <a:lstStyle/>
        <a:p>
          <a:endParaRPr lang="en-US"/>
        </a:p>
      </dgm:t>
    </dgm:pt>
    <dgm:pt modelId="{DFAB2378-27A0-4ED5-9AF0-19A99B3E0BBE}" type="sibTrans" cxnId="{E9105223-3DC1-48BC-8B49-14092187BEE5}">
      <dgm:prSet/>
      <dgm:spPr/>
      <dgm:t>
        <a:bodyPr/>
        <a:lstStyle/>
        <a:p>
          <a:endParaRPr lang="en-US"/>
        </a:p>
      </dgm:t>
    </dgm:pt>
    <dgm:pt modelId="{AD99E627-DFC4-45FE-B011-D371EB08F5CC}">
      <dgm:prSet/>
      <dgm:spPr/>
      <dgm:t>
        <a:bodyPr/>
        <a:lstStyle/>
        <a:p>
          <a:r>
            <a:rPr lang="fr-BE" dirty="0">
              <a:solidFill>
                <a:schemeClr val="bg1"/>
              </a:solidFill>
              <a:latin typeface="EC Square Sans Cond Pro" panose="020B0506040000020004" pitchFamily="34" charset="0"/>
            </a:rPr>
            <a:t>Deadline: </a:t>
          </a:r>
          <a:r>
            <a:rPr lang="fr-BE" b="1" dirty="0">
              <a:solidFill>
                <a:schemeClr val="bg1"/>
              </a:solidFill>
              <a:latin typeface="EC Square Sans Cond Pro" panose="020B0506040000020004" pitchFamily="34" charset="0"/>
            </a:rPr>
            <a:t>23 </a:t>
          </a:r>
          <a:r>
            <a:rPr lang="fr-BE" b="1" dirty="0" err="1">
              <a:solidFill>
                <a:schemeClr val="bg1"/>
              </a:solidFill>
              <a:latin typeface="EC Square Sans Cond Pro" panose="020B0506040000020004" pitchFamily="34" charset="0"/>
            </a:rPr>
            <a:t>February</a:t>
          </a:r>
          <a:r>
            <a:rPr lang="fr-BE" b="1" dirty="0">
              <a:solidFill>
                <a:schemeClr val="bg1"/>
              </a:solidFill>
              <a:latin typeface="EC Square Sans Cond Pro" panose="020B0506040000020004" pitchFamily="34" charset="0"/>
            </a:rPr>
            <a:t>  2023</a:t>
          </a:r>
        </a:p>
      </dgm:t>
    </dgm:pt>
    <dgm:pt modelId="{4E6DCD4F-88EA-4CA0-9260-363FB03DA480}" type="parTrans" cxnId="{2518BDBC-6C6A-4A74-87CF-78E758F019D7}">
      <dgm:prSet/>
      <dgm:spPr/>
      <dgm:t>
        <a:bodyPr/>
        <a:lstStyle/>
        <a:p>
          <a:endParaRPr lang="en-US"/>
        </a:p>
      </dgm:t>
    </dgm:pt>
    <dgm:pt modelId="{5FD650DB-D15A-4EED-89B9-EBC729C875D4}" type="sibTrans" cxnId="{2518BDBC-6C6A-4A74-87CF-78E758F019D7}">
      <dgm:prSet/>
      <dgm:spPr/>
      <dgm:t>
        <a:bodyPr/>
        <a:lstStyle/>
        <a:p>
          <a:endParaRPr lang="en-US"/>
        </a:p>
      </dgm:t>
    </dgm:pt>
    <dgm:pt modelId="{0AFAB227-C28D-41E9-AB0E-27BA140F3F6B}">
      <dgm:prSet/>
      <dgm:spPr/>
      <dgm:t>
        <a:bodyPr/>
        <a:lstStyle/>
        <a:p>
          <a:r>
            <a:rPr lang="fr-BE" dirty="0" err="1">
              <a:solidFill>
                <a:schemeClr val="bg1"/>
              </a:solidFill>
              <a:latin typeface="EC Square Sans Cond Pro" panose="020B0506040000020004" pitchFamily="34" charset="0"/>
            </a:rPr>
            <a:t>Evaluation</a:t>
          </a:r>
          <a:r>
            <a:rPr lang="fr-BE" dirty="0">
              <a:solidFill>
                <a:schemeClr val="bg1"/>
              </a:solidFill>
              <a:latin typeface="EC Square Sans Cond Pro" panose="020B0506040000020004" pitchFamily="34" charset="0"/>
            </a:rPr>
            <a:t> process: </a:t>
          </a:r>
          <a:r>
            <a:rPr lang="fr-BE" b="1" dirty="0">
              <a:solidFill>
                <a:schemeClr val="bg1"/>
              </a:solidFill>
              <a:latin typeface="EC Square Sans Cond Pro" panose="020B0506040000020004" pitchFamily="34" charset="0"/>
            </a:rPr>
            <a:t>March - July 2023</a:t>
          </a:r>
        </a:p>
      </dgm:t>
    </dgm:pt>
    <dgm:pt modelId="{25C6C2DE-9E56-463B-A822-F24307068783}" type="parTrans" cxnId="{8A45AF88-FE14-432E-AE29-7339295C7894}">
      <dgm:prSet/>
      <dgm:spPr/>
      <dgm:t>
        <a:bodyPr/>
        <a:lstStyle/>
        <a:p>
          <a:endParaRPr lang="en-US"/>
        </a:p>
      </dgm:t>
    </dgm:pt>
    <dgm:pt modelId="{BD6A2B52-53F1-435C-84CB-FF38C0597043}" type="sibTrans" cxnId="{8A45AF88-FE14-432E-AE29-7339295C7894}">
      <dgm:prSet/>
      <dgm:spPr/>
      <dgm:t>
        <a:bodyPr/>
        <a:lstStyle/>
        <a:p>
          <a:endParaRPr lang="en-US"/>
        </a:p>
      </dgm:t>
    </dgm:pt>
    <dgm:pt modelId="{ABD46AE1-D7FC-4500-8832-8C775F38CCDB}">
      <dgm:prSet/>
      <dgm:spPr/>
      <dgm:t>
        <a:bodyPr/>
        <a:lstStyle/>
        <a:p>
          <a:r>
            <a:rPr lang="fr-BE" dirty="0">
              <a:latin typeface="EC Square Sans Cond Pro" panose="020B0506040000020004" pitchFamily="34" charset="0"/>
            </a:rPr>
            <a:t>Information to </a:t>
          </a:r>
          <a:r>
            <a:rPr lang="fr-BE" dirty="0" err="1">
              <a:latin typeface="EC Square Sans Cond Pro" panose="020B0506040000020004" pitchFamily="34" charset="0"/>
            </a:rPr>
            <a:t>applicants</a:t>
          </a:r>
          <a:r>
            <a:rPr lang="fr-BE" dirty="0">
              <a:latin typeface="EC Square Sans Cond Pro" panose="020B0506040000020004" pitchFamily="34" charset="0"/>
            </a:rPr>
            <a:t> </a:t>
          </a:r>
          <a:r>
            <a:rPr lang="fr-BE" b="1" dirty="0">
              <a:solidFill>
                <a:srgbClr val="FFC000"/>
              </a:solidFill>
              <a:latin typeface="EC Square Sans Cond Pro" panose="020B0506040000020004" pitchFamily="34" charset="0"/>
            </a:rPr>
            <a:t>August</a:t>
          </a:r>
          <a:r>
            <a:rPr lang="fr-BE" dirty="0">
              <a:solidFill>
                <a:srgbClr val="FFC000"/>
              </a:solidFill>
              <a:latin typeface="EC Square Sans Cond Pro" panose="020B0506040000020004" pitchFamily="34" charset="0"/>
            </a:rPr>
            <a:t> </a:t>
          </a:r>
          <a:r>
            <a:rPr lang="fr-BE" b="1" dirty="0">
              <a:solidFill>
                <a:srgbClr val="FFC000"/>
              </a:solidFill>
              <a:latin typeface="EC Square Sans Cond Pro" panose="020B0506040000020004" pitchFamily="34" charset="0"/>
            </a:rPr>
            <a:t>2023</a:t>
          </a:r>
        </a:p>
      </dgm:t>
    </dgm:pt>
    <dgm:pt modelId="{8DA115C1-066A-4156-85CA-678A2B46DA4A}" type="parTrans" cxnId="{00818333-31B9-4756-87D2-0DEBAA632668}">
      <dgm:prSet/>
      <dgm:spPr/>
      <dgm:t>
        <a:bodyPr/>
        <a:lstStyle/>
        <a:p>
          <a:endParaRPr lang="en-US"/>
        </a:p>
      </dgm:t>
    </dgm:pt>
    <dgm:pt modelId="{9029A9CE-7025-4AB1-91C2-95A160E5A036}" type="sibTrans" cxnId="{00818333-31B9-4756-87D2-0DEBAA632668}">
      <dgm:prSet/>
      <dgm:spPr/>
      <dgm:t>
        <a:bodyPr/>
        <a:lstStyle/>
        <a:p>
          <a:endParaRPr lang="en-US"/>
        </a:p>
      </dgm:t>
    </dgm:pt>
    <dgm:pt modelId="{F13FE376-1024-45CA-A2C4-CA12D750240C}">
      <dgm:prSet/>
      <dgm:spPr/>
      <dgm:t>
        <a:bodyPr/>
        <a:lstStyle/>
        <a:p>
          <a:r>
            <a:rPr lang="fr-BE" dirty="0">
              <a:latin typeface="EC Square Sans Cond Pro" panose="020B0506040000020004" pitchFamily="34" charset="0"/>
            </a:rPr>
            <a:t>Start of </a:t>
          </a:r>
          <a:r>
            <a:rPr lang="fr-BE" dirty="0" err="1">
              <a:latin typeface="EC Square Sans Cond Pro" panose="020B0506040000020004" pitchFamily="34" charset="0"/>
            </a:rPr>
            <a:t>projects</a:t>
          </a:r>
          <a:r>
            <a:rPr lang="fr-BE" dirty="0">
              <a:latin typeface="EC Square Sans Cond Pro" panose="020B0506040000020004" pitchFamily="34" charset="0"/>
            </a:rPr>
            <a:t>: </a:t>
          </a:r>
          <a:r>
            <a:rPr lang="fr-BE" b="1" dirty="0">
              <a:solidFill>
                <a:schemeClr val="bg1"/>
              </a:solidFill>
              <a:latin typeface="EC Square Sans Cond Pro" panose="020B0506040000020004" pitchFamily="34" charset="0"/>
            </a:rPr>
            <a:t>1 August 2023</a:t>
          </a:r>
          <a:endParaRPr lang="en-US" b="1" dirty="0">
            <a:solidFill>
              <a:schemeClr val="bg1"/>
            </a:solidFill>
            <a:latin typeface="EC Square Sans Cond Pro" panose="020B0506040000020004" pitchFamily="34" charset="0"/>
          </a:endParaRPr>
        </a:p>
      </dgm:t>
    </dgm:pt>
    <dgm:pt modelId="{CACEDBED-0BCB-4646-A3FC-FF4E29928DA0}" type="parTrans" cxnId="{2A56B9D1-130B-4869-BA8B-D9E2F5AD96AE}">
      <dgm:prSet/>
      <dgm:spPr/>
      <dgm:t>
        <a:bodyPr/>
        <a:lstStyle/>
        <a:p>
          <a:endParaRPr lang="en-US"/>
        </a:p>
      </dgm:t>
    </dgm:pt>
    <dgm:pt modelId="{A344CB59-BC7E-4E71-9666-102C084506B7}" type="sibTrans" cxnId="{2A56B9D1-130B-4869-BA8B-D9E2F5AD96AE}">
      <dgm:prSet/>
      <dgm:spPr/>
      <dgm:t>
        <a:bodyPr/>
        <a:lstStyle/>
        <a:p>
          <a:endParaRPr lang="en-US"/>
        </a:p>
      </dgm:t>
    </dgm:pt>
    <dgm:pt modelId="{A7BD89E0-53C5-4616-8C66-389791FB8EA4}" type="pres">
      <dgm:prSet presAssocID="{7F6F8B7A-6658-4C78-9B31-5BB1BC1ED65F}" presName="CompostProcess" presStyleCnt="0">
        <dgm:presLayoutVars>
          <dgm:dir/>
          <dgm:resizeHandles val="exact"/>
        </dgm:presLayoutVars>
      </dgm:prSet>
      <dgm:spPr/>
    </dgm:pt>
    <dgm:pt modelId="{F6F16C20-8B54-444A-ABDC-E16CD3C74E70}" type="pres">
      <dgm:prSet presAssocID="{7F6F8B7A-6658-4C78-9B31-5BB1BC1ED65F}" presName="arrow" presStyleLbl="bgShp" presStyleIdx="0" presStyleCnt="1" custLinFactNeighborX="557" custLinFactNeighborY="-9558"/>
      <dgm:spPr/>
    </dgm:pt>
    <dgm:pt modelId="{D6CC35A9-EA8E-47CC-9310-40D20717BFEA}" type="pres">
      <dgm:prSet presAssocID="{7F6F8B7A-6658-4C78-9B31-5BB1BC1ED65F}" presName="linearProcess" presStyleCnt="0"/>
      <dgm:spPr/>
    </dgm:pt>
    <dgm:pt modelId="{7B1BD28A-F3CD-46EB-AF2C-8D17B41BA3E9}" type="pres">
      <dgm:prSet presAssocID="{5D34139A-349E-4AB6-9108-EE1F483BAA63}" presName="textNode" presStyleLbl="node1" presStyleIdx="0" presStyleCnt="5">
        <dgm:presLayoutVars>
          <dgm:bulletEnabled val="1"/>
        </dgm:presLayoutVars>
      </dgm:prSet>
      <dgm:spPr/>
    </dgm:pt>
    <dgm:pt modelId="{EB4F05D9-574A-4E61-965C-2EB09EEBD8A4}" type="pres">
      <dgm:prSet presAssocID="{DFAB2378-27A0-4ED5-9AF0-19A99B3E0BBE}" presName="sibTrans" presStyleCnt="0"/>
      <dgm:spPr/>
    </dgm:pt>
    <dgm:pt modelId="{85A5F3F8-563D-4E35-9E02-AC8F89E86400}" type="pres">
      <dgm:prSet presAssocID="{AD99E627-DFC4-45FE-B011-D371EB08F5CC}" presName="textNode" presStyleLbl="node1" presStyleIdx="1" presStyleCnt="5">
        <dgm:presLayoutVars>
          <dgm:bulletEnabled val="1"/>
        </dgm:presLayoutVars>
      </dgm:prSet>
      <dgm:spPr/>
    </dgm:pt>
    <dgm:pt modelId="{766AF0A5-8D74-4378-9497-3BB7F138F2B0}" type="pres">
      <dgm:prSet presAssocID="{5FD650DB-D15A-4EED-89B9-EBC729C875D4}" presName="sibTrans" presStyleCnt="0"/>
      <dgm:spPr/>
    </dgm:pt>
    <dgm:pt modelId="{F4A6CEBA-9AF0-492A-ACCE-00B8A98A7294}" type="pres">
      <dgm:prSet presAssocID="{0AFAB227-C28D-41E9-AB0E-27BA140F3F6B}" presName="textNode" presStyleLbl="node1" presStyleIdx="2" presStyleCnt="5">
        <dgm:presLayoutVars>
          <dgm:bulletEnabled val="1"/>
        </dgm:presLayoutVars>
      </dgm:prSet>
      <dgm:spPr/>
    </dgm:pt>
    <dgm:pt modelId="{9915B325-386E-44F9-907B-B98052AAFE12}" type="pres">
      <dgm:prSet presAssocID="{BD6A2B52-53F1-435C-84CB-FF38C0597043}" presName="sibTrans" presStyleCnt="0"/>
      <dgm:spPr/>
    </dgm:pt>
    <dgm:pt modelId="{A959927D-2D45-4C8C-93C6-8A068FA57B87}" type="pres">
      <dgm:prSet presAssocID="{ABD46AE1-D7FC-4500-8832-8C775F38CCDB}" presName="textNode" presStyleLbl="node1" presStyleIdx="3" presStyleCnt="5">
        <dgm:presLayoutVars>
          <dgm:bulletEnabled val="1"/>
        </dgm:presLayoutVars>
      </dgm:prSet>
      <dgm:spPr/>
    </dgm:pt>
    <dgm:pt modelId="{736AC4CD-F80E-4825-81E9-575D29025259}" type="pres">
      <dgm:prSet presAssocID="{9029A9CE-7025-4AB1-91C2-95A160E5A036}" presName="sibTrans" presStyleCnt="0"/>
      <dgm:spPr/>
    </dgm:pt>
    <dgm:pt modelId="{F3173D8B-5B37-4952-BAC7-B7E0AD7A736A}" type="pres">
      <dgm:prSet presAssocID="{F13FE376-1024-45CA-A2C4-CA12D750240C}" presName="textNode" presStyleLbl="node1" presStyleIdx="4" presStyleCnt="5">
        <dgm:presLayoutVars>
          <dgm:bulletEnabled val="1"/>
        </dgm:presLayoutVars>
      </dgm:prSet>
      <dgm:spPr/>
    </dgm:pt>
  </dgm:ptLst>
  <dgm:cxnLst>
    <dgm:cxn modelId="{9E494B13-ED5B-47CB-98FC-3BCE8987E289}" type="presOf" srcId="{ABD46AE1-D7FC-4500-8832-8C775F38CCDB}" destId="{A959927D-2D45-4C8C-93C6-8A068FA57B87}" srcOrd="0" destOrd="0" presId="urn:microsoft.com/office/officeart/2005/8/layout/hProcess9"/>
    <dgm:cxn modelId="{E9105223-3DC1-48BC-8B49-14092187BEE5}" srcId="{7F6F8B7A-6658-4C78-9B31-5BB1BC1ED65F}" destId="{5D34139A-349E-4AB6-9108-EE1F483BAA63}" srcOrd="0" destOrd="0" parTransId="{30719776-30BC-4587-BA8D-C704FD5CB63F}" sibTransId="{DFAB2378-27A0-4ED5-9AF0-19A99B3E0BBE}"/>
    <dgm:cxn modelId="{00818333-31B9-4756-87D2-0DEBAA632668}" srcId="{7F6F8B7A-6658-4C78-9B31-5BB1BC1ED65F}" destId="{ABD46AE1-D7FC-4500-8832-8C775F38CCDB}" srcOrd="3" destOrd="0" parTransId="{8DA115C1-066A-4156-85CA-678A2B46DA4A}" sibTransId="{9029A9CE-7025-4AB1-91C2-95A160E5A036}"/>
    <dgm:cxn modelId="{B6430E3C-7D7F-4742-97AA-019695286520}" type="presOf" srcId="{5D34139A-349E-4AB6-9108-EE1F483BAA63}" destId="{7B1BD28A-F3CD-46EB-AF2C-8D17B41BA3E9}" srcOrd="0" destOrd="0" presId="urn:microsoft.com/office/officeart/2005/8/layout/hProcess9"/>
    <dgm:cxn modelId="{03A6675A-9A4B-4AE3-A2F5-114ED95022A8}" type="presOf" srcId="{F13FE376-1024-45CA-A2C4-CA12D750240C}" destId="{F3173D8B-5B37-4952-BAC7-B7E0AD7A736A}" srcOrd="0" destOrd="0" presId="urn:microsoft.com/office/officeart/2005/8/layout/hProcess9"/>
    <dgm:cxn modelId="{8A45AF88-FE14-432E-AE29-7339295C7894}" srcId="{7F6F8B7A-6658-4C78-9B31-5BB1BC1ED65F}" destId="{0AFAB227-C28D-41E9-AB0E-27BA140F3F6B}" srcOrd="2" destOrd="0" parTransId="{25C6C2DE-9E56-463B-A822-F24307068783}" sibTransId="{BD6A2B52-53F1-435C-84CB-FF38C0597043}"/>
    <dgm:cxn modelId="{B8ACECAC-9832-4DE3-838C-9A0CE2571775}" type="presOf" srcId="{0AFAB227-C28D-41E9-AB0E-27BA140F3F6B}" destId="{F4A6CEBA-9AF0-492A-ACCE-00B8A98A7294}" srcOrd="0" destOrd="0" presId="urn:microsoft.com/office/officeart/2005/8/layout/hProcess9"/>
    <dgm:cxn modelId="{2518BDBC-6C6A-4A74-87CF-78E758F019D7}" srcId="{7F6F8B7A-6658-4C78-9B31-5BB1BC1ED65F}" destId="{AD99E627-DFC4-45FE-B011-D371EB08F5CC}" srcOrd="1" destOrd="0" parTransId="{4E6DCD4F-88EA-4CA0-9260-363FB03DA480}" sibTransId="{5FD650DB-D15A-4EED-89B9-EBC729C875D4}"/>
    <dgm:cxn modelId="{DB5915CA-E89D-498E-9998-4AA9DF36B08F}" type="presOf" srcId="{AD99E627-DFC4-45FE-B011-D371EB08F5CC}" destId="{85A5F3F8-563D-4E35-9E02-AC8F89E86400}" srcOrd="0" destOrd="0" presId="urn:microsoft.com/office/officeart/2005/8/layout/hProcess9"/>
    <dgm:cxn modelId="{2A56B9D1-130B-4869-BA8B-D9E2F5AD96AE}" srcId="{7F6F8B7A-6658-4C78-9B31-5BB1BC1ED65F}" destId="{F13FE376-1024-45CA-A2C4-CA12D750240C}" srcOrd="4" destOrd="0" parTransId="{CACEDBED-0BCB-4646-A3FC-FF4E29928DA0}" sibTransId="{A344CB59-BC7E-4E71-9666-102C084506B7}"/>
    <dgm:cxn modelId="{C73CB6D4-CE4F-4C05-94A6-CFAD0EA9E8FA}" type="presOf" srcId="{7F6F8B7A-6658-4C78-9B31-5BB1BC1ED65F}" destId="{A7BD89E0-53C5-4616-8C66-389791FB8EA4}" srcOrd="0" destOrd="0" presId="urn:microsoft.com/office/officeart/2005/8/layout/hProcess9"/>
    <dgm:cxn modelId="{6B126999-4928-41BE-9870-2133FE827362}" type="presParOf" srcId="{A7BD89E0-53C5-4616-8C66-389791FB8EA4}" destId="{F6F16C20-8B54-444A-ABDC-E16CD3C74E70}" srcOrd="0" destOrd="0" presId="urn:microsoft.com/office/officeart/2005/8/layout/hProcess9"/>
    <dgm:cxn modelId="{BC288A01-B912-490F-9940-A0B580C5E11F}" type="presParOf" srcId="{A7BD89E0-53C5-4616-8C66-389791FB8EA4}" destId="{D6CC35A9-EA8E-47CC-9310-40D20717BFEA}" srcOrd="1" destOrd="0" presId="urn:microsoft.com/office/officeart/2005/8/layout/hProcess9"/>
    <dgm:cxn modelId="{29AFE311-70ED-40FD-BBEA-ACF92FB0C766}" type="presParOf" srcId="{D6CC35A9-EA8E-47CC-9310-40D20717BFEA}" destId="{7B1BD28A-F3CD-46EB-AF2C-8D17B41BA3E9}" srcOrd="0" destOrd="0" presId="urn:microsoft.com/office/officeart/2005/8/layout/hProcess9"/>
    <dgm:cxn modelId="{8F01072E-9F62-41F2-B398-144973F280C8}" type="presParOf" srcId="{D6CC35A9-EA8E-47CC-9310-40D20717BFEA}" destId="{EB4F05D9-574A-4E61-965C-2EB09EEBD8A4}" srcOrd="1" destOrd="0" presId="urn:microsoft.com/office/officeart/2005/8/layout/hProcess9"/>
    <dgm:cxn modelId="{8DA9704C-600A-4080-B7B1-421A432D2603}" type="presParOf" srcId="{D6CC35A9-EA8E-47CC-9310-40D20717BFEA}" destId="{85A5F3F8-563D-4E35-9E02-AC8F89E86400}" srcOrd="2" destOrd="0" presId="urn:microsoft.com/office/officeart/2005/8/layout/hProcess9"/>
    <dgm:cxn modelId="{C09632D0-F320-4EE5-A422-F6884F3E2AF2}" type="presParOf" srcId="{D6CC35A9-EA8E-47CC-9310-40D20717BFEA}" destId="{766AF0A5-8D74-4378-9497-3BB7F138F2B0}" srcOrd="3" destOrd="0" presId="urn:microsoft.com/office/officeart/2005/8/layout/hProcess9"/>
    <dgm:cxn modelId="{922ED6D4-E357-4EC5-9A64-D91C51AE0DE8}" type="presParOf" srcId="{D6CC35A9-EA8E-47CC-9310-40D20717BFEA}" destId="{F4A6CEBA-9AF0-492A-ACCE-00B8A98A7294}" srcOrd="4" destOrd="0" presId="urn:microsoft.com/office/officeart/2005/8/layout/hProcess9"/>
    <dgm:cxn modelId="{27F52E66-6D7D-4BD9-9C3F-A7E71A547DAD}" type="presParOf" srcId="{D6CC35A9-EA8E-47CC-9310-40D20717BFEA}" destId="{9915B325-386E-44F9-907B-B98052AAFE12}" srcOrd="5" destOrd="0" presId="urn:microsoft.com/office/officeart/2005/8/layout/hProcess9"/>
    <dgm:cxn modelId="{ECA7CEBE-3FF8-442E-BF41-85C01139951F}" type="presParOf" srcId="{D6CC35A9-EA8E-47CC-9310-40D20717BFEA}" destId="{A959927D-2D45-4C8C-93C6-8A068FA57B87}" srcOrd="6" destOrd="0" presId="urn:microsoft.com/office/officeart/2005/8/layout/hProcess9"/>
    <dgm:cxn modelId="{8A73DBCA-940C-4A69-913D-12DC8970F212}" type="presParOf" srcId="{D6CC35A9-EA8E-47CC-9310-40D20717BFEA}" destId="{736AC4CD-F80E-4825-81E9-575D29025259}" srcOrd="7" destOrd="0" presId="urn:microsoft.com/office/officeart/2005/8/layout/hProcess9"/>
    <dgm:cxn modelId="{55E90298-C0CA-4247-BDE4-E572DD077FF2}" type="presParOf" srcId="{D6CC35A9-EA8E-47CC-9310-40D20717BFEA}" destId="{F3173D8B-5B37-4952-BAC7-B7E0AD7A736A}" srcOrd="8" destOrd="0" presId="urn:microsoft.com/office/officeart/2005/8/layout/hProcess9"/>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6F16C20-8B54-444A-ABDC-E16CD3C74E70}">
      <dsp:nvSpPr>
        <dsp:cNvPr id="0" name=""/>
        <dsp:cNvSpPr/>
      </dsp:nvSpPr>
      <dsp:spPr>
        <a:xfrm>
          <a:off x="844646" y="0"/>
          <a:ext cx="9004252" cy="4738539"/>
        </a:xfrm>
        <a:prstGeom prst="rightArrow">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7B1BD28A-F3CD-46EB-AF2C-8D17B41BA3E9}">
      <dsp:nvSpPr>
        <dsp:cNvPr id="0" name=""/>
        <dsp:cNvSpPr/>
      </dsp:nvSpPr>
      <dsp:spPr>
        <a:xfrm>
          <a:off x="4655" y="1421561"/>
          <a:ext cx="2035370" cy="1895415"/>
        </a:xfrm>
        <a:prstGeom prst="round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7630" tIns="87630" rIns="87630" bIns="87630" numCol="1" spcCol="1270" anchor="ctr" anchorCtr="0">
          <a:noAutofit/>
        </a:bodyPr>
        <a:lstStyle/>
        <a:p>
          <a:pPr marL="0" lvl="0" indent="0" algn="ctr" defTabSz="1022350">
            <a:lnSpc>
              <a:spcPct val="90000"/>
            </a:lnSpc>
            <a:spcBef>
              <a:spcPct val="0"/>
            </a:spcBef>
            <a:spcAft>
              <a:spcPct val="35000"/>
            </a:spcAft>
            <a:buNone/>
          </a:pPr>
          <a:r>
            <a:rPr lang="fr-BE" sz="2300" kern="1200" dirty="0">
              <a:solidFill>
                <a:schemeClr val="bg1"/>
              </a:solidFill>
              <a:latin typeface="EC Square Sans Cond Pro" panose="020B0506040000020004" pitchFamily="34" charset="0"/>
            </a:rPr>
            <a:t>Publication of the call: </a:t>
          </a:r>
          <a:r>
            <a:rPr lang="fr-BE" sz="2300" b="1" kern="1200" dirty="0">
              <a:solidFill>
                <a:schemeClr val="bg1"/>
              </a:solidFill>
              <a:latin typeface="EC Square Sans Cond Pro" panose="020B0506040000020004" pitchFamily="34" charset="0"/>
            </a:rPr>
            <a:t>23</a:t>
          </a:r>
          <a:r>
            <a:rPr lang="fr-BE" sz="2300" kern="1200" dirty="0">
              <a:solidFill>
                <a:schemeClr val="bg1"/>
              </a:solidFill>
              <a:latin typeface="EC Square Sans Cond Pro" panose="020B0506040000020004" pitchFamily="34" charset="0"/>
            </a:rPr>
            <a:t> </a:t>
          </a:r>
          <a:r>
            <a:rPr lang="fr-BE" sz="2300" b="1" kern="1200" dirty="0" err="1">
              <a:solidFill>
                <a:schemeClr val="bg1"/>
              </a:solidFill>
              <a:latin typeface="EC Square Sans Cond Pro" panose="020B0506040000020004" pitchFamily="34" charset="0"/>
            </a:rPr>
            <a:t>November</a:t>
          </a:r>
          <a:r>
            <a:rPr lang="fr-BE" sz="2300" b="1" kern="1200" dirty="0">
              <a:solidFill>
                <a:schemeClr val="bg1"/>
              </a:solidFill>
              <a:latin typeface="EC Square Sans Cond Pro" panose="020B0506040000020004" pitchFamily="34" charset="0"/>
            </a:rPr>
            <a:t> 2022</a:t>
          </a:r>
          <a:endParaRPr lang="en-US" sz="2300" kern="1200" dirty="0">
            <a:solidFill>
              <a:schemeClr val="bg1"/>
            </a:solidFill>
            <a:latin typeface="EC Square Sans Cond Pro" panose="020B0506040000020004" pitchFamily="34" charset="0"/>
          </a:endParaRPr>
        </a:p>
      </dsp:txBody>
      <dsp:txXfrm>
        <a:off x="97182" y="1514088"/>
        <a:ext cx="1850316" cy="1710361"/>
      </dsp:txXfrm>
    </dsp:sp>
    <dsp:sp modelId="{85A5F3F8-563D-4E35-9E02-AC8F89E86400}">
      <dsp:nvSpPr>
        <dsp:cNvPr id="0" name=""/>
        <dsp:cNvSpPr/>
      </dsp:nvSpPr>
      <dsp:spPr>
        <a:xfrm>
          <a:off x="2141794" y="1421561"/>
          <a:ext cx="2035370" cy="1895415"/>
        </a:xfrm>
        <a:prstGeom prst="round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7630" tIns="87630" rIns="87630" bIns="87630" numCol="1" spcCol="1270" anchor="ctr" anchorCtr="0">
          <a:noAutofit/>
        </a:bodyPr>
        <a:lstStyle/>
        <a:p>
          <a:pPr marL="0" lvl="0" indent="0" algn="ctr" defTabSz="1022350">
            <a:lnSpc>
              <a:spcPct val="90000"/>
            </a:lnSpc>
            <a:spcBef>
              <a:spcPct val="0"/>
            </a:spcBef>
            <a:spcAft>
              <a:spcPct val="35000"/>
            </a:spcAft>
            <a:buNone/>
          </a:pPr>
          <a:r>
            <a:rPr lang="fr-BE" sz="2300" kern="1200" dirty="0">
              <a:solidFill>
                <a:schemeClr val="bg1"/>
              </a:solidFill>
              <a:latin typeface="EC Square Sans Cond Pro" panose="020B0506040000020004" pitchFamily="34" charset="0"/>
            </a:rPr>
            <a:t>Deadline: </a:t>
          </a:r>
          <a:r>
            <a:rPr lang="fr-BE" sz="2300" b="1" kern="1200" dirty="0">
              <a:solidFill>
                <a:schemeClr val="bg1"/>
              </a:solidFill>
              <a:latin typeface="EC Square Sans Cond Pro" panose="020B0506040000020004" pitchFamily="34" charset="0"/>
            </a:rPr>
            <a:t>23 </a:t>
          </a:r>
          <a:r>
            <a:rPr lang="fr-BE" sz="2300" b="1" kern="1200" dirty="0" err="1">
              <a:solidFill>
                <a:schemeClr val="bg1"/>
              </a:solidFill>
              <a:latin typeface="EC Square Sans Cond Pro" panose="020B0506040000020004" pitchFamily="34" charset="0"/>
            </a:rPr>
            <a:t>February</a:t>
          </a:r>
          <a:r>
            <a:rPr lang="fr-BE" sz="2300" b="1" kern="1200" dirty="0">
              <a:solidFill>
                <a:schemeClr val="bg1"/>
              </a:solidFill>
              <a:latin typeface="EC Square Sans Cond Pro" panose="020B0506040000020004" pitchFamily="34" charset="0"/>
            </a:rPr>
            <a:t>  2023</a:t>
          </a:r>
        </a:p>
      </dsp:txBody>
      <dsp:txXfrm>
        <a:off x="2234321" y="1514088"/>
        <a:ext cx="1850316" cy="1710361"/>
      </dsp:txXfrm>
    </dsp:sp>
    <dsp:sp modelId="{F4A6CEBA-9AF0-492A-ACCE-00B8A98A7294}">
      <dsp:nvSpPr>
        <dsp:cNvPr id="0" name=""/>
        <dsp:cNvSpPr/>
      </dsp:nvSpPr>
      <dsp:spPr>
        <a:xfrm>
          <a:off x="4278933" y="1421561"/>
          <a:ext cx="2035370" cy="1895415"/>
        </a:xfrm>
        <a:prstGeom prst="round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7630" tIns="87630" rIns="87630" bIns="87630" numCol="1" spcCol="1270" anchor="ctr" anchorCtr="0">
          <a:noAutofit/>
        </a:bodyPr>
        <a:lstStyle/>
        <a:p>
          <a:pPr marL="0" lvl="0" indent="0" algn="ctr" defTabSz="1022350">
            <a:lnSpc>
              <a:spcPct val="90000"/>
            </a:lnSpc>
            <a:spcBef>
              <a:spcPct val="0"/>
            </a:spcBef>
            <a:spcAft>
              <a:spcPct val="35000"/>
            </a:spcAft>
            <a:buNone/>
          </a:pPr>
          <a:r>
            <a:rPr lang="fr-BE" sz="2300" kern="1200" dirty="0" err="1">
              <a:solidFill>
                <a:schemeClr val="bg1"/>
              </a:solidFill>
              <a:latin typeface="EC Square Sans Cond Pro" panose="020B0506040000020004" pitchFamily="34" charset="0"/>
            </a:rPr>
            <a:t>Evaluation</a:t>
          </a:r>
          <a:r>
            <a:rPr lang="fr-BE" sz="2300" kern="1200" dirty="0">
              <a:solidFill>
                <a:schemeClr val="bg1"/>
              </a:solidFill>
              <a:latin typeface="EC Square Sans Cond Pro" panose="020B0506040000020004" pitchFamily="34" charset="0"/>
            </a:rPr>
            <a:t> process: </a:t>
          </a:r>
          <a:r>
            <a:rPr lang="fr-BE" sz="2300" b="1" kern="1200" dirty="0">
              <a:solidFill>
                <a:schemeClr val="bg1"/>
              </a:solidFill>
              <a:latin typeface="EC Square Sans Cond Pro" panose="020B0506040000020004" pitchFamily="34" charset="0"/>
            </a:rPr>
            <a:t>March - July 2023</a:t>
          </a:r>
        </a:p>
      </dsp:txBody>
      <dsp:txXfrm>
        <a:off x="4371460" y="1514088"/>
        <a:ext cx="1850316" cy="1710361"/>
      </dsp:txXfrm>
    </dsp:sp>
    <dsp:sp modelId="{A959927D-2D45-4C8C-93C6-8A068FA57B87}">
      <dsp:nvSpPr>
        <dsp:cNvPr id="0" name=""/>
        <dsp:cNvSpPr/>
      </dsp:nvSpPr>
      <dsp:spPr>
        <a:xfrm>
          <a:off x="6416072" y="1421561"/>
          <a:ext cx="2035370" cy="1895415"/>
        </a:xfrm>
        <a:prstGeom prst="round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7630" tIns="87630" rIns="87630" bIns="87630" numCol="1" spcCol="1270" anchor="ctr" anchorCtr="0">
          <a:noAutofit/>
        </a:bodyPr>
        <a:lstStyle/>
        <a:p>
          <a:pPr marL="0" lvl="0" indent="0" algn="ctr" defTabSz="1022350">
            <a:lnSpc>
              <a:spcPct val="90000"/>
            </a:lnSpc>
            <a:spcBef>
              <a:spcPct val="0"/>
            </a:spcBef>
            <a:spcAft>
              <a:spcPct val="35000"/>
            </a:spcAft>
            <a:buNone/>
          </a:pPr>
          <a:r>
            <a:rPr lang="fr-BE" sz="2300" kern="1200" dirty="0">
              <a:latin typeface="EC Square Sans Cond Pro" panose="020B0506040000020004" pitchFamily="34" charset="0"/>
            </a:rPr>
            <a:t>Information to </a:t>
          </a:r>
          <a:r>
            <a:rPr lang="fr-BE" sz="2300" kern="1200" dirty="0" err="1">
              <a:latin typeface="EC Square Sans Cond Pro" panose="020B0506040000020004" pitchFamily="34" charset="0"/>
            </a:rPr>
            <a:t>applicants</a:t>
          </a:r>
          <a:r>
            <a:rPr lang="fr-BE" sz="2300" kern="1200" dirty="0">
              <a:latin typeface="EC Square Sans Cond Pro" panose="020B0506040000020004" pitchFamily="34" charset="0"/>
            </a:rPr>
            <a:t> </a:t>
          </a:r>
          <a:r>
            <a:rPr lang="fr-BE" sz="2300" b="1" kern="1200" dirty="0">
              <a:solidFill>
                <a:srgbClr val="FFC000"/>
              </a:solidFill>
              <a:latin typeface="EC Square Sans Cond Pro" panose="020B0506040000020004" pitchFamily="34" charset="0"/>
            </a:rPr>
            <a:t>August</a:t>
          </a:r>
          <a:r>
            <a:rPr lang="fr-BE" sz="2300" kern="1200" dirty="0">
              <a:solidFill>
                <a:srgbClr val="FFC000"/>
              </a:solidFill>
              <a:latin typeface="EC Square Sans Cond Pro" panose="020B0506040000020004" pitchFamily="34" charset="0"/>
            </a:rPr>
            <a:t> </a:t>
          </a:r>
          <a:r>
            <a:rPr lang="fr-BE" sz="2300" b="1" kern="1200" dirty="0">
              <a:solidFill>
                <a:srgbClr val="FFC000"/>
              </a:solidFill>
              <a:latin typeface="EC Square Sans Cond Pro" panose="020B0506040000020004" pitchFamily="34" charset="0"/>
            </a:rPr>
            <a:t>2023</a:t>
          </a:r>
        </a:p>
      </dsp:txBody>
      <dsp:txXfrm>
        <a:off x="6508599" y="1514088"/>
        <a:ext cx="1850316" cy="1710361"/>
      </dsp:txXfrm>
    </dsp:sp>
    <dsp:sp modelId="{F3173D8B-5B37-4952-BAC7-B7E0AD7A736A}">
      <dsp:nvSpPr>
        <dsp:cNvPr id="0" name=""/>
        <dsp:cNvSpPr/>
      </dsp:nvSpPr>
      <dsp:spPr>
        <a:xfrm>
          <a:off x="8553212" y="1421561"/>
          <a:ext cx="2035370" cy="1895415"/>
        </a:xfrm>
        <a:prstGeom prst="roundRect">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7630" tIns="87630" rIns="87630" bIns="87630" numCol="1" spcCol="1270" anchor="ctr" anchorCtr="0">
          <a:noAutofit/>
        </a:bodyPr>
        <a:lstStyle/>
        <a:p>
          <a:pPr marL="0" lvl="0" indent="0" algn="ctr" defTabSz="1022350">
            <a:lnSpc>
              <a:spcPct val="90000"/>
            </a:lnSpc>
            <a:spcBef>
              <a:spcPct val="0"/>
            </a:spcBef>
            <a:spcAft>
              <a:spcPct val="35000"/>
            </a:spcAft>
            <a:buNone/>
          </a:pPr>
          <a:r>
            <a:rPr lang="fr-BE" sz="2300" kern="1200" dirty="0">
              <a:latin typeface="EC Square Sans Cond Pro" panose="020B0506040000020004" pitchFamily="34" charset="0"/>
            </a:rPr>
            <a:t>Start of </a:t>
          </a:r>
          <a:r>
            <a:rPr lang="fr-BE" sz="2300" kern="1200" dirty="0" err="1">
              <a:latin typeface="EC Square Sans Cond Pro" panose="020B0506040000020004" pitchFamily="34" charset="0"/>
            </a:rPr>
            <a:t>projects</a:t>
          </a:r>
          <a:r>
            <a:rPr lang="fr-BE" sz="2300" kern="1200" dirty="0">
              <a:latin typeface="EC Square Sans Cond Pro" panose="020B0506040000020004" pitchFamily="34" charset="0"/>
            </a:rPr>
            <a:t>: </a:t>
          </a:r>
          <a:r>
            <a:rPr lang="fr-BE" sz="2300" b="1" kern="1200" dirty="0">
              <a:solidFill>
                <a:schemeClr val="bg1"/>
              </a:solidFill>
              <a:latin typeface="EC Square Sans Cond Pro" panose="020B0506040000020004" pitchFamily="34" charset="0"/>
            </a:rPr>
            <a:t>1 August 2023</a:t>
          </a:r>
          <a:endParaRPr lang="en-US" sz="2300" b="1" kern="1200" dirty="0">
            <a:solidFill>
              <a:schemeClr val="bg1"/>
            </a:solidFill>
            <a:latin typeface="EC Square Sans Cond Pro" panose="020B0506040000020004" pitchFamily="34" charset="0"/>
          </a:endParaRPr>
        </a:p>
      </dsp:txBody>
      <dsp:txXfrm>
        <a:off x="8645739" y="1514088"/>
        <a:ext cx="1850316" cy="1710361"/>
      </dsp:txXfrm>
    </dsp:sp>
  </dsp:spTree>
</dsp:drawing>
</file>

<file path=ppt/diagrams/layout1.xml><?xml version="1.0" encoding="utf-8"?>
<dgm:layoutDef xmlns:dgm="http://schemas.openxmlformats.org/drawingml/2006/diagram" xmlns:a="http://schemas.openxmlformats.org/drawingml/2006/main" uniqueId="urn:microsoft.com/office/officeart/2005/8/layout/hProcess9">
  <dgm:title val=""/>
  <dgm:desc val=""/>
  <dgm:catLst>
    <dgm:cat type="process" pri="5000"/>
    <dgm:cat type="convert"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tProcess">
    <dgm:varLst>
      <dgm:dir/>
      <dgm:resizeHandles val="exact"/>
    </dgm:varLst>
    <dgm:alg type="composite">
      <dgm:param type="horzAlign" val="ctr"/>
      <dgm:param type="vertAlign" val="mid"/>
    </dgm:alg>
    <dgm:shape xmlns:r="http://schemas.openxmlformats.org/officeDocument/2006/relationships" r:blip="">
      <dgm:adjLst/>
    </dgm:shape>
    <dgm:presOf/>
    <dgm:constrLst>
      <dgm:constr type="w" for="ch" forName="arrow" refType="w" fact="0.85"/>
      <dgm:constr type="h" for="ch" forName="arrow" refType="h"/>
      <dgm:constr type="ctrX" for="ch" forName="arrow" refType="w" fact="0.5"/>
      <dgm:constr type="ctrY" for="ch" forName="arrow" refType="h" fact="0.5"/>
      <dgm:constr type="w" for="ch" forName="linearProcess" refType="w"/>
      <dgm:constr type="h" for="ch" forName="linearProcess" refType="h" fact="0.4"/>
      <dgm:constr type="ctrX" for="ch" forName="linearProcess" refType="w" fact="0.5"/>
      <dgm:constr type="ctrY" for="ch" forName="linearProcess" refType="h" fact="0.5"/>
    </dgm:constrLst>
    <dgm:ruleLst/>
    <dgm:layoutNode name="arrow" styleLbl="bgShp">
      <dgm:alg type="sp"/>
      <dgm:choose name="Name0">
        <dgm:if name="Name1" func="var" arg="dir" op="equ" val="norm">
          <dgm:shape xmlns:r="http://schemas.openxmlformats.org/officeDocument/2006/relationships" type="rightArrow" r:blip="">
            <dgm:adjLst/>
          </dgm:shape>
        </dgm:if>
        <dgm:else name="Name2">
          <dgm:shape xmlns:r="http://schemas.openxmlformats.org/officeDocument/2006/relationships" type="leftArrow" r:blip="">
            <dgm:adjLst/>
          </dgm:shape>
        </dgm:else>
      </dgm:choose>
      <dgm:presOf/>
      <dgm:constrLst/>
      <dgm:ruleLst/>
    </dgm:layoutNode>
    <dgm:layoutNode name="linearProcess">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userA" for="ch" ptType="node" refType="w"/>
        <dgm:constr type="h" for="ch" ptType="node" refType="h"/>
        <dgm:constr type="w" for="ch" ptType="node" op="equ"/>
        <dgm:constr type="w" for="ch" forName="sibTrans" refType="w" fact="0.05"/>
        <dgm:constr type="primFontSz" for="ch" ptType="node" op="equ" val="65"/>
      </dgm:constrLst>
      <dgm:ruleLst/>
      <dgm:forEach name="Name6" axis="ch" ptType="node">
        <dgm:layoutNode name="textNode" styleLbl="node1">
          <dgm:varLst>
            <dgm:bulletEnabled val="1"/>
          </dgm:varLst>
          <dgm:alg type="tx"/>
          <dgm:shape xmlns:r="http://schemas.openxmlformats.org/officeDocument/2006/relationships" type="roundRect" r:blip="">
            <dgm:adjLst/>
          </dgm:shape>
          <dgm:presOf axis="desOrSelf" ptType="node"/>
          <dgm:constrLst>
            <dgm:constr type="userA"/>
            <dgm:constr type="w" refType="userA" fact="0.3"/>
            <dgm:constr type="tMarg" refType="primFontSz" fact="0.3"/>
            <dgm:constr type="bMarg" refType="primFontSz" fact="0.3"/>
            <dgm:constr type="lMarg" refType="primFontSz" fact="0.3"/>
            <dgm:constr type="rMarg" refType="primFontSz" fact="0.3"/>
          </dgm:constrLst>
          <dgm:ruleLst>
            <dgm:rule type="w" val="NaN" fact="1" max="NaN"/>
            <dgm:rule type="primFontSz" val="5" fact="NaN" max="NaN"/>
          </dgm:ruleLst>
        </dgm:layoutNode>
        <dgm:forEach name="Name7" axis="followSib" ptType="sibTrans" cnt="1">
          <dgm:layoutNode name="sibTrans">
            <dgm:alg type="sp"/>
            <dgm:shape xmlns:r="http://schemas.openxmlformats.org/officeDocument/2006/relationships" r:blip="">
              <dgm:adjLst/>
            </dgm:shape>
            <dgm:presOf/>
            <dgm:constrLst/>
            <dgm:ruleLst/>
          </dgm:layoutNode>
        </dgm:forEach>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drawing1.xml><?xml version="1.0" encoding="utf-8"?>
<c:userShapes xmlns:c="http://schemas.openxmlformats.org/drawingml/2006/chart">
  <cdr:relSizeAnchor xmlns:cdr="http://schemas.openxmlformats.org/drawingml/2006/chartDrawing">
    <cdr:from>
      <cdr:x>0.5</cdr:x>
      <cdr:y>0.21852</cdr:y>
    </cdr:from>
    <cdr:to>
      <cdr:x>0.94731</cdr:x>
      <cdr:y>0.57328</cdr:y>
    </cdr:to>
    <cdr:sp macro="" textlink="">
      <cdr:nvSpPr>
        <cdr:cNvPr id="2" name="TextBox 1"/>
        <cdr:cNvSpPr txBox="1"/>
      </cdr:nvSpPr>
      <cdr:spPr>
        <a:xfrm xmlns:a="http://schemas.openxmlformats.org/drawingml/2006/main">
          <a:off x="5701937" y="1086260"/>
          <a:ext cx="5101047" cy="1763485"/>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endParaRPr lang="en-US" sz="1100" dirty="0"/>
        </a:p>
      </cdr:txBody>
    </cdr:sp>
  </cdr:relSizeAnchor>
  <cdr:relSizeAnchor xmlns:cdr="http://schemas.openxmlformats.org/drawingml/2006/chartDrawing">
    <cdr:from>
      <cdr:x>0.18159</cdr:x>
      <cdr:y>0</cdr:y>
    </cdr:from>
    <cdr:to>
      <cdr:x>0.81841</cdr:x>
      <cdr:y>0.17986</cdr:y>
    </cdr:to>
    <cdr:sp macro="" textlink="">
      <cdr:nvSpPr>
        <cdr:cNvPr id="3" name="Title 2"/>
        <cdr:cNvSpPr>
          <a:spLocks xmlns:a="http://schemas.openxmlformats.org/drawingml/2006/main" noGrp="1"/>
        </cdr:cNvSpPr>
      </cdr:nvSpPr>
      <cdr:spPr>
        <a:xfrm xmlns:a="http://schemas.openxmlformats.org/drawingml/2006/main">
          <a:off x="1820648" y="0"/>
          <a:ext cx="6384637" cy="728798"/>
        </a:xfrm>
        <a:prstGeom xmlns:a="http://schemas.openxmlformats.org/drawingml/2006/main" prst="rect">
          <a:avLst/>
        </a:prstGeom>
      </cdr:spPr>
      <cdr:txBody>
        <a:bodyPr xmlns:a="http://schemas.openxmlformats.org/drawingml/2006/main" vert="horz" lIns="91440" tIns="45720" rIns="91440" bIns="0" rtlCol="0" anchor="b" anchorCtr="0">
          <a:noAutofit/>
        </a:bodyPr>
        <a:lstStyle xmlns:a="http://schemas.openxmlformats.org/drawingml/2006/main">
          <a:lvl1pPr algn="l" defTabSz="914400" rtl="0" eaLnBrk="1" latinLnBrk="0" hangingPunct="1">
            <a:lnSpc>
              <a:spcPct val="90000"/>
            </a:lnSpc>
            <a:spcBef>
              <a:spcPct val="0"/>
            </a:spcBef>
            <a:buNone/>
            <a:defRPr sz="4000" kern="1200">
              <a:solidFill>
                <a:schemeClr val="tx2"/>
              </a:solidFill>
              <a:latin typeface="+mj-lt"/>
              <a:ea typeface="+mj-ea"/>
              <a:cs typeface="+mj-cs"/>
            </a:defRPr>
          </a:lvl1pPr>
        </a:lstStyle>
        <a:p xmlns:a="http://schemas.openxmlformats.org/drawingml/2006/main">
          <a:pPr algn="ctr"/>
          <a:endParaRPr lang="en-US" sz="2000" dirty="0">
            <a:latin typeface="EC Square Sans Cond Pro" panose="020B0506040000020004" pitchFamily="34" charset="0"/>
          </a:endParaRPr>
        </a:p>
      </cdr:txBody>
    </cdr:sp>
  </cdr:relSizeAnchor>
</c:userShape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IE"/>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6D0D23F9-BD77-47AF-8A92-31BD0FFF48C2}" type="datetimeFigureOut">
              <a:rPr lang="en-IE" smtClean="0"/>
              <a:t>29/11/2022</a:t>
            </a:fld>
            <a:endParaRPr lang="en-IE"/>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IE"/>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IE"/>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82493392-A8D8-415F-B836-1FEF555AFA05}" type="slidenum">
              <a:rPr lang="en-IE" smtClean="0"/>
              <a:t>‹N°›</a:t>
            </a:fld>
            <a:endParaRPr lang="en-IE"/>
          </a:p>
        </p:txBody>
      </p:sp>
    </p:spTree>
    <p:extLst>
      <p:ext uri="{BB962C8B-B14F-4D97-AF65-F5344CB8AC3E}">
        <p14:creationId xmlns:p14="http://schemas.microsoft.com/office/powerpoint/2010/main" val="198117473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900" dirty="0"/>
              <a:t>Erasmus+ is a wide </a:t>
            </a:r>
            <a:r>
              <a:rPr lang="en-US" sz="900" dirty="0" err="1"/>
              <a:t>programme</a:t>
            </a:r>
            <a:r>
              <a:rPr lang="en-US" sz="900" dirty="0"/>
              <a:t>, which started over 30 years ago with intra-European projects to boost internationalization across Europe’s borders. </a:t>
            </a:r>
          </a:p>
          <a:p>
            <a:endParaRPr lang="en-US" sz="900" dirty="0"/>
          </a:p>
          <a:p>
            <a:r>
              <a:rPr lang="en-US" sz="900" dirty="0"/>
              <a:t>Since 2014, Erasmus+ has acknowledged the need to boost internationalization at world level. </a:t>
            </a:r>
          </a:p>
          <a:p>
            <a:endParaRPr lang="en-US" sz="900" dirty="0"/>
          </a:p>
          <a:p>
            <a:r>
              <a:rPr lang="en-US" sz="900" dirty="0"/>
              <a:t>The previous</a:t>
            </a:r>
            <a:r>
              <a:rPr lang="en-US" sz="900" baseline="0" dirty="0"/>
              <a:t> </a:t>
            </a:r>
            <a:r>
              <a:rPr lang="en-US" sz="900" baseline="0" dirty="0" err="1"/>
              <a:t>programme</a:t>
            </a:r>
            <a:r>
              <a:rPr lang="en-US" sz="900" baseline="0" dirty="0"/>
              <a:t> 2014-2020 had a strong international dimension,</a:t>
            </a:r>
            <a:r>
              <a:rPr lang="en-US" sz="900" dirty="0"/>
              <a:t> supporting projects for cooperation or exchange between Europe and the rest of the world. </a:t>
            </a:r>
          </a:p>
          <a:p>
            <a:endParaRPr lang="en-IE" sz="900" dirty="0"/>
          </a:p>
          <a:p>
            <a:r>
              <a:rPr lang="en-IE" sz="900" dirty="0"/>
              <a:t>In the current programme 2021-2027, the international dimension of Erasmus+</a:t>
            </a:r>
            <a:r>
              <a:rPr lang="en-IE" sz="900" baseline="0" dirty="0"/>
              <a:t> will be further strengthened, building on the success of the existing key actions and expanding international to other sectors. </a:t>
            </a:r>
            <a:endParaRPr lang="en-US" sz="900" dirty="0"/>
          </a:p>
          <a:p>
            <a:endParaRPr lang="en-US" sz="900" dirty="0"/>
          </a:p>
          <a:p>
            <a:endParaRPr lang="en-US" sz="900" dirty="0"/>
          </a:p>
        </p:txBody>
      </p:sp>
      <p:sp>
        <p:nvSpPr>
          <p:cNvPr id="4" name="Slide Number Placeholder 3"/>
          <p:cNvSpPr>
            <a:spLocks noGrp="1"/>
          </p:cNvSpPr>
          <p:nvPr>
            <p:ph type="sldNum" sz="quarter" idx="10"/>
          </p:nvPr>
        </p:nvSpPr>
        <p:spPr/>
        <p:txBody>
          <a:bodyPr/>
          <a:lstStyle/>
          <a:p>
            <a:fld id="{59CF2995-AB43-4B7C-B8CD-9DC7C3692A9C}" type="slidenum">
              <a:rPr lang="en-GB" smtClean="0"/>
              <a:t>2</a:t>
            </a:fld>
            <a:endParaRPr lang="en-GB"/>
          </a:p>
        </p:txBody>
      </p:sp>
    </p:spTree>
    <p:extLst>
      <p:ext uri="{BB962C8B-B14F-4D97-AF65-F5344CB8AC3E}">
        <p14:creationId xmlns:p14="http://schemas.microsoft.com/office/powerpoint/2010/main" val="327118571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a:solidFill>
                  <a:schemeClr val="tx1"/>
                </a:solidFill>
                <a:effectLst/>
                <a:latin typeface="+mn-lt"/>
                <a:ea typeface="+mn-ea"/>
                <a:cs typeface="+mn-cs"/>
              </a:rPr>
              <a:t>Applications are subject to a quality assessment managed by the National Agency in the Erasmus+ countries. </a:t>
            </a:r>
          </a:p>
          <a:p>
            <a:endParaRPr lang="en-US" sz="1200" kern="1200" dirty="0">
              <a:solidFill>
                <a:schemeClr val="tx1"/>
              </a:solidFill>
              <a:effectLst/>
              <a:latin typeface="+mn-lt"/>
              <a:ea typeface="+mn-ea"/>
              <a:cs typeface="+mn-cs"/>
            </a:endParaRPr>
          </a:p>
          <a:p>
            <a:r>
              <a:rPr lang="en-US" sz="1200" kern="1200" dirty="0">
                <a:solidFill>
                  <a:schemeClr val="tx1"/>
                </a:solidFill>
                <a:effectLst/>
                <a:latin typeface="+mn-lt"/>
                <a:ea typeface="+mn-ea"/>
                <a:cs typeface="+mn-cs"/>
              </a:rPr>
              <a:t>Each European applicant needs to reply to 3 quality questions covering:</a:t>
            </a:r>
          </a:p>
          <a:p>
            <a:pPr marL="171450" indent="-171450">
              <a:buFont typeface="Arial" panose="020B0604020202020204" pitchFamily="34" charset="0"/>
              <a:buChar char="•"/>
            </a:pPr>
            <a:r>
              <a:rPr lang="en-US" sz="1200" kern="1200" dirty="0">
                <a:solidFill>
                  <a:schemeClr val="tx1"/>
                </a:solidFill>
                <a:effectLst/>
                <a:latin typeface="+mn-lt"/>
                <a:ea typeface="+mn-ea"/>
                <a:cs typeface="+mn-cs"/>
              </a:rPr>
              <a:t>the project design and cooperation arrangements (explain the responsibilities, roles, tasks division; cooperation</a:t>
            </a:r>
            <a:r>
              <a:rPr lang="en-US" sz="1200" kern="1200" baseline="0" dirty="0">
                <a:solidFill>
                  <a:schemeClr val="tx1"/>
                </a:solidFill>
                <a:effectLst/>
                <a:latin typeface="+mn-lt"/>
                <a:ea typeface="+mn-ea"/>
                <a:cs typeface="+mn-cs"/>
              </a:rPr>
              <a:t> </a:t>
            </a:r>
            <a:r>
              <a:rPr lang="en-US" sz="1200" kern="1200" dirty="0">
                <a:solidFill>
                  <a:schemeClr val="tx1"/>
                </a:solidFill>
                <a:effectLst/>
                <a:latin typeface="+mn-lt"/>
                <a:ea typeface="+mn-ea"/>
                <a:cs typeface="+mn-cs"/>
              </a:rPr>
              <a:t>arrangements: selection, support, measures to ensure recognition; outreach and selection strategies); </a:t>
            </a:r>
          </a:p>
          <a:p>
            <a:pPr marL="171450" indent="-171450">
              <a:buFont typeface="Arial" panose="020B0604020202020204" pitchFamily="34" charset="0"/>
              <a:buChar char="•"/>
            </a:pPr>
            <a:r>
              <a:rPr lang="en-US" sz="1200" kern="1200" dirty="0">
                <a:solidFill>
                  <a:schemeClr val="tx1"/>
                </a:solidFill>
                <a:effectLst/>
                <a:latin typeface="+mn-lt"/>
                <a:ea typeface="+mn-ea"/>
                <a:cs typeface="+mn-cs"/>
              </a:rPr>
              <a:t>relevance of the strategy (specify</a:t>
            </a:r>
            <a:r>
              <a:rPr lang="en-US" sz="1200" kern="1200" baseline="0" dirty="0">
                <a:solidFill>
                  <a:schemeClr val="tx1"/>
                </a:solidFill>
                <a:effectLst/>
                <a:latin typeface="+mn-lt"/>
                <a:ea typeface="+mn-ea"/>
                <a:cs typeface="+mn-cs"/>
              </a:rPr>
              <a:t> the</a:t>
            </a:r>
            <a:r>
              <a:rPr lang="en-US" sz="1200" kern="1200" dirty="0">
                <a:solidFill>
                  <a:schemeClr val="tx1"/>
                </a:solidFill>
                <a:effectLst/>
                <a:latin typeface="+mn-lt"/>
                <a:ea typeface="+mn-ea"/>
                <a:cs typeface="+mn-cs"/>
              </a:rPr>
              <a:t> types of </a:t>
            </a:r>
            <a:r>
              <a:rPr lang="en-US" sz="1200" kern="1200" dirty="0" err="1">
                <a:solidFill>
                  <a:schemeClr val="tx1"/>
                </a:solidFill>
                <a:effectLst/>
                <a:latin typeface="+mn-lt"/>
                <a:ea typeface="+mn-ea"/>
                <a:cs typeface="+mn-cs"/>
              </a:rPr>
              <a:t>mobilities</a:t>
            </a:r>
            <a:r>
              <a:rPr lang="en-US" sz="1200" kern="1200" dirty="0">
                <a:solidFill>
                  <a:schemeClr val="tx1"/>
                </a:solidFill>
                <a:effectLst/>
                <a:latin typeface="+mn-lt"/>
                <a:ea typeface="+mn-ea"/>
                <a:cs typeface="+mn-cs"/>
              </a:rPr>
              <a:t> to be </a:t>
            </a:r>
            <a:r>
              <a:rPr lang="en-US" sz="1200" kern="1200" dirty="0" err="1">
                <a:solidFill>
                  <a:schemeClr val="tx1"/>
                </a:solidFill>
                <a:effectLst/>
                <a:latin typeface="+mn-lt"/>
                <a:ea typeface="+mn-ea"/>
                <a:cs typeface="+mn-cs"/>
              </a:rPr>
              <a:t>organised</a:t>
            </a:r>
            <a:r>
              <a:rPr lang="en-US" sz="1200" kern="1200" dirty="0">
                <a:solidFill>
                  <a:schemeClr val="tx1"/>
                </a:solidFill>
                <a:effectLst/>
                <a:latin typeface="+mn-lt"/>
                <a:ea typeface="+mn-ea"/>
                <a:cs typeface="+mn-cs"/>
              </a:rPr>
              <a:t>, in which subject area); </a:t>
            </a:r>
          </a:p>
          <a:p>
            <a:pPr marL="171450" indent="-171450">
              <a:buFont typeface="Arial" panose="020B0604020202020204" pitchFamily="34" charset="0"/>
              <a:buChar char="•"/>
            </a:pPr>
            <a:r>
              <a:rPr lang="en-US" sz="1200" kern="1200" dirty="0">
                <a:solidFill>
                  <a:schemeClr val="tx1"/>
                </a:solidFill>
                <a:effectLst/>
                <a:latin typeface="+mn-lt"/>
                <a:ea typeface="+mn-ea"/>
                <a:cs typeface="+mn-cs"/>
              </a:rPr>
              <a:t>impact and dissemination of the project results.  </a:t>
            </a:r>
          </a:p>
          <a:p>
            <a:endParaRPr lang="en-US" sz="1200" kern="1200" dirty="0">
              <a:solidFill>
                <a:schemeClr val="tx1"/>
              </a:solidFill>
              <a:effectLst/>
              <a:latin typeface="+mn-lt"/>
              <a:ea typeface="+mn-ea"/>
              <a:cs typeface="+mn-cs"/>
            </a:endParaRPr>
          </a:p>
          <a:p>
            <a:r>
              <a:rPr lang="en-US" sz="1200" kern="1200" dirty="0">
                <a:solidFill>
                  <a:schemeClr val="tx1"/>
                </a:solidFill>
                <a:effectLst/>
                <a:latin typeface="+mn-lt"/>
                <a:ea typeface="+mn-ea"/>
                <a:cs typeface="+mn-cs"/>
              </a:rPr>
              <a:t>Upon successfully passing the established quality criteria, they will be allocated an ICM grant spread in different regional envelopes. </a:t>
            </a:r>
          </a:p>
          <a:p>
            <a:endParaRPr lang="en-US" sz="1200" kern="1200" dirty="0">
              <a:solidFill>
                <a:schemeClr val="tx1"/>
              </a:solidFill>
              <a:effectLst/>
              <a:latin typeface="+mn-lt"/>
              <a:ea typeface="+mn-ea"/>
              <a:cs typeface="+mn-cs"/>
            </a:endParaRPr>
          </a:p>
          <a:p>
            <a:r>
              <a:rPr lang="en-US" sz="1200" kern="1200" dirty="0">
                <a:solidFill>
                  <a:schemeClr val="tx1"/>
                </a:solidFill>
                <a:effectLst/>
                <a:latin typeface="+mn-lt"/>
                <a:ea typeface="+mn-ea"/>
                <a:cs typeface="+mn-cs"/>
              </a:rPr>
              <a:t>They sign grant agreement with the National Agency: Beneficiary Grant Agreement, which provides the financial support for the project.</a:t>
            </a:r>
          </a:p>
          <a:p>
            <a:r>
              <a:rPr lang="en-US" sz="1200" kern="1200" dirty="0">
                <a:solidFill>
                  <a:schemeClr val="tx1"/>
                </a:solidFill>
                <a:effectLst/>
                <a:latin typeface="+mn-lt"/>
                <a:ea typeface="+mn-ea"/>
                <a:cs typeface="+mn-cs"/>
              </a:rPr>
              <a:t>The partner organization is not a direct party to this agreement. </a:t>
            </a:r>
          </a:p>
          <a:p>
            <a:endParaRPr lang="en-US" sz="1200" kern="1200" dirty="0">
              <a:solidFill>
                <a:schemeClr val="tx1"/>
              </a:solidFill>
              <a:effectLst/>
              <a:latin typeface="+mn-lt"/>
              <a:ea typeface="+mn-ea"/>
              <a:cs typeface="+mn-cs"/>
            </a:endParaRPr>
          </a:p>
          <a:p>
            <a:r>
              <a:rPr lang="en-US" sz="1200" kern="1200" dirty="0">
                <a:solidFill>
                  <a:schemeClr val="tx1"/>
                </a:solidFill>
                <a:effectLst/>
                <a:latin typeface="+mn-lt"/>
                <a:ea typeface="+mn-ea"/>
                <a:cs typeface="+mn-cs"/>
              </a:rPr>
              <a:t>For every partnership with a secured budget, an Inter-Institutional Agreement is needed between the main applicant in Europe and every partner university in third countries before </a:t>
            </a:r>
            <a:r>
              <a:rPr lang="en-US" sz="1200" kern="1200" dirty="0" err="1">
                <a:solidFill>
                  <a:schemeClr val="tx1"/>
                </a:solidFill>
                <a:effectLst/>
                <a:latin typeface="+mn-lt"/>
                <a:ea typeface="+mn-ea"/>
                <a:cs typeface="+mn-cs"/>
              </a:rPr>
              <a:t>mobilities</a:t>
            </a:r>
            <a:r>
              <a:rPr lang="en-US" sz="1200" kern="1200" dirty="0">
                <a:solidFill>
                  <a:schemeClr val="tx1"/>
                </a:solidFill>
                <a:effectLst/>
                <a:latin typeface="+mn-lt"/>
                <a:ea typeface="+mn-ea"/>
                <a:cs typeface="+mn-cs"/>
              </a:rPr>
              <a:t> can start.</a:t>
            </a:r>
          </a:p>
          <a:p>
            <a:endParaRPr lang="en-US" sz="1200" kern="1200" dirty="0">
              <a:solidFill>
                <a:schemeClr val="tx1"/>
              </a:solidFill>
              <a:effectLst/>
              <a:latin typeface="+mn-lt"/>
              <a:ea typeface="+mn-ea"/>
              <a:cs typeface="+mn-cs"/>
            </a:endParaRPr>
          </a:p>
          <a:p>
            <a:r>
              <a:rPr lang="en-US" sz="1200" kern="1200" dirty="0">
                <a:solidFill>
                  <a:schemeClr val="tx1"/>
                </a:solidFill>
                <a:effectLst/>
                <a:latin typeface="+mn-lt"/>
                <a:ea typeface="+mn-ea"/>
                <a:cs typeface="+mn-cs"/>
              </a:rPr>
              <a:t>By signing an inter-institutional agreement, the institutions commit themselves to respecting the principles and quality requirements of the Erasmus Charter for Higher Education (ECHE) relating to the </a:t>
            </a:r>
            <a:r>
              <a:rPr lang="en-US" sz="1200" kern="1200" dirty="0" err="1">
                <a:solidFill>
                  <a:schemeClr val="tx1"/>
                </a:solidFill>
                <a:effectLst/>
                <a:latin typeface="+mn-lt"/>
                <a:ea typeface="+mn-ea"/>
                <a:cs typeface="+mn-cs"/>
              </a:rPr>
              <a:t>organisation</a:t>
            </a:r>
            <a:r>
              <a:rPr lang="en-US" sz="1200" kern="1200" dirty="0">
                <a:solidFill>
                  <a:schemeClr val="tx1"/>
                </a:solidFill>
                <a:effectLst/>
                <a:latin typeface="+mn-lt"/>
                <a:ea typeface="+mn-ea"/>
                <a:cs typeface="+mn-cs"/>
              </a:rPr>
              <a:t> and management of mobility, and agree on a series of measures to ensure high quality mobility.</a:t>
            </a:r>
          </a:p>
          <a:p>
            <a:endParaRPr lang="en-US" dirty="0"/>
          </a:p>
        </p:txBody>
      </p:sp>
      <p:sp>
        <p:nvSpPr>
          <p:cNvPr id="4" name="Slide Number Placeholder 3"/>
          <p:cNvSpPr>
            <a:spLocks noGrp="1"/>
          </p:cNvSpPr>
          <p:nvPr>
            <p:ph type="sldNum" sz="quarter" idx="10"/>
          </p:nvPr>
        </p:nvSpPr>
        <p:spPr/>
        <p:txBody>
          <a:bodyPr/>
          <a:lstStyle/>
          <a:p>
            <a:fld id="{59CF2995-AB43-4B7C-B8CD-9DC7C3692A9C}" type="slidenum">
              <a:rPr lang="en-GB" smtClean="0"/>
              <a:t>11</a:t>
            </a:fld>
            <a:endParaRPr lang="en-GB"/>
          </a:p>
        </p:txBody>
      </p:sp>
    </p:spTree>
    <p:extLst>
      <p:ext uri="{BB962C8B-B14F-4D97-AF65-F5344CB8AC3E}">
        <p14:creationId xmlns:p14="http://schemas.microsoft.com/office/powerpoint/2010/main" val="302694220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base" latinLnBrk="0" hangingPunct="1">
              <a:lnSpc>
                <a:spcPct val="100000"/>
              </a:lnSpc>
              <a:spcBef>
                <a:spcPct val="30000"/>
              </a:spcBef>
              <a:spcAft>
                <a:spcPct val="0"/>
              </a:spcAft>
              <a:buClrTx/>
              <a:buSzTx/>
              <a:buFontTx/>
              <a:buNone/>
              <a:tabLst/>
              <a:defRPr/>
            </a:pPr>
            <a:r>
              <a:rPr lang="en-US" sz="1200" b="1" kern="1200" dirty="0">
                <a:solidFill>
                  <a:schemeClr val="tx1"/>
                </a:solidFill>
                <a:effectLst/>
                <a:latin typeface="+mn-lt"/>
                <a:ea typeface="+mn-ea"/>
                <a:cs typeface="+mn-cs"/>
              </a:rPr>
              <a:t>Project lifecycle from the moment when it was awarded for funding to the submission of the final report </a:t>
            </a:r>
            <a:endParaRPr lang="en-US" sz="1200" kern="1200" dirty="0">
              <a:solidFill>
                <a:schemeClr val="tx1"/>
              </a:solidFill>
              <a:effectLst/>
              <a:latin typeface="+mn-lt"/>
              <a:ea typeface="+mn-ea"/>
              <a:cs typeface="+mn-cs"/>
            </a:endParaRPr>
          </a:p>
          <a:p>
            <a:pPr marL="0" marR="0" lvl="0" indent="0" algn="l" defTabSz="914400" rtl="0" eaLnBrk="1" fontAlgn="base" latinLnBrk="0" hangingPunct="1">
              <a:lnSpc>
                <a:spcPct val="100000"/>
              </a:lnSpc>
              <a:spcBef>
                <a:spcPct val="30000"/>
              </a:spcBef>
              <a:spcAft>
                <a:spcPct val="0"/>
              </a:spcAft>
              <a:buClrTx/>
              <a:buSzTx/>
              <a:buFontTx/>
              <a:buNone/>
              <a:tabLst/>
              <a:defRPr/>
            </a:pPr>
            <a:endParaRPr lang="en-US" sz="1200" kern="1200" dirty="0">
              <a:solidFill>
                <a:schemeClr val="tx1"/>
              </a:solidFill>
              <a:effectLst/>
              <a:latin typeface="Arial" charset="0"/>
              <a:ea typeface="+mn-ea"/>
              <a:cs typeface="+mn-cs"/>
            </a:endParaRPr>
          </a:p>
          <a:p>
            <a:pPr marL="0" marR="0" lvl="0" indent="0" algn="l" defTabSz="914400" rtl="0" eaLnBrk="1" fontAlgn="base" latinLnBrk="0" hangingPunct="1">
              <a:lnSpc>
                <a:spcPct val="100000"/>
              </a:lnSpc>
              <a:spcBef>
                <a:spcPct val="30000"/>
              </a:spcBef>
              <a:spcAft>
                <a:spcPct val="0"/>
              </a:spcAft>
              <a:buClrTx/>
              <a:buSzTx/>
              <a:buFontTx/>
              <a:buNone/>
              <a:tabLst/>
              <a:defRPr/>
            </a:pPr>
            <a:r>
              <a:rPr lang="en-US" sz="1200" kern="1200" dirty="0">
                <a:solidFill>
                  <a:schemeClr val="tx1"/>
                </a:solidFill>
                <a:effectLst/>
                <a:latin typeface="Arial" charset="0"/>
                <a:ea typeface="+mn-ea"/>
                <a:cs typeface="+mn-cs"/>
              </a:rPr>
              <a:t>The sending institution is responsible for selecting participants and providing them with all necessary support including pre-departure preparation, monitoring during mobility, and formally </a:t>
            </a:r>
            <a:r>
              <a:rPr lang="en-US" sz="1200" kern="1200" dirty="0" err="1">
                <a:solidFill>
                  <a:schemeClr val="tx1"/>
                </a:solidFill>
                <a:effectLst/>
                <a:latin typeface="Arial" charset="0"/>
                <a:ea typeface="+mn-ea"/>
                <a:cs typeface="+mn-cs"/>
              </a:rPr>
              <a:t>recognising</a:t>
            </a:r>
            <a:r>
              <a:rPr lang="en-US" sz="1200" kern="1200" dirty="0">
                <a:solidFill>
                  <a:schemeClr val="tx1"/>
                </a:solidFill>
                <a:effectLst/>
                <a:latin typeface="Arial" charset="0"/>
                <a:ea typeface="+mn-ea"/>
                <a:cs typeface="+mn-cs"/>
              </a:rPr>
              <a:t> the mobility period. The receiving institution offers participants a study </a:t>
            </a:r>
            <a:r>
              <a:rPr lang="en-US" sz="1200" kern="1200" dirty="0" err="1">
                <a:solidFill>
                  <a:schemeClr val="tx1"/>
                </a:solidFill>
                <a:effectLst/>
                <a:latin typeface="Arial" charset="0"/>
                <a:ea typeface="+mn-ea"/>
                <a:cs typeface="+mn-cs"/>
              </a:rPr>
              <a:t>programme</a:t>
            </a:r>
            <a:r>
              <a:rPr lang="en-US" sz="1200" kern="1200" dirty="0">
                <a:solidFill>
                  <a:schemeClr val="tx1"/>
                </a:solidFill>
                <a:effectLst/>
                <a:latin typeface="Arial" charset="0"/>
                <a:ea typeface="+mn-ea"/>
                <a:cs typeface="+mn-cs"/>
              </a:rPr>
              <a:t>, or a </a:t>
            </a:r>
            <a:r>
              <a:rPr lang="en-US" sz="1200" kern="1200" dirty="0" err="1">
                <a:solidFill>
                  <a:schemeClr val="tx1"/>
                </a:solidFill>
                <a:effectLst/>
                <a:latin typeface="Arial" charset="0"/>
                <a:ea typeface="+mn-ea"/>
                <a:cs typeface="+mn-cs"/>
              </a:rPr>
              <a:t>programme</a:t>
            </a:r>
            <a:r>
              <a:rPr lang="en-US" sz="1200" kern="1200" dirty="0">
                <a:solidFill>
                  <a:schemeClr val="tx1"/>
                </a:solidFill>
                <a:effectLst/>
                <a:latin typeface="Arial" charset="0"/>
                <a:ea typeface="+mn-ea"/>
                <a:cs typeface="+mn-cs"/>
              </a:rPr>
              <a:t> of staff training or teaching activities at their institution. The inter-institutional agreement details the obligations of each institution. </a:t>
            </a:r>
          </a:p>
          <a:p>
            <a:pPr marL="0" marR="0" lvl="0" indent="0" algn="l" defTabSz="914400" rtl="0" eaLnBrk="1" fontAlgn="base" latinLnBrk="0" hangingPunct="1">
              <a:lnSpc>
                <a:spcPct val="100000"/>
              </a:lnSpc>
              <a:spcBef>
                <a:spcPct val="30000"/>
              </a:spcBef>
              <a:spcAft>
                <a:spcPct val="0"/>
              </a:spcAft>
              <a:buClrTx/>
              <a:buSzTx/>
              <a:buFontTx/>
              <a:buNone/>
              <a:tabLst/>
              <a:defRPr/>
            </a:pPr>
            <a:endParaRPr lang="en-US" sz="1200" kern="1200" dirty="0">
              <a:solidFill>
                <a:schemeClr val="tx1"/>
              </a:solidFill>
              <a:effectLst/>
              <a:latin typeface="Arial" charset="0"/>
              <a:ea typeface="+mn-ea"/>
              <a:cs typeface="+mn-cs"/>
            </a:endParaRPr>
          </a:p>
          <a:p>
            <a:pPr marL="0" marR="0" lvl="0" indent="0" algn="l" defTabSz="914400" rtl="0" eaLnBrk="1" fontAlgn="base" latinLnBrk="0" hangingPunct="1">
              <a:lnSpc>
                <a:spcPct val="100000"/>
              </a:lnSpc>
              <a:spcBef>
                <a:spcPct val="30000"/>
              </a:spcBef>
              <a:spcAft>
                <a:spcPct val="0"/>
              </a:spcAft>
              <a:buClrTx/>
              <a:buSzTx/>
              <a:buFontTx/>
              <a:buNone/>
              <a:tabLst/>
              <a:defRPr/>
            </a:pPr>
            <a:r>
              <a:rPr lang="en-US" sz="1200" kern="1200" dirty="0">
                <a:solidFill>
                  <a:schemeClr val="tx1"/>
                </a:solidFill>
                <a:effectLst/>
                <a:latin typeface="Arial" charset="0"/>
                <a:ea typeface="+mn-ea"/>
                <a:cs typeface="+mn-cs"/>
              </a:rPr>
              <a:t>Before the mobility can start, the sending and receiving institutions, together with the participant (student or staff), must agree on the activities that the participant will undertake during the period abroad. </a:t>
            </a:r>
          </a:p>
          <a:p>
            <a:pPr marL="0" marR="0" lvl="0" indent="0" algn="l" defTabSz="914400" rtl="0" eaLnBrk="1" fontAlgn="base" latinLnBrk="0" hangingPunct="1">
              <a:lnSpc>
                <a:spcPct val="100000"/>
              </a:lnSpc>
              <a:spcBef>
                <a:spcPct val="30000"/>
              </a:spcBef>
              <a:spcAft>
                <a:spcPct val="0"/>
              </a:spcAft>
              <a:buClrTx/>
              <a:buSzTx/>
              <a:buFontTx/>
              <a:buNone/>
              <a:tabLst/>
              <a:defRPr/>
            </a:pPr>
            <a:endParaRPr lang="en-US" sz="1200" kern="1200" dirty="0">
              <a:solidFill>
                <a:schemeClr val="tx1"/>
              </a:solidFill>
              <a:effectLst/>
              <a:latin typeface="Arial" charset="0"/>
              <a:ea typeface="+mn-ea"/>
              <a:cs typeface="+mn-cs"/>
            </a:endParaRPr>
          </a:p>
          <a:p>
            <a:pPr marL="0" marR="0" lvl="0" indent="0" algn="l" defTabSz="914400" rtl="0" eaLnBrk="1" fontAlgn="base" latinLnBrk="0" hangingPunct="1">
              <a:lnSpc>
                <a:spcPct val="100000"/>
              </a:lnSpc>
              <a:spcBef>
                <a:spcPct val="30000"/>
              </a:spcBef>
              <a:spcAft>
                <a:spcPct val="0"/>
              </a:spcAft>
              <a:buClrTx/>
              <a:buSzTx/>
              <a:buFontTx/>
              <a:buNone/>
              <a:tabLst/>
              <a:defRPr/>
            </a:pPr>
            <a:r>
              <a:rPr lang="en-US" sz="1200" kern="1200" dirty="0">
                <a:solidFill>
                  <a:schemeClr val="tx1"/>
                </a:solidFill>
                <a:effectLst/>
                <a:latin typeface="Arial" charset="0"/>
                <a:ea typeface="+mn-ea"/>
                <a:cs typeface="+mn-cs"/>
              </a:rPr>
              <a:t>The learning agreement sets out the study </a:t>
            </a:r>
            <a:r>
              <a:rPr lang="en-US" sz="1200" kern="1200" dirty="0" err="1">
                <a:solidFill>
                  <a:schemeClr val="tx1"/>
                </a:solidFill>
                <a:effectLst/>
                <a:latin typeface="Arial" charset="0"/>
                <a:ea typeface="+mn-ea"/>
                <a:cs typeface="+mn-cs"/>
              </a:rPr>
              <a:t>programme</a:t>
            </a:r>
            <a:r>
              <a:rPr lang="en-US" sz="1200" kern="1200" dirty="0">
                <a:solidFill>
                  <a:schemeClr val="tx1"/>
                </a:solidFill>
                <a:effectLst/>
                <a:latin typeface="Arial" charset="0"/>
                <a:ea typeface="+mn-ea"/>
                <a:cs typeface="+mn-cs"/>
              </a:rPr>
              <a:t> to be followed by the student, defines the target learning outcomes and specifies the formal recognition provisions.</a:t>
            </a:r>
          </a:p>
          <a:p>
            <a:pPr marL="0" marR="0" lvl="0" indent="0" algn="l" defTabSz="914400" rtl="0" eaLnBrk="1" fontAlgn="base" latinLnBrk="0" hangingPunct="1">
              <a:lnSpc>
                <a:spcPct val="100000"/>
              </a:lnSpc>
              <a:spcBef>
                <a:spcPct val="30000"/>
              </a:spcBef>
              <a:spcAft>
                <a:spcPct val="0"/>
              </a:spcAft>
              <a:buClrTx/>
              <a:buSzTx/>
              <a:buFontTx/>
              <a:buNone/>
              <a:tabLst/>
              <a:defRPr/>
            </a:pPr>
            <a:endParaRPr lang="en-GB" sz="1200" kern="1200" dirty="0">
              <a:solidFill>
                <a:schemeClr val="tx1"/>
              </a:solidFill>
              <a:effectLst/>
              <a:latin typeface="Arial" charset="0"/>
              <a:ea typeface="+mn-ea"/>
              <a:cs typeface="+mn-cs"/>
            </a:endParaRPr>
          </a:p>
        </p:txBody>
      </p:sp>
      <p:sp>
        <p:nvSpPr>
          <p:cNvPr id="4" name="Slide Number Placeholder 3"/>
          <p:cNvSpPr>
            <a:spLocks noGrp="1"/>
          </p:cNvSpPr>
          <p:nvPr>
            <p:ph type="sldNum" sz="quarter" idx="10"/>
          </p:nvPr>
        </p:nvSpPr>
        <p:spPr/>
        <p:txBody>
          <a:bodyPr/>
          <a:lstStyle/>
          <a:p>
            <a:pPr marL="0" marR="0" lvl="0" indent="0" algn="r" defTabSz="914400" rtl="0" eaLnBrk="1" fontAlgn="base" latinLnBrk="0" hangingPunct="1">
              <a:lnSpc>
                <a:spcPct val="100000"/>
              </a:lnSpc>
              <a:spcBef>
                <a:spcPct val="0"/>
              </a:spcBef>
              <a:spcAft>
                <a:spcPct val="0"/>
              </a:spcAft>
              <a:buClrTx/>
              <a:buSzTx/>
              <a:buFontTx/>
              <a:buNone/>
              <a:tabLst/>
              <a:defRPr/>
            </a:pPr>
            <a:fld id="{8BEF61CF-CD5B-4078-90AE-318C21062855}" type="slidenum">
              <a:rPr kumimoji="0" lang="en-GB" altLang="en-US" sz="1200" b="0" i="0" u="none" strike="noStrike" kern="1200" cap="none" spc="0" normalizeH="0" baseline="0" noProof="0" smtClean="0">
                <a:ln>
                  <a:noFill/>
                </a:ln>
                <a:solidFill>
                  <a:srgbClr val="000000"/>
                </a:solidFill>
                <a:effectLst/>
                <a:uLnTx/>
                <a:uFillTx/>
                <a:latin typeface="Arial" charset="0"/>
                <a:ea typeface="+mn-ea"/>
                <a:cs typeface="+mn-cs"/>
              </a:rPr>
              <a:pPr marL="0" marR="0" lvl="0" indent="0" algn="r" defTabSz="914400" rtl="0" eaLnBrk="1" fontAlgn="base" latinLnBrk="0" hangingPunct="1">
                <a:lnSpc>
                  <a:spcPct val="100000"/>
                </a:lnSpc>
                <a:spcBef>
                  <a:spcPct val="0"/>
                </a:spcBef>
                <a:spcAft>
                  <a:spcPct val="0"/>
                </a:spcAft>
                <a:buClrTx/>
                <a:buSzTx/>
                <a:buFontTx/>
                <a:buNone/>
                <a:tabLst/>
                <a:defRPr/>
              </a:pPr>
              <a:t>12</a:t>
            </a:fld>
            <a:endParaRPr kumimoji="0" lang="en-GB" altLang="en-US" sz="1200" b="0" i="0" u="none" strike="noStrike" kern="1200" cap="none" spc="0" normalizeH="0" baseline="0" noProof="0">
              <a:ln>
                <a:noFill/>
              </a:ln>
              <a:solidFill>
                <a:srgbClr val="000000"/>
              </a:solidFill>
              <a:effectLst/>
              <a:uLnTx/>
              <a:uFillTx/>
              <a:latin typeface="Arial" charset="0"/>
              <a:ea typeface="+mn-ea"/>
              <a:cs typeface="+mn-cs"/>
            </a:endParaRPr>
          </a:p>
        </p:txBody>
      </p:sp>
    </p:spTree>
    <p:extLst>
      <p:ext uri="{BB962C8B-B14F-4D97-AF65-F5344CB8AC3E}">
        <p14:creationId xmlns:p14="http://schemas.microsoft.com/office/powerpoint/2010/main" val="343265977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fr-BE"/>
          </a:p>
        </p:txBody>
      </p:sp>
      <p:sp>
        <p:nvSpPr>
          <p:cNvPr id="4" name="Slide Number Placeholder 3"/>
          <p:cNvSpPr>
            <a:spLocks noGrp="1"/>
          </p:cNvSpPr>
          <p:nvPr>
            <p:ph type="sldNum" sz="quarter" idx="10"/>
          </p:nvPr>
        </p:nvSpPr>
        <p:spPr/>
        <p:txBody>
          <a:bodyPr/>
          <a:lstStyle/>
          <a:p>
            <a:fld id="{59CF2995-AB43-4B7C-B8CD-9DC7C3692A9C}" type="slidenum">
              <a:rPr lang="en-GB" smtClean="0"/>
              <a:t>13</a:t>
            </a:fld>
            <a:endParaRPr lang="en-GB"/>
          </a:p>
        </p:txBody>
      </p:sp>
    </p:spTree>
    <p:extLst>
      <p:ext uri="{BB962C8B-B14F-4D97-AF65-F5344CB8AC3E}">
        <p14:creationId xmlns:p14="http://schemas.microsoft.com/office/powerpoint/2010/main" val="265780527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9CF2995-AB43-4B7C-B8CD-9DC7C3692A9C}" type="slidenum">
              <a:rPr lang="en-GB" smtClean="0"/>
              <a:t>14</a:t>
            </a:fld>
            <a:endParaRPr lang="en-GB"/>
          </a:p>
        </p:txBody>
      </p:sp>
    </p:spTree>
    <p:extLst>
      <p:ext uri="{BB962C8B-B14F-4D97-AF65-F5344CB8AC3E}">
        <p14:creationId xmlns:p14="http://schemas.microsoft.com/office/powerpoint/2010/main" val="236823973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eaLnBrk="1" hangingPunct="1">
              <a:spcBef>
                <a:spcPct val="15000"/>
              </a:spcBef>
            </a:pPr>
            <a:r>
              <a:rPr lang="en-US" altLang="en-US" sz="1200" dirty="0">
                <a:solidFill>
                  <a:schemeClr val="bg1"/>
                </a:solidFill>
                <a:latin typeface="Arial" panose="020B0604020202020204" pitchFamily="34" charset="0"/>
                <a:ea typeface="MS PGothic" panose="020B0600070205080204" pitchFamily="34" charset="-128"/>
                <a:cs typeface="Arial" panose="020B0604020202020204" pitchFamily="34" charset="0"/>
              </a:rPr>
              <a:t>Erasmus+ international projects in the area of higher education are based on partnerships between European organisations and those in other parts of the world. </a:t>
            </a:r>
          </a:p>
          <a:p>
            <a:pPr eaLnBrk="1" hangingPunct="1">
              <a:spcBef>
                <a:spcPct val="15000"/>
              </a:spcBef>
            </a:pPr>
            <a:endParaRPr lang="en-US" altLang="en-US" sz="1200" dirty="0">
              <a:solidFill>
                <a:schemeClr val="bg1"/>
              </a:solidFill>
              <a:latin typeface="Arial" panose="020B0604020202020204" pitchFamily="34" charset="0"/>
              <a:ea typeface="MS PGothic" panose="020B0600070205080204" pitchFamily="34" charset="-128"/>
              <a:cs typeface="Arial" panose="020B0604020202020204" pitchFamily="34" charset="0"/>
            </a:endParaRPr>
          </a:p>
          <a:p>
            <a:pPr eaLnBrk="1" hangingPunct="1">
              <a:spcBef>
                <a:spcPct val="15000"/>
              </a:spcBef>
            </a:pPr>
            <a:r>
              <a:rPr lang="en-US" altLang="en-US" sz="1200" dirty="0">
                <a:solidFill>
                  <a:schemeClr val="bg1"/>
                </a:solidFill>
                <a:latin typeface="Arial" panose="020B0604020202020204" pitchFamily="34" charset="0"/>
                <a:ea typeface="MS PGothic" panose="020B0600070205080204" pitchFamily="34" charset="-128"/>
                <a:cs typeface="Arial" panose="020B0604020202020204" pitchFamily="34" charset="0"/>
              </a:rPr>
              <a:t>On the European side, this means the EU Member States plus other countries that have associated to the </a:t>
            </a:r>
            <a:r>
              <a:rPr lang="en-US" altLang="en-US" sz="1200" dirty="0" err="1">
                <a:solidFill>
                  <a:schemeClr val="bg1"/>
                </a:solidFill>
                <a:latin typeface="Arial" panose="020B0604020202020204" pitchFamily="34" charset="0"/>
                <a:ea typeface="MS PGothic" panose="020B0600070205080204" pitchFamily="34" charset="-128"/>
                <a:cs typeface="Arial" panose="020B0604020202020204" pitchFamily="34" charset="0"/>
              </a:rPr>
              <a:t>Programme</a:t>
            </a:r>
            <a:r>
              <a:rPr lang="en-US" altLang="en-US" sz="1200" dirty="0">
                <a:solidFill>
                  <a:schemeClr val="bg1"/>
                </a:solidFill>
                <a:latin typeface="Arial" panose="020B0604020202020204" pitchFamily="34" charset="0"/>
                <a:ea typeface="MS PGothic" panose="020B0600070205080204" pitchFamily="34" charset="-128"/>
                <a:cs typeface="Arial" panose="020B0604020202020204" pitchFamily="34" charset="0"/>
              </a:rPr>
              <a:t> </a:t>
            </a:r>
            <a:r>
              <a:rPr lang="en-US" altLang="en-US" sz="1200" u="none" dirty="0">
                <a:solidFill>
                  <a:srgbClr val="FF0000"/>
                </a:solidFill>
                <a:latin typeface="Arial" panose="020B0604020202020204" pitchFamily="34" charset="0"/>
                <a:ea typeface="MS PGothic" panose="020B0600070205080204" pitchFamily="34" charset="-128"/>
                <a:cs typeface="Arial" panose="020B0604020202020204" pitchFamily="34" charset="0"/>
              </a:rPr>
              <a:t>(previously referred to as </a:t>
            </a:r>
            <a:r>
              <a:rPr lang="en-US" altLang="en-US" sz="1200" b="1" u="none" dirty="0" err="1">
                <a:solidFill>
                  <a:srgbClr val="FF0000"/>
                </a:solidFill>
                <a:latin typeface="Arial" panose="020B0604020202020204" pitchFamily="34" charset="0"/>
                <a:ea typeface="MS PGothic" panose="020B0600070205080204" pitchFamily="34" charset="-128"/>
                <a:cs typeface="Arial" panose="020B0604020202020204" pitchFamily="34" charset="0"/>
              </a:rPr>
              <a:t>Programme</a:t>
            </a:r>
            <a:r>
              <a:rPr lang="en-US" altLang="en-US" sz="1200" b="1" u="none" dirty="0">
                <a:solidFill>
                  <a:srgbClr val="FF0000"/>
                </a:solidFill>
                <a:latin typeface="Arial" panose="020B0604020202020204" pitchFamily="34" charset="0"/>
                <a:ea typeface="MS PGothic" panose="020B0600070205080204" pitchFamily="34" charset="-128"/>
                <a:cs typeface="Arial" panose="020B0604020202020204" pitchFamily="34" charset="0"/>
              </a:rPr>
              <a:t> Countries</a:t>
            </a:r>
            <a:r>
              <a:rPr lang="en-US" altLang="en-US" sz="1200" u="none" dirty="0">
                <a:solidFill>
                  <a:srgbClr val="FF0000"/>
                </a:solidFill>
                <a:latin typeface="Arial" panose="020B0604020202020204" pitchFamily="34" charset="0"/>
                <a:ea typeface="MS PGothic" panose="020B0600070205080204" pitchFamily="34" charset="-128"/>
                <a:cs typeface="Arial" panose="020B0604020202020204" pitchFamily="34" charset="0"/>
              </a:rPr>
              <a:t>). </a:t>
            </a:r>
            <a:r>
              <a:rPr lang="en-US" altLang="en-US" sz="1200" dirty="0">
                <a:solidFill>
                  <a:schemeClr val="bg1"/>
                </a:solidFill>
                <a:latin typeface="Arial" panose="020B0604020202020204" pitchFamily="34" charset="0"/>
                <a:ea typeface="MS PGothic" panose="020B0600070205080204" pitchFamily="34" charset="-128"/>
                <a:cs typeface="Arial" panose="020B0604020202020204" pitchFamily="34" charset="0"/>
              </a:rPr>
              <a:t>At present this means 33 countries: the 27 EU Member States plus six other countries outside the EU, but which have a National Agency and contribute to the programme: Iceland, Liechtenstein, Norway, Serbia,  North Macedonia and Turkey.</a:t>
            </a:r>
          </a:p>
          <a:p>
            <a:pPr eaLnBrk="1" hangingPunct="1">
              <a:spcBef>
                <a:spcPct val="15000"/>
              </a:spcBef>
            </a:pPr>
            <a:endParaRPr lang="en-US" altLang="en-US" sz="1200" dirty="0">
              <a:solidFill>
                <a:schemeClr val="bg1"/>
              </a:solidFill>
              <a:latin typeface="Arial" panose="020B0604020202020204" pitchFamily="34" charset="0"/>
              <a:ea typeface="MS PGothic" panose="020B0600070205080204" pitchFamily="34" charset="-128"/>
              <a:cs typeface="Arial" panose="020B0604020202020204" pitchFamily="34" charset="0"/>
            </a:endParaRPr>
          </a:p>
          <a:p>
            <a:pPr eaLnBrk="1" hangingPunct="1">
              <a:spcBef>
                <a:spcPct val="15000"/>
              </a:spcBef>
            </a:pPr>
            <a:r>
              <a:rPr lang="en-US" altLang="en-US" sz="1200" dirty="0">
                <a:solidFill>
                  <a:schemeClr val="bg1"/>
                </a:solidFill>
                <a:latin typeface="Arial" panose="020B0604020202020204" pitchFamily="34" charset="0"/>
                <a:ea typeface="MS PGothic" panose="020B0600070205080204" pitchFamily="34" charset="-128"/>
                <a:cs typeface="Arial" panose="020B0604020202020204" pitchFamily="34" charset="0"/>
              </a:rPr>
              <a:t>The UK is no longer an EU Member State and has opted not to associate to Erasmus+ as a third country in this phase of the programme. </a:t>
            </a:r>
          </a:p>
          <a:p>
            <a:pPr eaLnBrk="1" hangingPunct="1">
              <a:spcBef>
                <a:spcPct val="15000"/>
              </a:spcBef>
            </a:pPr>
            <a:endParaRPr lang="en-US" altLang="en-US" sz="1200" dirty="0">
              <a:solidFill>
                <a:schemeClr val="bg1"/>
              </a:solidFill>
              <a:latin typeface="Arial" panose="020B0604020202020204" pitchFamily="34" charset="0"/>
              <a:ea typeface="MS PGothic" panose="020B0600070205080204" pitchFamily="34" charset="-128"/>
              <a:cs typeface="Arial" panose="020B0604020202020204" pitchFamily="34" charset="0"/>
            </a:endParaRPr>
          </a:p>
          <a:p>
            <a:pPr marL="0" marR="0" lvl="0" indent="0" algn="l" defTabSz="914400" rtl="0" eaLnBrk="1" fontAlgn="auto" latinLnBrk="0" hangingPunct="1">
              <a:lnSpc>
                <a:spcPct val="100000"/>
              </a:lnSpc>
              <a:spcBef>
                <a:spcPct val="15000"/>
              </a:spcBef>
              <a:spcAft>
                <a:spcPts val="0"/>
              </a:spcAft>
              <a:buClrTx/>
              <a:buSzTx/>
              <a:buFontTx/>
              <a:buNone/>
              <a:tabLst/>
              <a:defRPr/>
            </a:pPr>
            <a:r>
              <a:rPr lang="en-US" altLang="en-US" sz="1200" b="1" dirty="0">
                <a:solidFill>
                  <a:schemeClr val="bg1"/>
                </a:solidFill>
                <a:latin typeface="Arial" panose="020B0604020202020204" pitchFamily="34" charset="0"/>
                <a:ea typeface="MS PGothic" panose="020B0600070205080204" pitchFamily="34" charset="-128"/>
                <a:cs typeface="Arial" panose="020B0604020202020204" pitchFamily="34" charset="0"/>
              </a:rPr>
              <a:t>Partner Countries </a:t>
            </a:r>
            <a:r>
              <a:rPr lang="en-US" altLang="en-US" sz="1200" dirty="0">
                <a:solidFill>
                  <a:schemeClr val="bg1"/>
                </a:solidFill>
                <a:latin typeface="Arial" panose="020B0604020202020204" pitchFamily="34" charset="0"/>
                <a:ea typeface="MS PGothic" panose="020B0600070205080204" pitchFamily="34" charset="-128"/>
                <a:cs typeface="Arial" panose="020B0604020202020204" pitchFamily="34" charset="0"/>
              </a:rPr>
              <a:t>are all other countries throughout the world, who also benefit from our </a:t>
            </a:r>
            <a:r>
              <a:rPr lang="en-US" altLang="en-US" sz="1200" dirty="0" err="1">
                <a:solidFill>
                  <a:schemeClr val="bg1"/>
                </a:solidFill>
                <a:latin typeface="Arial" panose="020B0604020202020204" pitchFamily="34" charset="0"/>
                <a:ea typeface="MS PGothic" panose="020B0600070205080204" pitchFamily="34" charset="-128"/>
                <a:cs typeface="Arial" panose="020B0604020202020204" pitchFamily="34" charset="0"/>
              </a:rPr>
              <a:t>programmes</a:t>
            </a:r>
            <a:r>
              <a:rPr lang="en-US" altLang="en-US" sz="1200" dirty="0">
                <a:solidFill>
                  <a:schemeClr val="bg1"/>
                </a:solidFill>
                <a:latin typeface="Arial" panose="020B0604020202020204" pitchFamily="34" charset="0"/>
                <a:ea typeface="MS PGothic" panose="020B0600070205080204" pitchFamily="34" charset="-128"/>
                <a:cs typeface="Arial" panose="020B0604020202020204" pitchFamily="34" charset="0"/>
              </a:rPr>
              <a:t>. In the new </a:t>
            </a:r>
            <a:r>
              <a:rPr lang="en-US" altLang="en-US" sz="1200" dirty="0" err="1">
                <a:solidFill>
                  <a:schemeClr val="bg1"/>
                </a:solidFill>
                <a:latin typeface="Arial" panose="020B0604020202020204" pitchFamily="34" charset="0"/>
                <a:ea typeface="MS PGothic" panose="020B0600070205080204" pitchFamily="34" charset="-128"/>
                <a:cs typeface="Arial" panose="020B0604020202020204" pitchFamily="34" charset="0"/>
              </a:rPr>
              <a:t>programme</a:t>
            </a:r>
            <a:r>
              <a:rPr lang="en-US" altLang="en-US" sz="1200" dirty="0">
                <a:solidFill>
                  <a:schemeClr val="bg1"/>
                </a:solidFill>
                <a:latin typeface="Arial" panose="020B0604020202020204" pitchFamily="34" charset="0"/>
                <a:ea typeface="MS PGothic" panose="020B0600070205080204" pitchFamily="34" charset="-128"/>
                <a:cs typeface="Arial" panose="020B0604020202020204" pitchFamily="34" charset="0"/>
              </a:rPr>
              <a:t> they will be referred</a:t>
            </a:r>
            <a:r>
              <a:rPr lang="en-US" altLang="en-US" sz="1200" baseline="0" dirty="0">
                <a:solidFill>
                  <a:schemeClr val="bg1"/>
                </a:solidFill>
                <a:latin typeface="Arial" panose="020B0604020202020204" pitchFamily="34" charset="0"/>
                <a:ea typeface="MS PGothic" panose="020B0600070205080204" pitchFamily="34" charset="-128"/>
                <a:cs typeface="Arial" panose="020B0604020202020204" pitchFamily="34" charset="0"/>
              </a:rPr>
              <a:t> to as</a:t>
            </a:r>
            <a:r>
              <a:rPr lang="en-US" altLang="en-US" sz="1200" dirty="0">
                <a:solidFill>
                  <a:schemeClr val="bg1"/>
                </a:solidFill>
                <a:latin typeface="Arial" panose="020B0604020202020204" pitchFamily="34" charset="0"/>
                <a:ea typeface="MS PGothic" panose="020B0600070205080204" pitchFamily="34" charset="-128"/>
                <a:cs typeface="Arial" panose="020B0604020202020204" pitchFamily="34" charset="0"/>
              </a:rPr>
              <a:t> non-associated</a:t>
            </a:r>
            <a:r>
              <a:rPr lang="en-US" altLang="en-US" sz="1200" baseline="0" dirty="0">
                <a:solidFill>
                  <a:schemeClr val="bg1"/>
                </a:solidFill>
                <a:latin typeface="Arial" panose="020B0604020202020204" pitchFamily="34" charset="0"/>
                <a:ea typeface="MS PGothic" panose="020B0600070205080204" pitchFamily="34" charset="-128"/>
                <a:cs typeface="Arial" panose="020B0604020202020204" pitchFamily="34" charset="0"/>
              </a:rPr>
              <a:t> third countries. </a:t>
            </a:r>
            <a:endParaRPr lang="en-US" altLang="en-US" sz="1200" dirty="0">
              <a:solidFill>
                <a:schemeClr val="bg1"/>
              </a:solidFill>
              <a:latin typeface="Arial" panose="020B0604020202020204" pitchFamily="34" charset="0"/>
              <a:ea typeface="MS PGothic" panose="020B0600070205080204" pitchFamily="34" charset="-128"/>
              <a:cs typeface="Arial" panose="020B0604020202020204" pitchFamily="34" charset="0"/>
            </a:endParaRPr>
          </a:p>
          <a:p>
            <a:pPr eaLnBrk="1" hangingPunct="1">
              <a:spcBef>
                <a:spcPct val="15000"/>
              </a:spcBef>
            </a:pPr>
            <a:endParaRPr lang="en-IE" altLang="en-US" sz="1200" dirty="0">
              <a:solidFill>
                <a:schemeClr val="bg1"/>
              </a:solidFill>
              <a:latin typeface="Arial" panose="020B0604020202020204" pitchFamily="34" charset="0"/>
              <a:ea typeface="MS PGothic" panose="020B0600070205080204" pitchFamily="34" charset="-128"/>
              <a:cs typeface="Arial" panose="020B0604020202020204" pitchFamily="34" charset="0"/>
            </a:endParaRPr>
          </a:p>
          <a:p>
            <a:pPr eaLnBrk="1" hangingPunct="1">
              <a:spcBef>
                <a:spcPct val="15000"/>
              </a:spcBef>
            </a:pPr>
            <a:r>
              <a:rPr lang="en-IE" altLang="en-US" sz="1200" dirty="0">
                <a:solidFill>
                  <a:schemeClr val="bg1"/>
                </a:solidFill>
                <a:latin typeface="Arial" panose="020B0604020202020204" pitchFamily="34" charset="0"/>
                <a:ea typeface="MS PGothic" panose="020B0600070205080204" pitchFamily="34" charset="-128"/>
                <a:cs typeface="Arial" panose="020B0604020202020204" pitchFamily="34" charset="0"/>
              </a:rPr>
              <a:t>All countries in</a:t>
            </a:r>
            <a:r>
              <a:rPr lang="en-IE" altLang="en-US" sz="1200" baseline="0" dirty="0">
                <a:solidFill>
                  <a:schemeClr val="bg1"/>
                </a:solidFill>
                <a:latin typeface="Arial" panose="020B0604020202020204" pitchFamily="34" charset="0"/>
                <a:ea typeface="MS PGothic" panose="020B0600070205080204" pitchFamily="34" charset="-128"/>
                <a:cs typeface="Arial" panose="020B0604020202020204" pitchFamily="34" charset="0"/>
              </a:rPr>
              <a:t> yellow on the map are covered by the ICM action </a:t>
            </a:r>
            <a:r>
              <a:rPr lang="en-US" altLang="en-US" sz="1200" baseline="0" dirty="0">
                <a:solidFill>
                  <a:schemeClr val="bg1"/>
                </a:solidFill>
                <a:latin typeface="Arial" panose="020B0604020202020204" pitchFamily="34" charset="0"/>
                <a:ea typeface="MS PGothic" panose="020B0600070205080204" pitchFamily="34" charset="-128"/>
                <a:cs typeface="Arial" panose="020B0604020202020204" pitchFamily="34" charset="0"/>
              </a:rPr>
              <a:t>with the exception of Andorra, Faroe Islands, Monaco, San Marino, Switzerland, Vatican City State and the United Kingdom.</a:t>
            </a:r>
            <a:endParaRPr lang="en-IE" altLang="en-US" sz="1200" dirty="0">
              <a:solidFill>
                <a:schemeClr val="bg1"/>
              </a:solidFill>
              <a:latin typeface="Arial" panose="020B0604020202020204" pitchFamily="34" charset="0"/>
              <a:ea typeface="MS PGothic" panose="020B0600070205080204" pitchFamily="34" charset="-128"/>
              <a:cs typeface="Arial" panose="020B0604020202020204" pitchFamily="34" charset="0"/>
            </a:endParaRPr>
          </a:p>
          <a:p>
            <a:pPr eaLnBrk="1" hangingPunct="1">
              <a:spcBef>
                <a:spcPct val="15000"/>
              </a:spcBef>
            </a:pPr>
            <a:endParaRPr lang="en-IE" altLang="en-US" sz="1200" dirty="0">
              <a:solidFill>
                <a:schemeClr val="bg1"/>
              </a:solidFill>
              <a:latin typeface="Arial" panose="020B0604020202020204" pitchFamily="34" charset="0"/>
              <a:ea typeface="MS PGothic" panose="020B0600070205080204" pitchFamily="34" charset="-128"/>
              <a:cs typeface="Arial" panose="020B0604020202020204" pitchFamily="34" charset="0"/>
            </a:endParaRPr>
          </a:p>
          <a:p>
            <a:endParaRPr lang="en-GB" dirty="0"/>
          </a:p>
        </p:txBody>
      </p:sp>
      <p:sp>
        <p:nvSpPr>
          <p:cNvPr id="4" name="Slide Number Placeholder 3"/>
          <p:cNvSpPr>
            <a:spLocks noGrp="1"/>
          </p:cNvSpPr>
          <p:nvPr>
            <p:ph type="sldNum" sz="quarter" idx="10"/>
          </p:nvPr>
        </p:nvSpPr>
        <p:spPr/>
        <p:txBody>
          <a:bodyPr/>
          <a:lstStyle/>
          <a:p>
            <a:fld id="{59CF2995-AB43-4B7C-B8CD-9DC7C3692A9C}" type="slidenum">
              <a:rPr lang="en-GB" smtClean="0"/>
              <a:t>3</a:t>
            </a:fld>
            <a:endParaRPr lang="en-GB"/>
          </a:p>
        </p:txBody>
      </p:sp>
    </p:spTree>
    <p:extLst>
      <p:ext uri="{BB962C8B-B14F-4D97-AF65-F5344CB8AC3E}">
        <p14:creationId xmlns:p14="http://schemas.microsoft.com/office/powerpoint/2010/main" val="387197797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IE" dirty="0"/>
              <a:t>ICM is a decentralised action meaning that it is managed</a:t>
            </a:r>
            <a:r>
              <a:rPr lang="en-IE" baseline="0" dirty="0"/>
              <a:t> by the National Agencies in the 33 Erasmus+ countries. </a:t>
            </a:r>
          </a:p>
          <a:p>
            <a:endParaRPr lang="en-IE" baseline="0" dirty="0"/>
          </a:p>
          <a:p>
            <a:r>
              <a:rPr lang="en-IE" baseline="0" dirty="0"/>
              <a:t>It is a global action. </a:t>
            </a:r>
            <a:r>
              <a:rPr lang="en-US" baseline="0" dirty="0"/>
              <a:t>The budget available is split into discrete 'envelopes' for each region of the world. The size of each envelope is set according to the European Union's external priorities, with some regions benefitting from bigger budget envelopes and therefore funding more </a:t>
            </a:r>
            <a:r>
              <a:rPr lang="en-US" baseline="0" dirty="0" err="1"/>
              <a:t>mobilities</a:t>
            </a:r>
            <a:r>
              <a:rPr lang="en-US" baseline="0" dirty="0"/>
              <a:t>. </a:t>
            </a:r>
          </a:p>
          <a:p>
            <a:endParaRPr lang="en-IE" baseline="0" dirty="0"/>
          </a:p>
          <a:p>
            <a:r>
              <a:rPr lang="en-US" dirty="0"/>
              <a:t>In the previous </a:t>
            </a:r>
            <a:r>
              <a:rPr lang="en-US" dirty="0" err="1"/>
              <a:t>programme</a:t>
            </a:r>
            <a:r>
              <a:rPr lang="en-US" dirty="0"/>
              <a:t> period 2014-2020, the largest budgets were allocated to the EU's </a:t>
            </a:r>
            <a:r>
              <a:rPr lang="en-US" dirty="0" err="1"/>
              <a:t>neighbourhood</a:t>
            </a:r>
            <a:r>
              <a:rPr lang="en-US" dirty="0"/>
              <a:t> regions – East and South, the Western Balkans, Asia and Russia. </a:t>
            </a:r>
          </a:p>
          <a:p>
            <a:endParaRPr lang="en-IE" dirty="0"/>
          </a:p>
          <a:p>
            <a:r>
              <a:rPr lang="en-IE" dirty="0"/>
              <a:t>In total, around</a:t>
            </a:r>
            <a:r>
              <a:rPr lang="en-IE" baseline="0" dirty="0"/>
              <a:t> </a:t>
            </a:r>
            <a:r>
              <a:rPr lang="en-US" baseline="0" dirty="0"/>
              <a:t>270 000 short-term </a:t>
            </a:r>
            <a:r>
              <a:rPr lang="en-US" baseline="0" dirty="0" err="1"/>
              <a:t>mobilities</a:t>
            </a:r>
            <a:r>
              <a:rPr lang="en-US" baseline="0" dirty="0"/>
              <a:t> for staff and students in all study cycles were awarded between </a:t>
            </a:r>
            <a:r>
              <a:rPr lang="en-US" baseline="0" dirty="0" err="1"/>
              <a:t>Programme</a:t>
            </a:r>
            <a:r>
              <a:rPr lang="en-US" baseline="0" dirty="0"/>
              <a:t> and Partner countries. </a:t>
            </a:r>
            <a:endParaRPr lang="en-US" dirty="0"/>
          </a:p>
        </p:txBody>
      </p:sp>
      <p:sp>
        <p:nvSpPr>
          <p:cNvPr id="4" name="Slide Number Placeholder 3"/>
          <p:cNvSpPr>
            <a:spLocks noGrp="1"/>
          </p:cNvSpPr>
          <p:nvPr>
            <p:ph type="sldNum" sz="quarter" idx="10"/>
          </p:nvPr>
        </p:nvSpPr>
        <p:spPr/>
        <p:txBody>
          <a:bodyPr/>
          <a:lstStyle/>
          <a:p>
            <a:fld id="{59CF2995-AB43-4B7C-B8CD-9DC7C3692A9C}" type="slidenum">
              <a:rPr lang="en-GB" smtClean="0"/>
              <a:t>4</a:t>
            </a:fld>
            <a:endParaRPr lang="en-GB"/>
          </a:p>
        </p:txBody>
      </p:sp>
    </p:spTree>
    <p:extLst>
      <p:ext uri="{BB962C8B-B14F-4D97-AF65-F5344CB8AC3E}">
        <p14:creationId xmlns:p14="http://schemas.microsoft.com/office/powerpoint/2010/main" val="243858022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budget of the action will come from two external financing instruments – Instrument for Pre-accession assistance (IPA III), covering the Western Balkans, and the </a:t>
            </a:r>
            <a:r>
              <a:rPr lang="en-US" dirty="0" err="1"/>
              <a:t>Neighbourhood</a:t>
            </a:r>
            <a:r>
              <a:rPr lang="en-US" dirty="0"/>
              <a:t>, development and international cooperation instrument (NDICI) covering the rest of the world. The budget amounts to 1,064 billion EUR, which marks a slight increase compared to the previous 2014-2020 </a:t>
            </a:r>
            <a:r>
              <a:rPr lang="en-US" dirty="0" err="1"/>
              <a:t>programme</a:t>
            </a:r>
            <a:r>
              <a:rPr lang="en-US" dirty="0"/>
              <a:t> period </a:t>
            </a:r>
            <a:r>
              <a:rPr lang="en-US" u="none" dirty="0"/>
              <a:t>(105 million EUR</a:t>
            </a:r>
            <a:r>
              <a:rPr lang="en-US" u="none" baseline="0" dirty="0"/>
              <a:t> more)</a:t>
            </a:r>
            <a:r>
              <a:rPr lang="en-US" u="none" dirty="0"/>
              <a:t>. </a:t>
            </a:r>
          </a:p>
          <a:p>
            <a:endParaRPr lang="en-IE" dirty="0"/>
          </a:p>
          <a:p>
            <a:pPr marL="0" marR="0" lvl="0" indent="0" algn="l" defTabSz="914400" rtl="0" eaLnBrk="1" fontAlgn="auto" latinLnBrk="0" hangingPunct="1">
              <a:lnSpc>
                <a:spcPct val="100000"/>
              </a:lnSpc>
              <a:spcBef>
                <a:spcPts val="0"/>
              </a:spcBef>
              <a:spcAft>
                <a:spcPts val="0"/>
              </a:spcAft>
              <a:buClrTx/>
              <a:buSzTx/>
              <a:buFontTx/>
              <a:buNone/>
              <a:tabLst/>
              <a:defRPr/>
            </a:pPr>
            <a:r>
              <a:rPr lang="en-IE" dirty="0"/>
              <a:t>There is a slight difference</a:t>
            </a:r>
            <a:r>
              <a:rPr lang="en-IE" baseline="0" dirty="0"/>
              <a:t> in the composition of the regions compared to 2014-2020. </a:t>
            </a:r>
            <a:r>
              <a:rPr lang="en-US" dirty="0"/>
              <a:t>Unlike</a:t>
            </a:r>
            <a:r>
              <a:rPr lang="en-US" baseline="0" dirty="0"/>
              <a:t> in the previous </a:t>
            </a:r>
            <a:r>
              <a:rPr lang="en-US" baseline="0" dirty="0" err="1"/>
              <a:t>programme</a:t>
            </a:r>
            <a:r>
              <a:rPr lang="en-US" baseline="0" dirty="0"/>
              <a:t> period, where the regions were homogeneous, now </a:t>
            </a:r>
            <a:r>
              <a:rPr lang="en-US" dirty="0"/>
              <a:t>some regions will include High income countries and Least developed countries:, i.e. Asia, Middle East, Pacific. </a:t>
            </a:r>
            <a:endParaRPr lang="en-IE" baseline="0" dirty="0"/>
          </a:p>
          <a:p>
            <a:endParaRPr lang="en-US" dirty="0"/>
          </a:p>
          <a:p>
            <a:r>
              <a:rPr lang="en-US" dirty="0"/>
              <a:t>New regions were formed, </a:t>
            </a:r>
            <a:r>
              <a:rPr lang="en-US" u="none" dirty="0"/>
              <a:t>while others changed composition</a:t>
            </a:r>
            <a:r>
              <a:rPr lang="en-US" dirty="0"/>
              <a:t>: </a:t>
            </a:r>
          </a:p>
          <a:p>
            <a:pPr marL="171450" indent="-171450">
              <a:buFont typeface="Arial" panose="020B0604020202020204" pitchFamily="34" charset="0"/>
              <a:buChar char="•"/>
            </a:pPr>
            <a:r>
              <a:rPr lang="en-US" u="none" dirty="0"/>
              <a:t>Asia now includes also the High Income Countries of that geographical region.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u="none" dirty="0"/>
              <a:t>Central Asia now also comprises Afghanistan</a:t>
            </a:r>
            <a:r>
              <a:rPr lang="en-US" u="none" baseline="0" dirty="0"/>
              <a:t> (previously included in the Asia region).</a:t>
            </a:r>
            <a:endParaRPr lang="en-US" u="none" dirty="0"/>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u="none" dirty="0"/>
              <a:t>Middle East now</a:t>
            </a:r>
            <a:r>
              <a:rPr lang="en-US" u="none" baseline="0" dirty="0"/>
              <a:t> </a:t>
            </a:r>
            <a:r>
              <a:rPr lang="en-US" u="none" dirty="0"/>
              <a:t>comprises the Gulf countries (together</a:t>
            </a:r>
            <a:r>
              <a:rPr lang="en-US" u="none" baseline="0" dirty="0"/>
              <a:t> with Iraq, Iran and Yemen) </a:t>
            </a:r>
            <a:r>
              <a:rPr lang="en-US" u="none" dirty="0"/>
              <a:t>which weren’t eligible</a:t>
            </a:r>
            <a:r>
              <a:rPr lang="en-US" u="none" baseline="0" dirty="0"/>
              <a:t> for ICM in the </a:t>
            </a:r>
            <a:r>
              <a:rPr lang="en-US" u="none" dirty="0"/>
              <a:t>2014-2020 </a:t>
            </a:r>
            <a:r>
              <a:rPr lang="en-US" u="none" dirty="0" err="1"/>
              <a:t>programme</a:t>
            </a:r>
            <a:endParaRPr lang="en-US" u="none" dirty="0"/>
          </a:p>
          <a:p>
            <a:pPr marL="171450" indent="-171450">
              <a:buFont typeface="Arial" panose="020B0604020202020204" pitchFamily="34" charset="0"/>
              <a:buChar char="•"/>
            </a:pPr>
            <a:r>
              <a:rPr lang="en-US" u="none" dirty="0"/>
              <a:t>ACP (Africa, Caribbean and Pacific) region split into Sub-Saharan Africa (comprising also South Africa,</a:t>
            </a:r>
            <a:r>
              <a:rPr lang="en-US" u="none" baseline="0" dirty="0"/>
              <a:t> previously a region on it own</a:t>
            </a:r>
            <a:r>
              <a:rPr lang="en-US" u="none" dirty="0"/>
              <a:t>), Pacific (comprising also Australia and New Zealand,</a:t>
            </a:r>
            <a:r>
              <a:rPr lang="en-US" u="none" baseline="0" dirty="0"/>
              <a:t> previously included in the region of </a:t>
            </a:r>
            <a:r>
              <a:rPr lang="en-US" u="none" baseline="0" dirty="0" err="1"/>
              <a:t>Industrialised</a:t>
            </a:r>
            <a:r>
              <a:rPr lang="en-US" u="none" baseline="0" dirty="0"/>
              <a:t> countries</a:t>
            </a:r>
            <a:r>
              <a:rPr lang="en-US" u="none" dirty="0"/>
              <a:t>) and Caribbean (comprising also Cuba,</a:t>
            </a:r>
            <a:r>
              <a:rPr lang="en-US" u="none" baseline="0" dirty="0"/>
              <a:t> previously included in the Latin American region)</a:t>
            </a:r>
            <a:r>
              <a:rPr lang="en-US" u="none" dirty="0"/>
              <a:t>; </a:t>
            </a:r>
          </a:p>
          <a:p>
            <a:pPr marL="171450" indent="-171450">
              <a:buFont typeface="Arial" panose="020B0604020202020204" pitchFamily="34" charset="0"/>
              <a:buChar char="•"/>
            </a:pPr>
            <a:r>
              <a:rPr lang="en-US" u="none" dirty="0"/>
              <a:t>USA and Canada form a separate region </a:t>
            </a:r>
          </a:p>
          <a:p>
            <a:endParaRPr lang="en-IE" dirty="0"/>
          </a:p>
          <a:p>
            <a:r>
              <a:rPr lang="en-US" dirty="0"/>
              <a:t>Two budget envelopes will see an increase, namely the Western Balkans and Sub-Saharan Africa. </a:t>
            </a:r>
            <a:r>
              <a:rPr lang="en-US" u="none" dirty="0"/>
              <a:t>While</a:t>
            </a:r>
            <a:r>
              <a:rPr lang="en-US" u="none" baseline="0" dirty="0"/>
              <a:t> many of the regions appear with a slight decrease in %, the overall increase of the ICM budget absorbs part of this decrease in absolute amounts. </a:t>
            </a:r>
            <a:endParaRPr lang="en-US" u="none" dirty="0"/>
          </a:p>
          <a:p>
            <a:endParaRPr lang="en-US" dirty="0"/>
          </a:p>
        </p:txBody>
      </p:sp>
      <p:sp>
        <p:nvSpPr>
          <p:cNvPr id="4" name="Slide Number Placeholder 3"/>
          <p:cNvSpPr>
            <a:spLocks noGrp="1"/>
          </p:cNvSpPr>
          <p:nvPr>
            <p:ph type="sldNum" sz="quarter" idx="10"/>
          </p:nvPr>
        </p:nvSpPr>
        <p:spPr/>
        <p:txBody>
          <a:bodyPr/>
          <a:lstStyle/>
          <a:p>
            <a:fld id="{59CF2995-AB43-4B7C-B8CD-9DC7C3692A9C}" type="slidenum">
              <a:rPr lang="en-GB" smtClean="0"/>
              <a:t>5</a:t>
            </a:fld>
            <a:endParaRPr lang="en-GB"/>
          </a:p>
        </p:txBody>
      </p:sp>
    </p:spTree>
    <p:extLst>
      <p:ext uri="{BB962C8B-B14F-4D97-AF65-F5344CB8AC3E}">
        <p14:creationId xmlns:p14="http://schemas.microsoft.com/office/powerpoint/2010/main" val="377181021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budget of the action will come from two external financing instruments – Instrument for Pre-accession assistance (IPA III), covering the Western Balkans, and the </a:t>
            </a:r>
            <a:r>
              <a:rPr lang="en-US" dirty="0" err="1"/>
              <a:t>Neighbourhood</a:t>
            </a:r>
            <a:r>
              <a:rPr lang="en-US" dirty="0"/>
              <a:t>, development and international cooperation instrument (NDICI) covering the rest of the world. The budget amounts to 1,064 billion EUR, which marks a slight increase compared to the previous 2014-2020 </a:t>
            </a:r>
            <a:r>
              <a:rPr lang="en-US" dirty="0" err="1"/>
              <a:t>programme</a:t>
            </a:r>
            <a:r>
              <a:rPr lang="en-US" dirty="0"/>
              <a:t> period </a:t>
            </a:r>
            <a:r>
              <a:rPr lang="en-US" u="none" dirty="0"/>
              <a:t>(105 million EUR</a:t>
            </a:r>
            <a:r>
              <a:rPr lang="en-US" u="none" baseline="0" dirty="0"/>
              <a:t> more)</a:t>
            </a:r>
            <a:r>
              <a:rPr lang="en-US" u="none" dirty="0"/>
              <a:t>. </a:t>
            </a:r>
          </a:p>
          <a:p>
            <a:endParaRPr lang="en-IE" dirty="0"/>
          </a:p>
          <a:p>
            <a:pPr marL="0" marR="0" lvl="0" indent="0" algn="l" defTabSz="914400" rtl="0" eaLnBrk="1" fontAlgn="auto" latinLnBrk="0" hangingPunct="1">
              <a:lnSpc>
                <a:spcPct val="100000"/>
              </a:lnSpc>
              <a:spcBef>
                <a:spcPts val="0"/>
              </a:spcBef>
              <a:spcAft>
                <a:spcPts val="0"/>
              </a:spcAft>
              <a:buClrTx/>
              <a:buSzTx/>
              <a:buFontTx/>
              <a:buNone/>
              <a:tabLst/>
              <a:defRPr/>
            </a:pPr>
            <a:r>
              <a:rPr lang="en-IE" dirty="0"/>
              <a:t>There is a slight difference</a:t>
            </a:r>
            <a:r>
              <a:rPr lang="en-IE" baseline="0" dirty="0"/>
              <a:t> in the composition of the regions compared to 2014-2020. </a:t>
            </a:r>
            <a:r>
              <a:rPr lang="en-US" dirty="0"/>
              <a:t>Unlike</a:t>
            </a:r>
            <a:r>
              <a:rPr lang="en-US" baseline="0" dirty="0"/>
              <a:t> in the previous </a:t>
            </a:r>
            <a:r>
              <a:rPr lang="en-US" baseline="0" dirty="0" err="1"/>
              <a:t>programme</a:t>
            </a:r>
            <a:r>
              <a:rPr lang="en-US" baseline="0" dirty="0"/>
              <a:t> period, where the regions were homogeneous, now </a:t>
            </a:r>
            <a:r>
              <a:rPr lang="en-US" dirty="0"/>
              <a:t>some regions will include High income countries and Least developed countries:, i.e. Asia, Middle East, Pacific. </a:t>
            </a:r>
            <a:endParaRPr lang="en-IE" baseline="0" dirty="0"/>
          </a:p>
          <a:p>
            <a:endParaRPr lang="en-US" dirty="0"/>
          </a:p>
          <a:p>
            <a:r>
              <a:rPr lang="en-US" dirty="0"/>
              <a:t>New regions were formed, </a:t>
            </a:r>
            <a:r>
              <a:rPr lang="en-US" u="none" dirty="0"/>
              <a:t>while others changed composition</a:t>
            </a:r>
            <a:r>
              <a:rPr lang="en-US" dirty="0"/>
              <a:t>: </a:t>
            </a:r>
          </a:p>
          <a:p>
            <a:pPr marL="171450" indent="-171450">
              <a:buFont typeface="Arial" panose="020B0604020202020204" pitchFamily="34" charset="0"/>
              <a:buChar char="•"/>
            </a:pPr>
            <a:r>
              <a:rPr lang="en-US" u="none" dirty="0"/>
              <a:t>Asia now includes also the High Income Countries of that geographical region.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u="none" dirty="0"/>
              <a:t>Central Asia now also comprises Afghanistan</a:t>
            </a:r>
            <a:r>
              <a:rPr lang="en-US" u="none" baseline="0" dirty="0"/>
              <a:t> (previously included in the Asia region).</a:t>
            </a:r>
            <a:endParaRPr lang="en-US" u="none" dirty="0"/>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u="none" dirty="0"/>
              <a:t>Middle East now</a:t>
            </a:r>
            <a:r>
              <a:rPr lang="en-US" u="none" baseline="0" dirty="0"/>
              <a:t> </a:t>
            </a:r>
            <a:r>
              <a:rPr lang="en-US" u="none" dirty="0"/>
              <a:t>comprises the Gulf countries (together</a:t>
            </a:r>
            <a:r>
              <a:rPr lang="en-US" u="none" baseline="0" dirty="0"/>
              <a:t> with Iraq, Iran and Yemen) </a:t>
            </a:r>
            <a:r>
              <a:rPr lang="en-US" u="none" dirty="0"/>
              <a:t>which weren’t eligible</a:t>
            </a:r>
            <a:r>
              <a:rPr lang="en-US" u="none" baseline="0" dirty="0"/>
              <a:t> for ICM in the </a:t>
            </a:r>
            <a:r>
              <a:rPr lang="en-US" u="none" dirty="0"/>
              <a:t>2014-2020 </a:t>
            </a:r>
            <a:r>
              <a:rPr lang="en-US" u="none" dirty="0" err="1"/>
              <a:t>programme</a:t>
            </a:r>
            <a:endParaRPr lang="en-US" u="none" dirty="0"/>
          </a:p>
          <a:p>
            <a:pPr marL="171450" indent="-171450">
              <a:buFont typeface="Arial" panose="020B0604020202020204" pitchFamily="34" charset="0"/>
              <a:buChar char="•"/>
            </a:pPr>
            <a:r>
              <a:rPr lang="en-US" u="none" dirty="0"/>
              <a:t>ACP (Africa, Caribbean and Pacific) region split into Sub-Saharan Africa (comprising also South Africa,</a:t>
            </a:r>
            <a:r>
              <a:rPr lang="en-US" u="none" baseline="0" dirty="0"/>
              <a:t> previously a region on it own</a:t>
            </a:r>
            <a:r>
              <a:rPr lang="en-US" u="none" dirty="0"/>
              <a:t>), Pacific (comprising also Australia and New Zealand,</a:t>
            </a:r>
            <a:r>
              <a:rPr lang="en-US" u="none" baseline="0" dirty="0"/>
              <a:t> previously included in the region of </a:t>
            </a:r>
            <a:r>
              <a:rPr lang="en-US" u="none" baseline="0" dirty="0" err="1"/>
              <a:t>Industrialised</a:t>
            </a:r>
            <a:r>
              <a:rPr lang="en-US" u="none" baseline="0" dirty="0"/>
              <a:t> countries</a:t>
            </a:r>
            <a:r>
              <a:rPr lang="en-US" u="none" dirty="0"/>
              <a:t>) and Caribbean (comprising also Cuba,</a:t>
            </a:r>
            <a:r>
              <a:rPr lang="en-US" u="none" baseline="0" dirty="0"/>
              <a:t> previously included in the Latin American region)</a:t>
            </a:r>
            <a:r>
              <a:rPr lang="en-US" u="none" dirty="0"/>
              <a:t>; </a:t>
            </a:r>
          </a:p>
          <a:p>
            <a:pPr marL="171450" indent="-171450">
              <a:buFont typeface="Arial" panose="020B0604020202020204" pitchFamily="34" charset="0"/>
              <a:buChar char="•"/>
            </a:pPr>
            <a:r>
              <a:rPr lang="en-US" u="none" dirty="0"/>
              <a:t>USA and Canada form a separate region </a:t>
            </a:r>
          </a:p>
          <a:p>
            <a:endParaRPr lang="en-IE" dirty="0"/>
          </a:p>
          <a:p>
            <a:r>
              <a:rPr lang="en-US" dirty="0"/>
              <a:t>Two budget envelopes will see an increase, namely the Western Balkans and Sub-Saharan Africa. </a:t>
            </a:r>
            <a:r>
              <a:rPr lang="en-US" u="none" dirty="0"/>
              <a:t>While</a:t>
            </a:r>
            <a:r>
              <a:rPr lang="en-US" u="none" baseline="0" dirty="0"/>
              <a:t> many of the regions appear with a slight decrease in %, the overall increase of the ICM budget absorbs part of this decrease in absolute amounts. </a:t>
            </a:r>
            <a:endParaRPr lang="en-US" u="none" dirty="0"/>
          </a:p>
          <a:p>
            <a:endParaRPr lang="en-US" dirty="0"/>
          </a:p>
        </p:txBody>
      </p:sp>
      <p:sp>
        <p:nvSpPr>
          <p:cNvPr id="4" name="Slide Number Placeholder 3"/>
          <p:cNvSpPr>
            <a:spLocks noGrp="1"/>
          </p:cNvSpPr>
          <p:nvPr>
            <p:ph type="sldNum" sz="quarter" idx="10"/>
          </p:nvPr>
        </p:nvSpPr>
        <p:spPr/>
        <p:txBody>
          <a:bodyPr/>
          <a:lstStyle/>
          <a:p>
            <a:fld id="{59CF2995-AB43-4B7C-B8CD-9DC7C3692A9C}" type="slidenum">
              <a:rPr lang="en-GB" smtClean="0"/>
              <a:t>6</a:t>
            </a:fld>
            <a:endParaRPr lang="en-GB"/>
          </a:p>
        </p:txBody>
      </p:sp>
    </p:spTree>
    <p:extLst>
      <p:ext uri="{BB962C8B-B14F-4D97-AF65-F5344CB8AC3E}">
        <p14:creationId xmlns:p14="http://schemas.microsoft.com/office/powerpoint/2010/main" val="129084893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activities supported in ICM are: </a:t>
            </a:r>
          </a:p>
          <a:p>
            <a:endParaRPr lang="en-US" b="1" dirty="0"/>
          </a:p>
          <a:p>
            <a:r>
              <a:rPr lang="en-US" b="1" dirty="0"/>
              <a:t>Student mobility</a:t>
            </a:r>
            <a:r>
              <a:rPr lang="en-US" dirty="0"/>
              <a:t>: </a:t>
            </a:r>
          </a:p>
          <a:p>
            <a:r>
              <a:rPr lang="en-US" dirty="0"/>
              <a:t>It can be carried out in any study field and cycle (short cycle/bachelor/master/doctoral), and is open to recent graduates (students enrolled in their last year of studies). The physical mobility can last from 2</a:t>
            </a:r>
            <a:r>
              <a:rPr lang="en-US" baseline="0" dirty="0"/>
              <a:t> </a:t>
            </a:r>
            <a:r>
              <a:rPr lang="en-US" dirty="0"/>
              <a:t>to 12 months or between 5 and 30 days if part of blended mobility. Student mobility can take the form of: </a:t>
            </a:r>
          </a:p>
          <a:p>
            <a:pPr marL="171450" indent="-171450">
              <a:buFont typeface="Arial" panose="020B0604020202020204" pitchFamily="34" charset="0"/>
              <a:buChar char="•"/>
            </a:pPr>
            <a:r>
              <a:rPr lang="en-US" dirty="0"/>
              <a:t>A study period abroad at a partner HEI,</a:t>
            </a:r>
          </a:p>
          <a:p>
            <a:pPr marL="171450" indent="-171450">
              <a:buFont typeface="Arial" panose="020B0604020202020204" pitchFamily="34" charset="0"/>
              <a:buChar char="•"/>
            </a:pPr>
            <a:r>
              <a:rPr lang="en-US" dirty="0"/>
              <a:t>A traineeship (work placement, internship) abroad in an enterprise, a research institute, a laboratory, an </a:t>
            </a:r>
            <a:r>
              <a:rPr lang="en-US" dirty="0" err="1"/>
              <a:t>organisation</a:t>
            </a:r>
            <a:r>
              <a:rPr lang="en-US" dirty="0"/>
              <a:t> or any other relevant workplace.</a:t>
            </a:r>
          </a:p>
          <a:p>
            <a:endParaRPr lang="en-US" dirty="0"/>
          </a:p>
          <a:p>
            <a:r>
              <a:rPr lang="en-US" dirty="0"/>
              <a:t>Blended mobility is a combination of physical mobility with a virtual component facilitating a collaborative online learning exchange and teamwork.</a:t>
            </a:r>
          </a:p>
          <a:p>
            <a:endParaRPr lang="en-US" dirty="0"/>
          </a:p>
          <a:p>
            <a:r>
              <a:rPr lang="en-US" dirty="0"/>
              <a:t>The two types of student mobility could be combined, if the total duration of the mobility period does not exceed the maximum of 12 months per study cycle. </a:t>
            </a:r>
            <a:r>
              <a:rPr lang="en-US" u="none" dirty="0"/>
              <a:t>Virtual components of the blended mobility do not count</a:t>
            </a:r>
            <a:r>
              <a:rPr lang="en-US" u="none" baseline="0" dirty="0"/>
              <a:t> toward the max of 12 months, as they are not covered by a grant. </a:t>
            </a:r>
            <a:endParaRPr lang="en-US" u="none" dirty="0"/>
          </a:p>
          <a:p>
            <a:endParaRPr lang="en-US" dirty="0"/>
          </a:p>
          <a:p>
            <a:r>
              <a:rPr lang="en-US" b="1" dirty="0"/>
              <a:t>Staff mobility</a:t>
            </a:r>
            <a:r>
              <a:rPr lang="en-US" dirty="0"/>
              <a:t>: </a:t>
            </a:r>
          </a:p>
          <a:p>
            <a:r>
              <a:rPr lang="en-US" dirty="0"/>
              <a:t>It can be carried out by any type of higher education staff or by invited staff from outside the HEIs. The mobility period can last from 5 days to 2 months. It can take the form of: </a:t>
            </a:r>
          </a:p>
          <a:p>
            <a:pPr marL="171450" indent="-171450">
              <a:buFont typeface="Arial" panose="020B0604020202020204" pitchFamily="34" charset="0"/>
              <a:buChar char="•"/>
            </a:pPr>
            <a:r>
              <a:rPr lang="en-US" dirty="0"/>
              <a:t>A teaching period for academic staff and for invited staff from non-academic </a:t>
            </a:r>
            <a:r>
              <a:rPr lang="en-US" dirty="0" err="1"/>
              <a:t>organisations</a:t>
            </a:r>
            <a:r>
              <a:rPr lang="en-US" dirty="0"/>
              <a:t> to teach at a partner HEI abroad,  </a:t>
            </a:r>
          </a:p>
          <a:p>
            <a:pPr marL="171450" indent="-171450">
              <a:buFont typeface="Arial" panose="020B0604020202020204" pitchFamily="34" charset="0"/>
              <a:buChar char="•"/>
            </a:pPr>
            <a:r>
              <a:rPr lang="en-US" dirty="0"/>
              <a:t>A training period for teaching and non-teaching staff in the form of training events abroad (excluding conferences), job shadowing, observation periods and/or training at a partner HEI.</a:t>
            </a:r>
          </a:p>
          <a:p>
            <a:endParaRPr lang="en-US" dirty="0"/>
          </a:p>
          <a:p>
            <a:r>
              <a:rPr lang="en-US" dirty="0"/>
              <a:t>A staff mobility period abroad can combine teaching and training activities. Any teaching or training period abroad may be carried out as a blended mobility.</a:t>
            </a:r>
          </a:p>
          <a:p>
            <a:endParaRPr lang="en-US" dirty="0"/>
          </a:p>
        </p:txBody>
      </p:sp>
      <p:sp>
        <p:nvSpPr>
          <p:cNvPr id="4" name="Slide Number Placeholder 3"/>
          <p:cNvSpPr>
            <a:spLocks noGrp="1"/>
          </p:cNvSpPr>
          <p:nvPr>
            <p:ph type="sldNum" sz="quarter" idx="10"/>
          </p:nvPr>
        </p:nvSpPr>
        <p:spPr/>
        <p:txBody>
          <a:bodyPr/>
          <a:lstStyle/>
          <a:p>
            <a:fld id="{59CF2995-AB43-4B7C-B8CD-9DC7C3692A9C}" type="slidenum">
              <a:rPr lang="en-GB" smtClean="0"/>
              <a:t>7</a:t>
            </a:fld>
            <a:endParaRPr lang="en-GB"/>
          </a:p>
        </p:txBody>
      </p:sp>
    </p:spTree>
    <p:extLst>
      <p:ext uri="{BB962C8B-B14F-4D97-AF65-F5344CB8AC3E}">
        <p14:creationId xmlns:p14="http://schemas.microsoft.com/office/powerpoint/2010/main" val="242479892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IE" dirty="0"/>
              <a:t>ICM supports two way mobility</a:t>
            </a:r>
            <a:r>
              <a:rPr lang="en-IE" baseline="0" dirty="0"/>
              <a:t>: </a:t>
            </a:r>
            <a:r>
              <a:rPr lang="en-US" baseline="0" dirty="0"/>
              <a:t>all partners in an ICM project can send and host students and staff as described in their submitted project and provided that a relevant grant has been secured. </a:t>
            </a:r>
          </a:p>
          <a:p>
            <a:endParaRPr lang="en-IE" baseline="0" dirty="0"/>
          </a:p>
          <a:p>
            <a:r>
              <a:rPr lang="en-IE" baseline="0" dirty="0"/>
              <a:t>There is however a limitation of the eligible flows: </a:t>
            </a:r>
            <a:r>
              <a:rPr lang="en-US" baseline="0" dirty="0"/>
              <a:t>for certain countries, Bachelor/Master student mobility is only possible from third countries to Europe – this means third country universities can send but not host students at these study cycles under ICM. </a:t>
            </a:r>
          </a:p>
          <a:p>
            <a:endParaRPr lang="en-IE" baseline="0" dirty="0"/>
          </a:p>
          <a:p>
            <a:r>
              <a:rPr lang="en-US" dirty="0"/>
              <a:t>Countries with this restriction can be found in this list (Region 1 – Western Balkans is exempted from restriction): https://www.oecd.org/dac/financing-sustainable-development/development-finance-standards/DAC-List-ODA-Recipients-for-reporting-2021-flows.pdf</a:t>
            </a:r>
          </a:p>
          <a:p>
            <a:r>
              <a:rPr lang="en-US" u="none" dirty="0"/>
              <a:t>This</a:t>
            </a:r>
            <a:r>
              <a:rPr lang="en-US" u="none" baseline="0" dirty="0"/>
              <a:t> list is periodically revised, but the restriction rules are based on the status of the country at the time each Call is launched and it will not change during the lifecycle of the granted project. </a:t>
            </a:r>
            <a:endParaRPr lang="en-US" u="none" dirty="0"/>
          </a:p>
          <a:p>
            <a:endParaRPr lang="en-US" dirty="0"/>
          </a:p>
          <a:p>
            <a:r>
              <a:rPr lang="en-US" dirty="0"/>
              <a:t>In order to have more balanced partnerships, European partners may use a part of their intra-European mobility budget to fund their students mobility to restricted countries under ICM.</a:t>
            </a:r>
          </a:p>
          <a:p>
            <a:endParaRPr lang="en-US" dirty="0"/>
          </a:p>
        </p:txBody>
      </p:sp>
      <p:sp>
        <p:nvSpPr>
          <p:cNvPr id="4" name="Slide Number Placeholder 3"/>
          <p:cNvSpPr>
            <a:spLocks noGrp="1"/>
          </p:cNvSpPr>
          <p:nvPr>
            <p:ph type="sldNum" sz="quarter" idx="10"/>
          </p:nvPr>
        </p:nvSpPr>
        <p:spPr/>
        <p:txBody>
          <a:bodyPr/>
          <a:lstStyle/>
          <a:p>
            <a:fld id="{59CF2995-AB43-4B7C-B8CD-9DC7C3692A9C}" type="slidenum">
              <a:rPr lang="en-GB" smtClean="0"/>
              <a:t>8</a:t>
            </a:fld>
            <a:endParaRPr lang="en-GB"/>
          </a:p>
        </p:txBody>
      </p:sp>
    </p:spTree>
    <p:extLst>
      <p:ext uri="{BB962C8B-B14F-4D97-AF65-F5344CB8AC3E}">
        <p14:creationId xmlns:p14="http://schemas.microsoft.com/office/powerpoint/2010/main" val="338337961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15772">
              <a:defRPr/>
            </a:pPr>
            <a:r>
              <a:rPr lang="en-US" dirty="0"/>
              <a:t>The successful Higher</a:t>
            </a:r>
            <a:r>
              <a:rPr lang="en-US" baseline="0" dirty="0"/>
              <a:t> education institutions</a:t>
            </a:r>
            <a:r>
              <a:rPr lang="en-US" dirty="0"/>
              <a:t> receive a grant to cover the mobility of a number of students and staff. This grant will cover the cost of the individual and travel grants and include a portion for </a:t>
            </a:r>
            <a:r>
              <a:rPr lang="en-US" dirty="0" err="1"/>
              <a:t>organisational</a:t>
            </a:r>
            <a:r>
              <a:rPr lang="en-US" dirty="0"/>
              <a:t> support.</a:t>
            </a:r>
          </a:p>
          <a:p>
            <a:pPr defTabSz="915772">
              <a:defRPr/>
            </a:pPr>
            <a:endParaRPr lang="en-US" dirty="0"/>
          </a:p>
          <a:p>
            <a:pPr defTabSz="915772">
              <a:defRPr/>
            </a:pPr>
            <a:r>
              <a:rPr lang="en-US" b="1" dirty="0"/>
              <a:t>For individuals: </a:t>
            </a:r>
          </a:p>
          <a:p>
            <a:pPr defTabSz="915772">
              <a:defRPr/>
            </a:pPr>
            <a:r>
              <a:rPr lang="en-US" dirty="0"/>
              <a:t>Student and staff participants may receive a different monthly or daily contribution to their expenses abroad depending on whether their mobility is incoming (to Europe) or outgoing (from Europe). In addition, each selected individual participant will get a travel contribution based on the distance between the sending and the receiving institutions.  </a:t>
            </a:r>
          </a:p>
          <a:p>
            <a:pPr defTabSz="915772">
              <a:defRPr/>
            </a:pPr>
            <a:endParaRPr lang="en-US" dirty="0"/>
          </a:p>
          <a:p>
            <a:pPr defTabSz="915772">
              <a:defRPr/>
            </a:pPr>
            <a:r>
              <a:rPr lang="en-US" b="1" dirty="0"/>
              <a:t>For institutions: </a:t>
            </a:r>
          </a:p>
          <a:p>
            <a:pPr defTabSz="915772">
              <a:defRPr/>
            </a:pPr>
            <a:r>
              <a:rPr lang="en-US" dirty="0"/>
              <a:t>The mobility project grant will include a contribution of EUR 500 per mobile participant in order to offset the costs to the institution of </a:t>
            </a:r>
            <a:r>
              <a:rPr lang="en-US" dirty="0" err="1"/>
              <a:t>organising</a:t>
            </a:r>
            <a:r>
              <a:rPr lang="en-US" dirty="0"/>
              <a:t> the mobility project (e.g. selection, preparation, reception, integration of participants, etc.).</a:t>
            </a:r>
          </a:p>
          <a:p>
            <a:pPr defTabSz="915772">
              <a:defRPr/>
            </a:pPr>
            <a:endParaRPr lang="en-US" dirty="0"/>
          </a:p>
        </p:txBody>
      </p:sp>
      <p:sp>
        <p:nvSpPr>
          <p:cNvPr id="4" name="Slide Number Placeholder 3"/>
          <p:cNvSpPr>
            <a:spLocks noGrp="1"/>
          </p:cNvSpPr>
          <p:nvPr>
            <p:ph type="sldNum" sz="quarter" idx="10"/>
          </p:nvPr>
        </p:nvSpPr>
        <p:spPr/>
        <p:txBody>
          <a:bodyPr/>
          <a:lstStyle/>
          <a:p>
            <a:fld id="{8BEF61CF-CD5B-4078-90AE-318C21062855}" type="slidenum">
              <a:rPr lang="en-GB" altLang="en-US" smtClean="0"/>
              <a:pPr/>
              <a:t>9</a:t>
            </a:fld>
            <a:endParaRPr lang="en-GB" altLang="en-US"/>
          </a:p>
        </p:txBody>
      </p:sp>
    </p:spTree>
    <p:extLst>
      <p:ext uri="{BB962C8B-B14F-4D97-AF65-F5344CB8AC3E}">
        <p14:creationId xmlns:p14="http://schemas.microsoft.com/office/powerpoint/2010/main" val="270977655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selection of projects for ICM is based on an annual call for proposals issued by the European Commission.</a:t>
            </a:r>
          </a:p>
          <a:p>
            <a:endParaRPr lang="en-US" dirty="0"/>
          </a:p>
          <a:p>
            <a:r>
              <a:rPr lang="en-US" dirty="0"/>
              <a:t>Only Higher Education Institutions in the </a:t>
            </a:r>
            <a:r>
              <a:rPr lang="en-US" dirty="0" err="1"/>
              <a:t>Programme</a:t>
            </a:r>
            <a:r>
              <a:rPr lang="en-US" dirty="0"/>
              <a:t> countries</a:t>
            </a:r>
            <a:r>
              <a:rPr lang="en-US" baseline="0" dirty="0"/>
              <a:t> can apply</a:t>
            </a:r>
            <a:r>
              <a:rPr lang="en-US" dirty="0"/>
              <a:t>. They do so on behalf of their partners.   </a:t>
            </a:r>
          </a:p>
          <a:p>
            <a:endParaRPr lang="en-US" dirty="0"/>
          </a:p>
          <a:p>
            <a:r>
              <a:rPr lang="en-US" dirty="0"/>
              <a:t>The ICM project in their application contains the countries and partner universities they intend to cooperate with, as well as their cooperation plan in each region. </a:t>
            </a:r>
            <a:r>
              <a:rPr lang="en-US" u="none" dirty="0"/>
              <a:t>In countries with secured</a:t>
            </a:r>
            <a:r>
              <a:rPr lang="en-US" u="none" baseline="0" dirty="0"/>
              <a:t> budget during selection process, the European beneficiary may also change/add partner HEIs during implementation of the project. </a:t>
            </a:r>
            <a:endParaRPr lang="en-US" u="none" dirty="0"/>
          </a:p>
          <a:p>
            <a:endParaRPr lang="en-US" dirty="0"/>
          </a:p>
        </p:txBody>
      </p:sp>
      <p:sp>
        <p:nvSpPr>
          <p:cNvPr id="4" name="Slide Number Placeholder 3"/>
          <p:cNvSpPr>
            <a:spLocks noGrp="1"/>
          </p:cNvSpPr>
          <p:nvPr>
            <p:ph type="sldNum" sz="quarter" idx="10"/>
          </p:nvPr>
        </p:nvSpPr>
        <p:spPr/>
        <p:txBody>
          <a:bodyPr/>
          <a:lstStyle/>
          <a:p>
            <a:fld id="{59CF2995-AB43-4B7C-B8CD-9DC7C3692A9C}" type="slidenum">
              <a:rPr lang="en-GB" smtClean="0"/>
              <a:t>10</a:t>
            </a:fld>
            <a:endParaRPr lang="en-GB"/>
          </a:p>
        </p:txBody>
      </p:sp>
    </p:spTree>
    <p:extLst>
      <p:ext uri="{BB962C8B-B14F-4D97-AF65-F5344CB8AC3E}">
        <p14:creationId xmlns:p14="http://schemas.microsoft.com/office/powerpoint/2010/main" val="49010291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9A251F9-2F9B-40DE-93C0-E39A1F3FD7F0}"/>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IE"/>
          </a:p>
        </p:txBody>
      </p:sp>
      <p:sp>
        <p:nvSpPr>
          <p:cNvPr id="3" name="Subtitle 2">
            <a:extLst>
              <a:ext uri="{FF2B5EF4-FFF2-40B4-BE49-F238E27FC236}">
                <a16:creationId xmlns:a16="http://schemas.microsoft.com/office/drawing/2014/main" id="{0BCB9692-D90D-4D25-AAA9-A7246B3B16AD}"/>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IE"/>
          </a:p>
        </p:txBody>
      </p:sp>
      <p:sp>
        <p:nvSpPr>
          <p:cNvPr id="4" name="Date Placeholder 3">
            <a:extLst>
              <a:ext uri="{FF2B5EF4-FFF2-40B4-BE49-F238E27FC236}">
                <a16:creationId xmlns:a16="http://schemas.microsoft.com/office/drawing/2014/main" id="{98469D4F-F805-4273-A48A-E9198ACD4441}"/>
              </a:ext>
            </a:extLst>
          </p:cNvPr>
          <p:cNvSpPr>
            <a:spLocks noGrp="1"/>
          </p:cNvSpPr>
          <p:nvPr>
            <p:ph type="dt" sz="half" idx="10"/>
          </p:nvPr>
        </p:nvSpPr>
        <p:spPr/>
        <p:txBody>
          <a:bodyPr/>
          <a:lstStyle/>
          <a:p>
            <a:fld id="{12CD27FE-A06D-4EF1-B0CE-20E1F5650369}" type="datetimeFigureOut">
              <a:rPr lang="en-IE" smtClean="0"/>
              <a:t>29/11/2022</a:t>
            </a:fld>
            <a:endParaRPr lang="en-IE"/>
          </a:p>
        </p:txBody>
      </p:sp>
      <p:sp>
        <p:nvSpPr>
          <p:cNvPr id="5" name="Footer Placeholder 4">
            <a:extLst>
              <a:ext uri="{FF2B5EF4-FFF2-40B4-BE49-F238E27FC236}">
                <a16:creationId xmlns:a16="http://schemas.microsoft.com/office/drawing/2014/main" id="{A6EC90DB-D487-433B-99CA-6305815AA5F2}"/>
              </a:ext>
            </a:extLst>
          </p:cNvPr>
          <p:cNvSpPr>
            <a:spLocks noGrp="1"/>
          </p:cNvSpPr>
          <p:nvPr>
            <p:ph type="ftr" sz="quarter" idx="11"/>
          </p:nvPr>
        </p:nvSpPr>
        <p:spPr/>
        <p:txBody>
          <a:bodyPr/>
          <a:lstStyle/>
          <a:p>
            <a:endParaRPr lang="en-IE"/>
          </a:p>
        </p:txBody>
      </p:sp>
      <p:sp>
        <p:nvSpPr>
          <p:cNvPr id="6" name="Slide Number Placeholder 5">
            <a:extLst>
              <a:ext uri="{FF2B5EF4-FFF2-40B4-BE49-F238E27FC236}">
                <a16:creationId xmlns:a16="http://schemas.microsoft.com/office/drawing/2014/main" id="{165239A8-471B-4579-BCD5-BB6922E1C644}"/>
              </a:ext>
            </a:extLst>
          </p:cNvPr>
          <p:cNvSpPr>
            <a:spLocks noGrp="1"/>
          </p:cNvSpPr>
          <p:nvPr>
            <p:ph type="sldNum" sz="quarter" idx="12"/>
          </p:nvPr>
        </p:nvSpPr>
        <p:spPr/>
        <p:txBody>
          <a:bodyPr/>
          <a:lstStyle/>
          <a:p>
            <a:fld id="{CD38B638-62D6-4D5C-8510-FE90C6A44C7B}" type="slidenum">
              <a:rPr lang="en-IE" smtClean="0"/>
              <a:t>‹N°›</a:t>
            </a:fld>
            <a:endParaRPr lang="en-IE"/>
          </a:p>
        </p:txBody>
      </p:sp>
    </p:spTree>
    <p:extLst>
      <p:ext uri="{BB962C8B-B14F-4D97-AF65-F5344CB8AC3E}">
        <p14:creationId xmlns:p14="http://schemas.microsoft.com/office/powerpoint/2010/main" val="109377485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357560-CE68-41A2-9BBB-4C4101CE5D6C}"/>
              </a:ext>
            </a:extLst>
          </p:cNvPr>
          <p:cNvSpPr>
            <a:spLocks noGrp="1"/>
          </p:cNvSpPr>
          <p:nvPr>
            <p:ph type="title"/>
          </p:nvPr>
        </p:nvSpPr>
        <p:spPr/>
        <p:txBody>
          <a:bodyPr/>
          <a:lstStyle/>
          <a:p>
            <a:r>
              <a:rPr lang="en-US"/>
              <a:t>Click to edit Master title style</a:t>
            </a:r>
            <a:endParaRPr lang="en-IE"/>
          </a:p>
        </p:txBody>
      </p:sp>
      <p:sp>
        <p:nvSpPr>
          <p:cNvPr id="3" name="Vertical Text Placeholder 2">
            <a:extLst>
              <a:ext uri="{FF2B5EF4-FFF2-40B4-BE49-F238E27FC236}">
                <a16:creationId xmlns:a16="http://schemas.microsoft.com/office/drawing/2014/main" id="{39E6464A-1CE0-4879-AF5B-5017A742A589}"/>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4" name="Date Placeholder 3">
            <a:extLst>
              <a:ext uri="{FF2B5EF4-FFF2-40B4-BE49-F238E27FC236}">
                <a16:creationId xmlns:a16="http://schemas.microsoft.com/office/drawing/2014/main" id="{C935462D-6140-4F47-9F22-93CE58EC14CF}"/>
              </a:ext>
            </a:extLst>
          </p:cNvPr>
          <p:cNvSpPr>
            <a:spLocks noGrp="1"/>
          </p:cNvSpPr>
          <p:nvPr>
            <p:ph type="dt" sz="half" idx="10"/>
          </p:nvPr>
        </p:nvSpPr>
        <p:spPr/>
        <p:txBody>
          <a:bodyPr/>
          <a:lstStyle/>
          <a:p>
            <a:fld id="{12CD27FE-A06D-4EF1-B0CE-20E1F5650369}" type="datetimeFigureOut">
              <a:rPr lang="en-IE" smtClean="0"/>
              <a:t>29/11/2022</a:t>
            </a:fld>
            <a:endParaRPr lang="en-IE"/>
          </a:p>
        </p:txBody>
      </p:sp>
      <p:sp>
        <p:nvSpPr>
          <p:cNvPr id="5" name="Footer Placeholder 4">
            <a:extLst>
              <a:ext uri="{FF2B5EF4-FFF2-40B4-BE49-F238E27FC236}">
                <a16:creationId xmlns:a16="http://schemas.microsoft.com/office/drawing/2014/main" id="{4C7A057B-EC40-4AD2-A652-ADD11EE1317D}"/>
              </a:ext>
            </a:extLst>
          </p:cNvPr>
          <p:cNvSpPr>
            <a:spLocks noGrp="1"/>
          </p:cNvSpPr>
          <p:nvPr>
            <p:ph type="ftr" sz="quarter" idx="11"/>
          </p:nvPr>
        </p:nvSpPr>
        <p:spPr/>
        <p:txBody>
          <a:bodyPr/>
          <a:lstStyle/>
          <a:p>
            <a:endParaRPr lang="en-IE"/>
          </a:p>
        </p:txBody>
      </p:sp>
      <p:sp>
        <p:nvSpPr>
          <p:cNvPr id="6" name="Slide Number Placeholder 5">
            <a:extLst>
              <a:ext uri="{FF2B5EF4-FFF2-40B4-BE49-F238E27FC236}">
                <a16:creationId xmlns:a16="http://schemas.microsoft.com/office/drawing/2014/main" id="{8F652CC3-146C-4AF8-AB0A-E16DA4EDF0C8}"/>
              </a:ext>
            </a:extLst>
          </p:cNvPr>
          <p:cNvSpPr>
            <a:spLocks noGrp="1"/>
          </p:cNvSpPr>
          <p:nvPr>
            <p:ph type="sldNum" sz="quarter" idx="12"/>
          </p:nvPr>
        </p:nvSpPr>
        <p:spPr/>
        <p:txBody>
          <a:bodyPr/>
          <a:lstStyle/>
          <a:p>
            <a:fld id="{CD38B638-62D6-4D5C-8510-FE90C6A44C7B}" type="slidenum">
              <a:rPr lang="en-IE" smtClean="0"/>
              <a:t>‹N°›</a:t>
            </a:fld>
            <a:endParaRPr lang="en-IE"/>
          </a:p>
        </p:txBody>
      </p:sp>
    </p:spTree>
    <p:extLst>
      <p:ext uri="{BB962C8B-B14F-4D97-AF65-F5344CB8AC3E}">
        <p14:creationId xmlns:p14="http://schemas.microsoft.com/office/powerpoint/2010/main" val="172535901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95D27D90-3C41-4A2C-AB82-C2F479B0FF63}"/>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en-IE"/>
          </a:p>
        </p:txBody>
      </p:sp>
      <p:sp>
        <p:nvSpPr>
          <p:cNvPr id="3" name="Vertical Text Placeholder 2">
            <a:extLst>
              <a:ext uri="{FF2B5EF4-FFF2-40B4-BE49-F238E27FC236}">
                <a16:creationId xmlns:a16="http://schemas.microsoft.com/office/drawing/2014/main" id="{48C13BD6-80C1-4681-9F38-181F08D79DA1}"/>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4" name="Date Placeholder 3">
            <a:extLst>
              <a:ext uri="{FF2B5EF4-FFF2-40B4-BE49-F238E27FC236}">
                <a16:creationId xmlns:a16="http://schemas.microsoft.com/office/drawing/2014/main" id="{A1080A22-CDF7-4FAA-9CA6-87D0CB67D7C7}"/>
              </a:ext>
            </a:extLst>
          </p:cNvPr>
          <p:cNvSpPr>
            <a:spLocks noGrp="1"/>
          </p:cNvSpPr>
          <p:nvPr>
            <p:ph type="dt" sz="half" idx="10"/>
          </p:nvPr>
        </p:nvSpPr>
        <p:spPr/>
        <p:txBody>
          <a:bodyPr/>
          <a:lstStyle/>
          <a:p>
            <a:fld id="{12CD27FE-A06D-4EF1-B0CE-20E1F5650369}" type="datetimeFigureOut">
              <a:rPr lang="en-IE" smtClean="0"/>
              <a:t>29/11/2022</a:t>
            </a:fld>
            <a:endParaRPr lang="en-IE"/>
          </a:p>
        </p:txBody>
      </p:sp>
      <p:sp>
        <p:nvSpPr>
          <p:cNvPr id="5" name="Footer Placeholder 4">
            <a:extLst>
              <a:ext uri="{FF2B5EF4-FFF2-40B4-BE49-F238E27FC236}">
                <a16:creationId xmlns:a16="http://schemas.microsoft.com/office/drawing/2014/main" id="{DC090B62-9C19-40D9-997A-A2616A4EF83A}"/>
              </a:ext>
            </a:extLst>
          </p:cNvPr>
          <p:cNvSpPr>
            <a:spLocks noGrp="1"/>
          </p:cNvSpPr>
          <p:nvPr>
            <p:ph type="ftr" sz="quarter" idx="11"/>
          </p:nvPr>
        </p:nvSpPr>
        <p:spPr/>
        <p:txBody>
          <a:bodyPr/>
          <a:lstStyle/>
          <a:p>
            <a:endParaRPr lang="en-IE"/>
          </a:p>
        </p:txBody>
      </p:sp>
      <p:sp>
        <p:nvSpPr>
          <p:cNvPr id="6" name="Slide Number Placeholder 5">
            <a:extLst>
              <a:ext uri="{FF2B5EF4-FFF2-40B4-BE49-F238E27FC236}">
                <a16:creationId xmlns:a16="http://schemas.microsoft.com/office/drawing/2014/main" id="{0EBEDB6F-CCD4-4FDD-8F80-D64E243D26BF}"/>
              </a:ext>
            </a:extLst>
          </p:cNvPr>
          <p:cNvSpPr>
            <a:spLocks noGrp="1"/>
          </p:cNvSpPr>
          <p:nvPr>
            <p:ph type="sldNum" sz="quarter" idx="12"/>
          </p:nvPr>
        </p:nvSpPr>
        <p:spPr/>
        <p:txBody>
          <a:bodyPr/>
          <a:lstStyle/>
          <a:p>
            <a:fld id="{CD38B638-62D6-4D5C-8510-FE90C6A44C7B}" type="slidenum">
              <a:rPr lang="en-IE" smtClean="0"/>
              <a:t>‹N°›</a:t>
            </a:fld>
            <a:endParaRPr lang="en-IE"/>
          </a:p>
        </p:txBody>
      </p:sp>
    </p:spTree>
    <p:extLst>
      <p:ext uri="{BB962C8B-B14F-4D97-AF65-F5344CB8AC3E}">
        <p14:creationId xmlns:p14="http://schemas.microsoft.com/office/powerpoint/2010/main" val="2057386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noAutofit/>
          </a:bodyPr>
          <a:lstStyle/>
          <a:p>
            <a:fld id="{F46C79FD-C571-418B-AB0F-5EE936C85276}" type="slidenum">
              <a:rPr lang="en-GB" smtClean="0"/>
              <a:t>‹N°›</a:t>
            </a:fld>
            <a:endParaRPr lang="en-GB"/>
          </a:p>
        </p:txBody>
      </p:sp>
      <p:sp>
        <p:nvSpPr>
          <p:cNvPr id="2" name="Rectangle 1"/>
          <p:cNvSpPr/>
          <p:nvPr userDrawn="1"/>
        </p:nvSpPr>
        <p:spPr>
          <a:xfrm>
            <a:off x="0" y="0"/>
            <a:ext cx="12192000" cy="107817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a:p>
        </p:txBody>
      </p:sp>
      <p:sp>
        <p:nvSpPr>
          <p:cNvPr id="5" name="Rectangle 4"/>
          <p:cNvSpPr/>
          <p:nvPr userDrawn="1"/>
        </p:nvSpPr>
        <p:spPr>
          <a:xfrm>
            <a:off x="0" y="1078173"/>
            <a:ext cx="12192000" cy="5779827"/>
          </a:xfrm>
          <a:prstGeom prst="rect">
            <a:avLst/>
          </a:prstGeom>
          <a:solidFill>
            <a:srgbClr val="0356B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a:solidFill>
                <a:schemeClr val="accent4"/>
              </a:solidFill>
            </a:endParaRPr>
          </a:p>
        </p:txBody>
      </p:sp>
      <p:pic>
        <p:nvPicPr>
          <p:cNvPr id="3" name="Picture 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5388933" y="258042"/>
            <a:ext cx="1659793" cy="1152460"/>
          </a:xfrm>
          <a:prstGeom prst="rect">
            <a:avLst/>
          </a:prstGeom>
        </p:spPr>
      </p:pic>
      <p:sp>
        <p:nvSpPr>
          <p:cNvPr id="6" name="Title 1"/>
          <p:cNvSpPr>
            <a:spLocks noGrp="1"/>
          </p:cNvSpPr>
          <p:nvPr>
            <p:ph type="ctrTitle"/>
          </p:nvPr>
        </p:nvSpPr>
        <p:spPr>
          <a:xfrm>
            <a:off x="1071350" y="1992572"/>
            <a:ext cx="10065224" cy="2149523"/>
          </a:xfrm>
        </p:spPr>
        <p:txBody>
          <a:bodyPr wrap="none" anchor="t">
            <a:noAutofit/>
          </a:bodyPr>
          <a:lstStyle>
            <a:lvl1pPr algn="l">
              <a:defRPr sz="6000" b="0">
                <a:solidFill>
                  <a:schemeClr val="bg1"/>
                </a:solidFill>
              </a:defRPr>
            </a:lvl1pPr>
          </a:lstStyle>
          <a:p>
            <a:r>
              <a:rPr lang="en-US"/>
              <a:t>Click to edit Master title style</a:t>
            </a:r>
            <a:endParaRPr lang="en-GB" dirty="0"/>
          </a:p>
        </p:txBody>
      </p:sp>
      <p:cxnSp>
        <p:nvCxnSpPr>
          <p:cNvPr id="7" name="Straight Connector 6"/>
          <p:cNvCxnSpPr/>
          <p:nvPr userDrawn="1"/>
        </p:nvCxnSpPr>
        <p:spPr>
          <a:xfrm>
            <a:off x="838200" y="1978925"/>
            <a:ext cx="0" cy="4879075"/>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11" name="Rectangle 10"/>
          <p:cNvSpPr/>
          <p:nvPr userDrawn="1"/>
        </p:nvSpPr>
        <p:spPr>
          <a:xfrm>
            <a:off x="5741158" y="6619164"/>
            <a:ext cx="707409" cy="240594"/>
          </a:xfrm>
          <a:prstGeom prst="rect">
            <a:avLst/>
          </a:prstGeom>
          <a:solidFill>
            <a:srgbClr val="00449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a:p>
        </p:txBody>
      </p:sp>
      <p:sp>
        <p:nvSpPr>
          <p:cNvPr id="17" name="Subtitle 2"/>
          <p:cNvSpPr>
            <a:spLocks noGrp="1"/>
          </p:cNvSpPr>
          <p:nvPr>
            <p:ph type="subTitle" idx="1"/>
          </p:nvPr>
        </p:nvSpPr>
        <p:spPr>
          <a:xfrm>
            <a:off x="1071351" y="4418049"/>
            <a:ext cx="10065224" cy="897754"/>
          </a:xfrm>
        </p:spPr>
        <p:txBody>
          <a:bodyPr>
            <a:noAutofit/>
          </a:bodyPr>
          <a:lstStyle>
            <a:lvl1pPr marL="0" indent="0" algn="l">
              <a:buNone/>
              <a:defRPr sz="2800" i="0">
                <a:solidFill>
                  <a:schemeClr val="accent5"/>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dirty="0"/>
          </a:p>
        </p:txBody>
      </p:sp>
      <p:sp>
        <p:nvSpPr>
          <p:cNvPr id="19" name="Text Placeholder 18"/>
          <p:cNvSpPr>
            <a:spLocks noGrp="1"/>
          </p:cNvSpPr>
          <p:nvPr>
            <p:ph type="body" sz="quarter" idx="13"/>
          </p:nvPr>
        </p:nvSpPr>
        <p:spPr>
          <a:xfrm>
            <a:off x="6096000" y="5557903"/>
            <a:ext cx="5040313" cy="528998"/>
          </a:xfrm>
        </p:spPr>
        <p:txBody>
          <a:bodyPr>
            <a:noAutofit/>
          </a:bodyPr>
          <a:lstStyle>
            <a:lvl1pPr marL="0" indent="0" algn="r">
              <a:buFontTx/>
              <a:buNone/>
              <a:defRPr sz="2200" i="1">
                <a:solidFill>
                  <a:schemeClr val="bg1"/>
                </a:solidFill>
              </a:defRPr>
            </a:lvl1pPr>
          </a:lstStyle>
          <a:p>
            <a:pPr lvl="0"/>
            <a:r>
              <a:rPr lang="en-US"/>
              <a:t>Edit Master text styles</a:t>
            </a:r>
          </a:p>
        </p:txBody>
      </p:sp>
    </p:spTree>
    <p:extLst>
      <p:ext uri="{BB962C8B-B14F-4D97-AF65-F5344CB8AC3E}">
        <p14:creationId xmlns:p14="http://schemas.microsoft.com/office/powerpoint/2010/main" val="358850644"/>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838199" y="1825625"/>
            <a:ext cx="10905699" cy="3881904"/>
          </a:xfrm>
        </p:spPr>
        <p:txBody>
          <a:bodyPr>
            <a:noAutofit/>
          </a:bodyPr>
          <a:lstStyle>
            <a:lvl1pPr>
              <a:lnSpc>
                <a:spcPct val="100000"/>
              </a:lnSpc>
              <a:spcBef>
                <a:spcPts val="0"/>
              </a:spcBef>
              <a:spcAft>
                <a:spcPts val="1800"/>
              </a:spcAft>
              <a:defRPr/>
            </a:lvl1pPr>
            <a:lvl2pPr>
              <a:lnSpc>
                <a:spcPct val="100000"/>
              </a:lnSpc>
              <a:spcAft>
                <a:spcPts val="1800"/>
              </a:spcAft>
              <a:defRPr/>
            </a:lvl2pPr>
            <a:lvl3pPr>
              <a:lnSpc>
                <a:spcPct val="100000"/>
              </a:lnSpc>
              <a:spcAft>
                <a:spcPts val="1800"/>
              </a:spcAft>
              <a:defRPr/>
            </a:lvl3pPr>
            <a:lvl4pPr>
              <a:lnSpc>
                <a:spcPct val="100000"/>
              </a:lnSpc>
              <a:spcAft>
                <a:spcPts val="1800"/>
              </a:spcAft>
              <a:defRPr/>
            </a:lvl4pPr>
            <a:lvl5pPr>
              <a:lnSpc>
                <a:spcPct val="100000"/>
              </a:lnSpc>
              <a:spcAft>
                <a:spcPts val="1800"/>
              </a:spcAf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5"/>
          <p:cNvSpPr>
            <a:spLocks noGrp="1"/>
          </p:cNvSpPr>
          <p:nvPr>
            <p:ph type="sldNum" sz="quarter" idx="12"/>
          </p:nvPr>
        </p:nvSpPr>
        <p:spPr/>
        <p:txBody>
          <a:bodyPr>
            <a:noAutofit/>
          </a:bodyPr>
          <a:lstStyle/>
          <a:p>
            <a:fld id="{F46C79FD-C571-418B-AB0F-5EE936C85276}" type="slidenum">
              <a:rPr lang="en-GB" smtClean="0"/>
              <a:t>‹N°›</a:t>
            </a:fld>
            <a:endParaRPr lang="en-GB"/>
          </a:p>
        </p:txBody>
      </p:sp>
      <p:cxnSp>
        <p:nvCxnSpPr>
          <p:cNvPr id="7" name="Straight Connector 6"/>
          <p:cNvCxnSpPr/>
          <p:nvPr userDrawn="1"/>
        </p:nvCxnSpPr>
        <p:spPr>
          <a:xfrm flipH="1">
            <a:off x="838199" y="0"/>
            <a:ext cx="1" cy="1276357"/>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9" name="Title Placeholder 1"/>
          <p:cNvSpPr>
            <a:spLocks noGrp="1"/>
          </p:cNvSpPr>
          <p:nvPr>
            <p:ph type="title"/>
          </p:nvPr>
        </p:nvSpPr>
        <p:spPr>
          <a:xfrm>
            <a:off x="970722" y="482860"/>
            <a:ext cx="10515600" cy="782357"/>
          </a:xfrm>
          <a:prstGeom prst="rect">
            <a:avLst/>
          </a:prstGeom>
        </p:spPr>
        <p:txBody>
          <a:bodyPr vert="horz" lIns="91440" tIns="45720" rIns="91440" bIns="0" rtlCol="0" anchor="b" anchorCtr="0">
            <a:noAutofit/>
          </a:bodyPr>
          <a:lstStyle/>
          <a:p>
            <a:r>
              <a:rPr lang="en-US"/>
              <a:t>Click to edit Master title style</a:t>
            </a:r>
            <a:endParaRPr lang="en-GB" dirty="0"/>
          </a:p>
        </p:txBody>
      </p:sp>
    </p:spTree>
    <p:extLst>
      <p:ext uri="{BB962C8B-B14F-4D97-AF65-F5344CB8AC3E}">
        <p14:creationId xmlns:p14="http://schemas.microsoft.com/office/powerpoint/2010/main" val="304234157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D814AF-D8E2-4BC3-A46A-31EAF631CB8A}"/>
              </a:ext>
            </a:extLst>
          </p:cNvPr>
          <p:cNvSpPr>
            <a:spLocks noGrp="1"/>
          </p:cNvSpPr>
          <p:nvPr>
            <p:ph type="title"/>
          </p:nvPr>
        </p:nvSpPr>
        <p:spPr/>
        <p:txBody>
          <a:bodyPr/>
          <a:lstStyle/>
          <a:p>
            <a:r>
              <a:rPr lang="en-US"/>
              <a:t>Click to edit Master title style</a:t>
            </a:r>
            <a:endParaRPr lang="en-IE"/>
          </a:p>
        </p:txBody>
      </p:sp>
      <p:sp>
        <p:nvSpPr>
          <p:cNvPr id="3" name="Content Placeholder 2">
            <a:extLst>
              <a:ext uri="{FF2B5EF4-FFF2-40B4-BE49-F238E27FC236}">
                <a16:creationId xmlns:a16="http://schemas.microsoft.com/office/drawing/2014/main" id="{F1FAD37D-29BD-40F9-92F1-CF32582476CA}"/>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4" name="Date Placeholder 3">
            <a:extLst>
              <a:ext uri="{FF2B5EF4-FFF2-40B4-BE49-F238E27FC236}">
                <a16:creationId xmlns:a16="http://schemas.microsoft.com/office/drawing/2014/main" id="{15428C9D-B528-45AF-B4C3-CE96FCEA8988}"/>
              </a:ext>
            </a:extLst>
          </p:cNvPr>
          <p:cNvSpPr>
            <a:spLocks noGrp="1"/>
          </p:cNvSpPr>
          <p:nvPr>
            <p:ph type="dt" sz="half" idx="10"/>
          </p:nvPr>
        </p:nvSpPr>
        <p:spPr/>
        <p:txBody>
          <a:bodyPr/>
          <a:lstStyle/>
          <a:p>
            <a:fld id="{12CD27FE-A06D-4EF1-B0CE-20E1F5650369}" type="datetimeFigureOut">
              <a:rPr lang="en-IE" smtClean="0"/>
              <a:t>29/11/2022</a:t>
            </a:fld>
            <a:endParaRPr lang="en-IE"/>
          </a:p>
        </p:txBody>
      </p:sp>
      <p:sp>
        <p:nvSpPr>
          <p:cNvPr id="5" name="Footer Placeholder 4">
            <a:extLst>
              <a:ext uri="{FF2B5EF4-FFF2-40B4-BE49-F238E27FC236}">
                <a16:creationId xmlns:a16="http://schemas.microsoft.com/office/drawing/2014/main" id="{88C24969-D117-4D8E-9A33-88C4D3F6B1C7}"/>
              </a:ext>
            </a:extLst>
          </p:cNvPr>
          <p:cNvSpPr>
            <a:spLocks noGrp="1"/>
          </p:cNvSpPr>
          <p:nvPr>
            <p:ph type="ftr" sz="quarter" idx="11"/>
          </p:nvPr>
        </p:nvSpPr>
        <p:spPr/>
        <p:txBody>
          <a:bodyPr/>
          <a:lstStyle/>
          <a:p>
            <a:endParaRPr lang="en-IE"/>
          </a:p>
        </p:txBody>
      </p:sp>
      <p:sp>
        <p:nvSpPr>
          <p:cNvPr id="6" name="Slide Number Placeholder 5">
            <a:extLst>
              <a:ext uri="{FF2B5EF4-FFF2-40B4-BE49-F238E27FC236}">
                <a16:creationId xmlns:a16="http://schemas.microsoft.com/office/drawing/2014/main" id="{735AD69C-9347-4D21-B22C-48FF39FFF9E5}"/>
              </a:ext>
            </a:extLst>
          </p:cNvPr>
          <p:cNvSpPr>
            <a:spLocks noGrp="1"/>
          </p:cNvSpPr>
          <p:nvPr>
            <p:ph type="sldNum" sz="quarter" idx="12"/>
          </p:nvPr>
        </p:nvSpPr>
        <p:spPr/>
        <p:txBody>
          <a:bodyPr/>
          <a:lstStyle/>
          <a:p>
            <a:fld id="{CD38B638-62D6-4D5C-8510-FE90C6A44C7B}" type="slidenum">
              <a:rPr lang="en-IE" smtClean="0"/>
              <a:t>‹N°›</a:t>
            </a:fld>
            <a:endParaRPr lang="en-IE"/>
          </a:p>
        </p:txBody>
      </p:sp>
    </p:spTree>
    <p:extLst>
      <p:ext uri="{BB962C8B-B14F-4D97-AF65-F5344CB8AC3E}">
        <p14:creationId xmlns:p14="http://schemas.microsoft.com/office/powerpoint/2010/main" val="413812607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8A61B9C-897F-49DE-82C3-1390BF3082D5}"/>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IE"/>
          </a:p>
        </p:txBody>
      </p:sp>
      <p:sp>
        <p:nvSpPr>
          <p:cNvPr id="3" name="Text Placeholder 2">
            <a:extLst>
              <a:ext uri="{FF2B5EF4-FFF2-40B4-BE49-F238E27FC236}">
                <a16:creationId xmlns:a16="http://schemas.microsoft.com/office/drawing/2014/main" id="{B605305E-2905-44FD-AE10-6D9C9D848FB3}"/>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FEF9E7E3-F35D-4615-AF1A-62AE2318EF27}"/>
              </a:ext>
            </a:extLst>
          </p:cNvPr>
          <p:cNvSpPr>
            <a:spLocks noGrp="1"/>
          </p:cNvSpPr>
          <p:nvPr>
            <p:ph type="dt" sz="half" idx="10"/>
          </p:nvPr>
        </p:nvSpPr>
        <p:spPr/>
        <p:txBody>
          <a:bodyPr/>
          <a:lstStyle/>
          <a:p>
            <a:fld id="{12CD27FE-A06D-4EF1-B0CE-20E1F5650369}" type="datetimeFigureOut">
              <a:rPr lang="en-IE" smtClean="0"/>
              <a:t>29/11/2022</a:t>
            </a:fld>
            <a:endParaRPr lang="en-IE"/>
          </a:p>
        </p:txBody>
      </p:sp>
      <p:sp>
        <p:nvSpPr>
          <p:cNvPr id="5" name="Footer Placeholder 4">
            <a:extLst>
              <a:ext uri="{FF2B5EF4-FFF2-40B4-BE49-F238E27FC236}">
                <a16:creationId xmlns:a16="http://schemas.microsoft.com/office/drawing/2014/main" id="{9A49CBB3-8355-4B7F-81F5-F3C48EACF62E}"/>
              </a:ext>
            </a:extLst>
          </p:cNvPr>
          <p:cNvSpPr>
            <a:spLocks noGrp="1"/>
          </p:cNvSpPr>
          <p:nvPr>
            <p:ph type="ftr" sz="quarter" idx="11"/>
          </p:nvPr>
        </p:nvSpPr>
        <p:spPr/>
        <p:txBody>
          <a:bodyPr/>
          <a:lstStyle/>
          <a:p>
            <a:endParaRPr lang="en-IE"/>
          </a:p>
        </p:txBody>
      </p:sp>
      <p:sp>
        <p:nvSpPr>
          <p:cNvPr id="6" name="Slide Number Placeholder 5">
            <a:extLst>
              <a:ext uri="{FF2B5EF4-FFF2-40B4-BE49-F238E27FC236}">
                <a16:creationId xmlns:a16="http://schemas.microsoft.com/office/drawing/2014/main" id="{31E2DF3F-1623-4A97-9C23-01B711F055CC}"/>
              </a:ext>
            </a:extLst>
          </p:cNvPr>
          <p:cNvSpPr>
            <a:spLocks noGrp="1"/>
          </p:cNvSpPr>
          <p:nvPr>
            <p:ph type="sldNum" sz="quarter" idx="12"/>
          </p:nvPr>
        </p:nvSpPr>
        <p:spPr/>
        <p:txBody>
          <a:bodyPr/>
          <a:lstStyle/>
          <a:p>
            <a:fld id="{CD38B638-62D6-4D5C-8510-FE90C6A44C7B}" type="slidenum">
              <a:rPr lang="en-IE" smtClean="0"/>
              <a:t>‹N°›</a:t>
            </a:fld>
            <a:endParaRPr lang="en-IE"/>
          </a:p>
        </p:txBody>
      </p:sp>
    </p:spTree>
    <p:extLst>
      <p:ext uri="{BB962C8B-B14F-4D97-AF65-F5344CB8AC3E}">
        <p14:creationId xmlns:p14="http://schemas.microsoft.com/office/powerpoint/2010/main" val="255656700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F218426-6C38-4D5C-81E7-6FBA184808E9}"/>
              </a:ext>
            </a:extLst>
          </p:cNvPr>
          <p:cNvSpPr>
            <a:spLocks noGrp="1"/>
          </p:cNvSpPr>
          <p:nvPr>
            <p:ph type="title"/>
          </p:nvPr>
        </p:nvSpPr>
        <p:spPr/>
        <p:txBody>
          <a:bodyPr/>
          <a:lstStyle/>
          <a:p>
            <a:r>
              <a:rPr lang="en-US"/>
              <a:t>Click to edit Master title style</a:t>
            </a:r>
            <a:endParaRPr lang="en-IE"/>
          </a:p>
        </p:txBody>
      </p:sp>
      <p:sp>
        <p:nvSpPr>
          <p:cNvPr id="3" name="Content Placeholder 2">
            <a:extLst>
              <a:ext uri="{FF2B5EF4-FFF2-40B4-BE49-F238E27FC236}">
                <a16:creationId xmlns:a16="http://schemas.microsoft.com/office/drawing/2014/main" id="{578E21E1-64C5-4283-9828-C3541D3E04B3}"/>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4" name="Content Placeholder 3">
            <a:extLst>
              <a:ext uri="{FF2B5EF4-FFF2-40B4-BE49-F238E27FC236}">
                <a16:creationId xmlns:a16="http://schemas.microsoft.com/office/drawing/2014/main" id="{369686C0-EEB9-4865-B1EE-691FC91E576C}"/>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5" name="Date Placeholder 4">
            <a:extLst>
              <a:ext uri="{FF2B5EF4-FFF2-40B4-BE49-F238E27FC236}">
                <a16:creationId xmlns:a16="http://schemas.microsoft.com/office/drawing/2014/main" id="{310541B3-58FB-426C-958A-8CE34E2F9CC2}"/>
              </a:ext>
            </a:extLst>
          </p:cNvPr>
          <p:cNvSpPr>
            <a:spLocks noGrp="1"/>
          </p:cNvSpPr>
          <p:nvPr>
            <p:ph type="dt" sz="half" idx="10"/>
          </p:nvPr>
        </p:nvSpPr>
        <p:spPr/>
        <p:txBody>
          <a:bodyPr/>
          <a:lstStyle/>
          <a:p>
            <a:fld id="{12CD27FE-A06D-4EF1-B0CE-20E1F5650369}" type="datetimeFigureOut">
              <a:rPr lang="en-IE" smtClean="0"/>
              <a:t>29/11/2022</a:t>
            </a:fld>
            <a:endParaRPr lang="en-IE"/>
          </a:p>
        </p:txBody>
      </p:sp>
      <p:sp>
        <p:nvSpPr>
          <p:cNvPr id="6" name="Footer Placeholder 5">
            <a:extLst>
              <a:ext uri="{FF2B5EF4-FFF2-40B4-BE49-F238E27FC236}">
                <a16:creationId xmlns:a16="http://schemas.microsoft.com/office/drawing/2014/main" id="{3D7BE5FE-0975-44BA-83AD-3196E0014BC5}"/>
              </a:ext>
            </a:extLst>
          </p:cNvPr>
          <p:cNvSpPr>
            <a:spLocks noGrp="1"/>
          </p:cNvSpPr>
          <p:nvPr>
            <p:ph type="ftr" sz="quarter" idx="11"/>
          </p:nvPr>
        </p:nvSpPr>
        <p:spPr/>
        <p:txBody>
          <a:bodyPr/>
          <a:lstStyle/>
          <a:p>
            <a:endParaRPr lang="en-IE"/>
          </a:p>
        </p:txBody>
      </p:sp>
      <p:sp>
        <p:nvSpPr>
          <p:cNvPr id="7" name="Slide Number Placeholder 6">
            <a:extLst>
              <a:ext uri="{FF2B5EF4-FFF2-40B4-BE49-F238E27FC236}">
                <a16:creationId xmlns:a16="http://schemas.microsoft.com/office/drawing/2014/main" id="{A268C25A-1A1B-4826-B6B0-D72FB3FEEEB1}"/>
              </a:ext>
            </a:extLst>
          </p:cNvPr>
          <p:cNvSpPr>
            <a:spLocks noGrp="1"/>
          </p:cNvSpPr>
          <p:nvPr>
            <p:ph type="sldNum" sz="quarter" idx="12"/>
          </p:nvPr>
        </p:nvSpPr>
        <p:spPr/>
        <p:txBody>
          <a:bodyPr/>
          <a:lstStyle/>
          <a:p>
            <a:fld id="{CD38B638-62D6-4D5C-8510-FE90C6A44C7B}" type="slidenum">
              <a:rPr lang="en-IE" smtClean="0"/>
              <a:t>‹N°›</a:t>
            </a:fld>
            <a:endParaRPr lang="en-IE"/>
          </a:p>
        </p:txBody>
      </p:sp>
    </p:spTree>
    <p:extLst>
      <p:ext uri="{BB962C8B-B14F-4D97-AF65-F5344CB8AC3E}">
        <p14:creationId xmlns:p14="http://schemas.microsoft.com/office/powerpoint/2010/main" val="417285293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8C6B3C4-56B2-49A0-99F3-A788D82157B6}"/>
              </a:ext>
            </a:extLst>
          </p:cNvPr>
          <p:cNvSpPr>
            <a:spLocks noGrp="1"/>
          </p:cNvSpPr>
          <p:nvPr>
            <p:ph type="title"/>
          </p:nvPr>
        </p:nvSpPr>
        <p:spPr>
          <a:xfrm>
            <a:off x="839788" y="365125"/>
            <a:ext cx="10515600" cy="1325563"/>
          </a:xfrm>
        </p:spPr>
        <p:txBody>
          <a:bodyPr/>
          <a:lstStyle/>
          <a:p>
            <a:r>
              <a:rPr lang="en-US"/>
              <a:t>Click to edit Master title style</a:t>
            </a:r>
            <a:endParaRPr lang="en-IE"/>
          </a:p>
        </p:txBody>
      </p:sp>
      <p:sp>
        <p:nvSpPr>
          <p:cNvPr id="3" name="Text Placeholder 2">
            <a:extLst>
              <a:ext uri="{FF2B5EF4-FFF2-40B4-BE49-F238E27FC236}">
                <a16:creationId xmlns:a16="http://schemas.microsoft.com/office/drawing/2014/main" id="{E775EE22-4D12-4D9D-A28E-735DB3B2A2A5}"/>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77EDA015-ECB1-49BA-B998-93DDEE724107}"/>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5" name="Text Placeholder 4">
            <a:extLst>
              <a:ext uri="{FF2B5EF4-FFF2-40B4-BE49-F238E27FC236}">
                <a16:creationId xmlns:a16="http://schemas.microsoft.com/office/drawing/2014/main" id="{BC8DF30B-00D3-4618-BFE1-21D03E4A6F8E}"/>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B3DC906C-C991-4194-A1D4-A3F30CAC7E60}"/>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7" name="Date Placeholder 6">
            <a:extLst>
              <a:ext uri="{FF2B5EF4-FFF2-40B4-BE49-F238E27FC236}">
                <a16:creationId xmlns:a16="http://schemas.microsoft.com/office/drawing/2014/main" id="{E560A092-3E6B-416E-96D7-3EB26B25257A}"/>
              </a:ext>
            </a:extLst>
          </p:cNvPr>
          <p:cNvSpPr>
            <a:spLocks noGrp="1"/>
          </p:cNvSpPr>
          <p:nvPr>
            <p:ph type="dt" sz="half" idx="10"/>
          </p:nvPr>
        </p:nvSpPr>
        <p:spPr/>
        <p:txBody>
          <a:bodyPr/>
          <a:lstStyle/>
          <a:p>
            <a:fld id="{12CD27FE-A06D-4EF1-B0CE-20E1F5650369}" type="datetimeFigureOut">
              <a:rPr lang="en-IE" smtClean="0"/>
              <a:t>29/11/2022</a:t>
            </a:fld>
            <a:endParaRPr lang="en-IE"/>
          </a:p>
        </p:txBody>
      </p:sp>
      <p:sp>
        <p:nvSpPr>
          <p:cNvPr id="8" name="Footer Placeholder 7">
            <a:extLst>
              <a:ext uri="{FF2B5EF4-FFF2-40B4-BE49-F238E27FC236}">
                <a16:creationId xmlns:a16="http://schemas.microsoft.com/office/drawing/2014/main" id="{FBE7CFE9-1041-4D1A-A158-328B66F3AF5B}"/>
              </a:ext>
            </a:extLst>
          </p:cNvPr>
          <p:cNvSpPr>
            <a:spLocks noGrp="1"/>
          </p:cNvSpPr>
          <p:nvPr>
            <p:ph type="ftr" sz="quarter" idx="11"/>
          </p:nvPr>
        </p:nvSpPr>
        <p:spPr/>
        <p:txBody>
          <a:bodyPr/>
          <a:lstStyle/>
          <a:p>
            <a:endParaRPr lang="en-IE"/>
          </a:p>
        </p:txBody>
      </p:sp>
      <p:sp>
        <p:nvSpPr>
          <p:cNvPr id="9" name="Slide Number Placeholder 8">
            <a:extLst>
              <a:ext uri="{FF2B5EF4-FFF2-40B4-BE49-F238E27FC236}">
                <a16:creationId xmlns:a16="http://schemas.microsoft.com/office/drawing/2014/main" id="{69B8F5B2-48A7-4B04-B332-2A96F86EA370}"/>
              </a:ext>
            </a:extLst>
          </p:cNvPr>
          <p:cNvSpPr>
            <a:spLocks noGrp="1"/>
          </p:cNvSpPr>
          <p:nvPr>
            <p:ph type="sldNum" sz="quarter" idx="12"/>
          </p:nvPr>
        </p:nvSpPr>
        <p:spPr/>
        <p:txBody>
          <a:bodyPr/>
          <a:lstStyle/>
          <a:p>
            <a:fld id="{CD38B638-62D6-4D5C-8510-FE90C6A44C7B}" type="slidenum">
              <a:rPr lang="en-IE" smtClean="0"/>
              <a:t>‹N°›</a:t>
            </a:fld>
            <a:endParaRPr lang="en-IE"/>
          </a:p>
        </p:txBody>
      </p:sp>
    </p:spTree>
    <p:extLst>
      <p:ext uri="{BB962C8B-B14F-4D97-AF65-F5344CB8AC3E}">
        <p14:creationId xmlns:p14="http://schemas.microsoft.com/office/powerpoint/2010/main" val="267710573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DBA4E56-5F11-4F98-9B79-E950C2C7136F}"/>
              </a:ext>
            </a:extLst>
          </p:cNvPr>
          <p:cNvSpPr>
            <a:spLocks noGrp="1"/>
          </p:cNvSpPr>
          <p:nvPr>
            <p:ph type="title"/>
          </p:nvPr>
        </p:nvSpPr>
        <p:spPr/>
        <p:txBody>
          <a:bodyPr/>
          <a:lstStyle/>
          <a:p>
            <a:r>
              <a:rPr lang="en-US"/>
              <a:t>Click to edit Master title style</a:t>
            </a:r>
            <a:endParaRPr lang="en-IE"/>
          </a:p>
        </p:txBody>
      </p:sp>
      <p:sp>
        <p:nvSpPr>
          <p:cNvPr id="3" name="Date Placeholder 2">
            <a:extLst>
              <a:ext uri="{FF2B5EF4-FFF2-40B4-BE49-F238E27FC236}">
                <a16:creationId xmlns:a16="http://schemas.microsoft.com/office/drawing/2014/main" id="{DA951CAB-DBA9-4D07-9986-B95EB367C14C}"/>
              </a:ext>
            </a:extLst>
          </p:cNvPr>
          <p:cNvSpPr>
            <a:spLocks noGrp="1"/>
          </p:cNvSpPr>
          <p:nvPr>
            <p:ph type="dt" sz="half" idx="10"/>
          </p:nvPr>
        </p:nvSpPr>
        <p:spPr/>
        <p:txBody>
          <a:bodyPr/>
          <a:lstStyle/>
          <a:p>
            <a:fld id="{12CD27FE-A06D-4EF1-B0CE-20E1F5650369}" type="datetimeFigureOut">
              <a:rPr lang="en-IE" smtClean="0"/>
              <a:t>29/11/2022</a:t>
            </a:fld>
            <a:endParaRPr lang="en-IE"/>
          </a:p>
        </p:txBody>
      </p:sp>
      <p:sp>
        <p:nvSpPr>
          <p:cNvPr id="4" name="Footer Placeholder 3">
            <a:extLst>
              <a:ext uri="{FF2B5EF4-FFF2-40B4-BE49-F238E27FC236}">
                <a16:creationId xmlns:a16="http://schemas.microsoft.com/office/drawing/2014/main" id="{8ACAA889-6A51-4399-A566-82BAF3163C88}"/>
              </a:ext>
            </a:extLst>
          </p:cNvPr>
          <p:cNvSpPr>
            <a:spLocks noGrp="1"/>
          </p:cNvSpPr>
          <p:nvPr>
            <p:ph type="ftr" sz="quarter" idx="11"/>
          </p:nvPr>
        </p:nvSpPr>
        <p:spPr/>
        <p:txBody>
          <a:bodyPr/>
          <a:lstStyle/>
          <a:p>
            <a:endParaRPr lang="en-IE"/>
          </a:p>
        </p:txBody>
      </p:sp>
      <p:sp>
        <p:nvSpPr>
          <p:cNvPr id="5" name="Slide Number Placeholder 4">
            <a:extLst>
              <a:ext uri="{FF2B5EF4-FFF2-40B4-BE49-F238E27FC236}">
                <a16:creationId xmlns:a16="http://schemas.microsoft.com/office/drawing/2014/main" id="{26BF6742-7CB7-4642-9103-02746B91A364}"/>
              </a:ext>
            </a:extLst>
          </p:cNvPr>
          <p:cNvSpPr>
            <a:spLocks noGrp="1"/>
          </p:cNvSpPr>
          <p:nvPr>
            <p:ph type="sldNum" sz="quarter" idx="12"/>
          </p:nvPr>
        </p:nvSpPr>
        <p:spPr/>
        <p:txBody>
          <a:bodyPr/>
          <a:lstStyle/>
          <a:p>
            <a:fld id="{CD38B638-62D6-4D5C-8510-FE90C6A44C7B}" type="slidenum">
              <a:rPr lang="en-IE" smtClean="0"/>
              <a:t>‹N°›</a:t>
            </a:fld>
            <a:endParaRPr lang="en-IE"/>
          </a:p>
        </p:txBody>
      </p:sp>
    </p:spTree>
    <p:extLst>
      <p:ext uri="{BB962C8B-B14F-4D97-AF65-F5344CB8AC3E}">
        <p14:creationId xmlns:p14="http://schemas.microsoft.com/office/powerpoint/2010/main" val="217620075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21BFE87C-E2AE-486D-972B-381649C49C5A}"/>
              </a:ext>
            </a:extLst>
          </p:cNvPr>
          <p:cNvSpPr>
            <a:spLocks noGrp="1"/>
          </p:cNvSpPr>
          <p:nvPr>
            <p:ph type="dt" sz="half" idx="10"/>
          </p:nvPr>
        </p:nvSpPr>
        <p:spPr/>
        <p:txBody>
          <a:bodyPr/>
          <a:lstStyle/>
          <a:p>
            <a:fld id="{12CD27FE-A06D-4EF1-B0CE-20E1F5650369}" type="datetimeFigureOut">
              <a:rPr lang="en-IE" smtClean="0"/>
              <a:t>29/11/2022</a:t>
            </a:fld>
            <a:endParaRPr lang="en-IE"/>
          </a:p>
        </p:txBody>
      </p:sp>
      <p:sp>
        <p:nvSpPr>
          <p:cNvPr id="3" name="Footer Placeholder 2">
            <a:extLst>
              <a:ext uri="{FF2B5EF4-FFF2-40B4-BE49-F238E27FC236}">
                <a16:creationId xmlns:a16="http://schemas.microsoft.com/office/drawing/2014/main" id="{6387EA81-4AD1-4725-A627-790AE2B20C08}"/>
              </a:ext>
            </a:extLst>
          </p:cNvPr>
          <p:cNvSpPr>
            <a:spLocks noGrp="1"/>
          </p:cNvSpPr>
          <p:nvPr>
            <p:ph type="ftr" sz="quarter" idx="11"/>
          </p:nvPr>
        </p:nvSpPr>
        <p:spPr/>
        <p:txBody>
          <a:bodyPr/>
          <a:lstStyle/>
          <a:p>
            <a:endParaRPr lang="en-IE"/>
          </a:p>
        </p:txBody>
      </p:sp>
      <p:sp>
        <p:nvSpPr>
          <p:cNvPr id="4" name="Slide Number Placeholder 3">
            <a:extLst>
              <a:ext uri="{FF2B5EF4-FFF2-40B4-BE49-F238E27FC236}">
                <a16:creationId xmlns:a16="http://schemas.microsoft.com/office/drawing/2014/main" id="{2D0F5F9A-10A9-40BA-832D-5DDD7F93894B}"/>
              </a:ext>
            </a:extLst>
          </p:cNvPr>
          <p:cNvSpPr>
            <a:spLocks noGrp="1"/>
          </p:cNvSpPr>
          <p:nvPr>
            <p:ph type="sldNum" sz="quarter" idx="12"/>
          </p:nvPr>
        </p:nvSpPr>
        <p:spPr/>
        <p:txBody>
          <a:bodyPr/>
          <a:lstStyle/>
          <a:p>
            <a:fld id="{CD38B638-62D6-4D5C-8510-FE90C6A44C7B}" type="slidenum">
              <a:rPr lang="en-IE" smtClean="0"/>
              <a:t>‹N°›</a:t>
            </a:fld>
            <a:endParaRPr lang="en-IE"/>
          </a:p>
        </p:txBody>
      </p:sp>
    </p:spTree>
    <p:extLst>
      <p:ext uri="{BB962C8B-B14F-4D97-AF65-F5344CB8AC3E}">
        <p14:creationId xmlns:p14="http://schemas.microsoft.com/office/powerpoint/2010/main" val="266225539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48889AD-30D7-4E44-957C-19E9FA9C48DE}"/>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IE"/>
          </a:p>
        </p:txBody>
      </p:sp>
      <p:sp>
        <p:nvSpPr>
          <p:cNvPr id="3" name="Content Placeholder 2">
            <a:extLst>
              <a:ext uri="{FF2B5EF4-FFF2-40B4-BE49-F238E27FC236}">
                <a16:creationId xmlns:a16="http://schemas.microsoft.com/office/drawing/2014/main" id="{C714743D-C0DC-46E7-A533-0E1F2882ECD4}"/>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4" name="Text Placeholder 3">
            <a:extLst>
              <a:ext uri="{FF2B5EF4-FFF2-40B4-BE49-F238E27FC236}">
                <a16:creationId xmlns:a16="http://schemas.microsoft.com/office/drawing/2014/main" id="{AAC00CFD-E671-4B05-88DA-A50460AB61B7}"/>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E5077D4E-B3CF-4890-818A-C1C1E0AD0D5D}"/>
              </a:ext>
            </a:extLst>
          </p:cNvPr>
          <p:cNvSpPr>
            <a:spLocks noGrp="1"/>
          </p:cNvSpPr>
          <p:nvPr>
            <p:ph type="dt" sz="half" idx="10"/>
          </p:nvPr>
        </p:nvSpPr>
        <p:spPr/>
        <p:txBody>
          <a:bodyPr/>
          <a:lstStyle/>
          <a:p>
            <a:fld id="{12CD27FE-A06D-4EF1-B0CE-20E1F5650369}" type="datetimeFigureOut">
              <a:rPr lang="en-IE" smtClean="0"/>
              <a:t>29/11/2022</a:t>
            </a:fld>
            <a:endParaRPr lang="en-IE"/>
          </a:p>
        </p:txBody>
      </p:sp>
      <p:sp>
        <p:nvSpPr>
          <p:cNvPr id="6" name="Footer Placeholder 5">
            <a:extLst>
              <a:ext uri="{FF2B5EF4-FFF2-40B4-BE49-F238E27FC236}">
                <a16:creationId xmlns:a16="http://schemas.microsoft.com/office/drawing/2014/main" id="{2422317C-A8AF-4FC7-ADFC-53B29158561A}"/>
              </a:ext>
            </a:extLst>
          </p:cNvPr>
          <p:cNvSpPr>
            <a:spLocks noGrp="1"/>
          </p:cNvSpPr>
          <p:nvPr>
            <p:ph type="ftr" sz="quarter" idx="11"/>
          </p:nvPr>
        </p:nvSpPr>
        <p:spPr/>
        <p:txBody>
          <a:bodyPr/>
          <a:lstStyle/>
          <a:p>
            <a:endParaRPr lang="en-IE"/>
          </a:p>
        </p:txBody>
      </p:sp>
      <p:sp>
        <p:nvSpPr>
          <p:cNvPr id="7" name="Slide Number Placeholder 6">
            <a:extLst>
              <a:ext uri="{FF2B5EF4-FFF2-40B4-BE49-F238E27FC236}">
                <a16:creationId xmlns:a16="http://schemas.microsoft.com/office/drawing/2014/main" id="{B451AB67-0A55-464A-916A-2B9AC097F7F0}"/>
              </a:ext>
            </a:extLst>
          </p:cNvPr>
          <p:cNvSpPr>
            <a:spLocks noGrp="1"/>
          </p:cNvSpPr>
          <p:nvPr>
            <p:ph type="sldNum" sz="quarter" idx="12"/>
          </p:nvPr>
        </p:nvSpPr>
        <p:spPr/>
        <p:txBody>
          <a:bodyPr/>
          <a:lstStyle/>
          <a:p>
            <a:fld id="{CD38B638-62D6-4D5C-8510-FE90C6A44C7B}" type="slidenum">
              <a:rPr lang="en-IE" smtClean="0"/>
              <a:t>‹N°›</a:t>
            </a:fld>
            <a:endParaRPr lang="en-IE"/>
          </a:p>
        </p:txBody>
      </p:sp>
    </p:spTree>
    <p:extLst>
      <p:ext uri="{BB962C8B-B14F-4D97-AF65-F5344CB8AC3E}">
        <p14:creationId xmlns:p14="http://schemas.microsoft.com/office/powerpoint/2010/main" val="68802251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EA0C0C-974B-4B11-A9CC-DF20FB511066}"/>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IE"/>
          </a:p>
        </p:txBody>
      </p:sp>
      <p:sp>
        <p:nvSpPr>
          <p:cNvPr id="3" name="Picture Placeholder 2">
            <a:extLst>
              <a:ext uri="{FF2B5EF4-FFF2-40B4-BE49-F238E27FC236}">
                <a16:creationId xmlns:a16="http://schemas.microsoft.com/office/drawing/2014/main" id="{94A84467-5FF5-4F01-B5C4-9255F9DF0960}"/>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IE"/>
          </a:p>
        </p:txBody>
      </p:sp>
      <p:sp>
        <p:nvSpPr>
          <p:cNvPr id="4" name="Text Placeholder 3">
            <a:extLst>
              <a:ext uri="{FF2B5EF4-FFF2-40B4-BE49-F238E27FC236}">
                <a16:creationId xmlns:a16="http://schemas.microsoft.com/office/drawing/2014/main" id="{D31AAE3E-1E16-474B-B9A7-91A7876E2EDA}"/>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CFB76DBA-C428-4C32-B348-AAA77F9C9817}"/>
              </a:ext>
            </a:extLst>
          </p:cNvPr>
          <p:cNvSpPr>
            <a:spLocks noGrp="1"/>
          </p:cNvSpPr>
          <p:nvPr>
            <p:ph type="dt" sz="half" idx="10"/>
          </p:nvPr>
        </p:nvSpPr>
        <p:spPr/>
        <p:txBody>
          <a:bodyPr/>
          <a:lstStyle/>
          <a:p>
            <a:fld id="{12CD27FE-A06D-4EF1-B0CE-20E1F5650369}" type="datetimeFigureOut">
              <a:rPr lang="en-IE" smtClean="0"/>
              <a:t>29/11/2022</a:t>
            </a:fld>
            <a:endParaRPr lang="en-IE"/>
          </a:p>
        </p:txBody>
      </p:sp>
      <p:sp>
        <p:nvSpPr>
          <p:cNvPr id="6" name="Footer Placeholder 5">
            <a:extLst>
              <a:ext uri="{FF2B5EF4-FFF2-40B4-BE49-F238E27FC236}">
                <a16:creationId xmlns:a16="http://schemas.microsoft.com/office/drawing/2014/main" id="{100C0EE8-687C-4727-BC71-9B706305AF5D}"/>
              </a:ext>
            </a:extLst>
          </p:cNvPr>
          <p:cNvSpPr>
            <a:spLocks noGrp="1"/>
          </p:cNvSpPr>
          <p:nvPr>
            <p:ph type="ftr" sz="quarter" idx="11"/>
          </p:nvPr>
        </p:nvSpPr>
        <p:spPr/>
        <p:txBody>
          <a:bodyPr/>
          <a:lstStyle/>
          <a:p>
            <a:endParaRPr lang="en-IE"/>
          </a:p>
        </p:txBody>
      </p:sp>
      <p:sp>
        <p:nvSpPr>
          <p:cNvPr id="7" name="Slide Number Placeholder 6">
            <a:extLst>
              <a:ext uri="{FF2B5EF4-FFF2-40B4-BE49-F238E27FC236}">
                <a16:creationId xmlns:a16="http://schemas.microsoft.com/office/drawing/2014/main" id="{FFAB80DF-1B31-4015-A475-81887EC9559C}"/>
              </a:ext>
            </a:extLst>
          </p:cNvPr>
          <p:cNvSpPr>
            <a:spLocks noGrp="1"/>
          </p:cNvSpPr>
          <p:nvPr>
            <p:ph type="sldNum" sz="quarter" idx="12"/>
          </p:nvPr>
        </p:nvSpPr>
        <p:spPr/>
        <p:txBody>
          <a:bodyPr/>
          <a:lstStyle/>
          <a:p>
            <a:fld id="{CD38B638-62D6-4D5C-8510-FE90C6A44C7B}" type="slidenum">
              <a:rPr lang="en-IE" smtClean="0"/>
              <a:t>‹N°›</a:t>
            </a:fld>
            <a:endParaRPr lang="en-IE"/>
          </a:p>
        </p:txBody>
      </p:sp>
    </p:spTree>
    <p:extLst>
      <p:ext uri="{BB962C8B-B14F-4D97-AF65-F5344CB8AC3E}">
        <p14:creationId xmlns:p14="http://schemas.microsoft.com/office/powerpoint/2010/main" val="225959704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theme" Target="../theme/theme2.xml"/><Relationship Id="rId1" Type="http://schemas.openxmlformats.org/officeDocument/2006/relationships/slideLayout" Target="../slideLayouts/slideLayout13.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2F4A38A2-BC69-4F8D-83D0-A69018EEEB5D}"/>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IE"/>
          </a:p>
        </p:txBody>
      </p:sp>
      <p:sp>
        <p:nvSpPr>
          <p:cNvPr id="3" name="Text Placeholder 2">
            <a:extLst>
              <a:ext uri="{FF2B5EF4-FFF2-40B4-BE49-F238E27FC236}">
                <a16:creationId xmlns:a16="http://schemas.microsoft.com/office/drawing/2014/main" id="{960A9975-7EAF-4ACB-8817-A7C68027F757}"/>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IE"/>
          </a:p>
        </p:txBody>
      </p:sp>
      <p:sp>
        <p:nvSpPr>
          <p:cNvPr id="4" name="Date Placeholder 3">
            <a:extLst>
              <a:ext uri="{FF2B5EF4-FFF2-40B4-BE49-F238E27FC236}">
                <a16:creationId xmlns:a16="http://schemas.microsoft.com/office/drawing/2014/main" id="{1B39819E-F886-45AA-A48C-830A85D98422}"/>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12CD27FE-A06D-4EF1-B0CE-20E1F5650369}" type="datetimeFigureOut">
              <a:rPr lang="en-IE" smtClean="0"/>
              <a:t>29/11/2022</a:t>
            </a:fld>
            <a:endParaRPr lang="en-IE"/>
          </a:p>
        </p:txBody>
      </p:sp>
      <p:sp>
        <p:nvSpPr>
          <p:cNvPr id="5" name="Footer Placeholder 4">
            <a:extLst>
              <a:ext uri="{FF2B5EF4-FFF2-40B4-BE49-F238E27FC236}">
                <a16:creationId xmlns:a16="http://schemas.microsoft.com/office/drawing/2014/main" id="{1E77E54E-3935-491C-A065-358BE3469F76}"/>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IE"/>
          </a:p>
        </p:txBody>
      </p:sp>
      <p:sp>
        <p:nvSpPr>
          <p:cNvPr id="6" name="Slide Number Placeholder 5">
            <a:extLst>
              <a:ext uri="{FF2B5EF4-FFF2-40B4-BE49-F238E27FC236}">
                <a16:creationId xmlns:a16="http://schemas.microsoft.com/office/drawing/2014/main" id="{475FB1C9-690F-4EA9-868F-B63D620E4A8B}"/>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D38B638-62D6-4D5C-8510-FE90C6A44C7B}" type="slidenum">
              <a:rPr lang="en-IE" smtClean="0"/>
              <a:t>‹N°›</a:t>
            </a:fld>
            <a:endParaRPr lang="en-IE"/>
          </a:p>
        </p:txBody>
      </p:sp>
    </p:spTree>
    <p:extLst>
      <p:ext uri="{BB962C8B-B14F-4D97-AF65-F5344CB8AC3E}">
        <p14:creationId xmlns:p14="http://schemas.microsoft.com/office/powerpoint/2010/main" val="2099205931"/>
      </p:ext>
    </p:extLst>
  </p:cSld>
  <p:clrMap bg1="lt1" tx1="dk1" bg2="lt2" tx2="dk2" accent1="accent1" accent2="accent2" accent3="accent3" accent4="accent4" accent5="accent5" accent6="accent6" hlink="hlink" folHlink="folHlink"/>
  <p:sldLayoutIdLst>
    <p:sldLayoutId id="2147483649" r:id="rId1"/>
    <p:sldLayoutId id="2147483662"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482860"/>
            <a:ext cx="10515600" cy="782357"/>
          </a:xfrm>
          <a:prstGeom prst="rect">
            <a:avLst/>
          </a:prstGeom>
        </p:spPr>
        <p:txBody>
          <a:bodyPr vert="horz" lIns="91440" tIns="45720" rIns="91440" bIns="0" rtlCol="0" anchor="b" anchorCtr="0">
            <a:noAutofit/>
          </a:bodyPr>
          <a:lstStyle/>
          <a:p>
            <a:r>
              <a:rPr lang="en-US"/>
              <a:t>Click to edit Master title style</a:t>
            </a:r>
            <a:endParaRPr lang="en-GB" dirty="0"/>
          </a:p>
        </p:txBody>
      </p:sp>
      <p:sp>
        <p:nvSpPr>
          <p:cNvPr id="3" name="Text Placeholder 2"/>
          <p:cNvSpPr>
            <a:spLocks noGrp="1"/>
          </p:cNvSpPr>
          <p:nvPr>
            <p:ph type="body" idx="1"/>
          </p:nvPr>
        </p:nvSpPr>
        <p:spPr>
          <a:xfrm>
            <a:off x="838200" y="1825625"/>
            <a:ext cx="10515600" cy="3881904"/>
          </a:xfrm>
          <a:prstGeom prst="rect">
            <a:avLst/>
          </a:prstGeom>
        </p:spPr>
        <p:txBody>
          <a:bodyPr vert="horz" lIns="91440" tIns="45720" rIns="91440" bIns="45720" rtlCol="0">
            <a:no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Slide Number Placeholder 5"/>
          <p:cNvSpPr>
            <a:spLocks noGrp="1"/>
          </p:cNvSpPr>
          <p:nvPr>
            <p:ph type="sldNum" sz="quarter" idx="4"/>
          </p:nvPr>
        </p:nvSpPr>
        <p:spPr>
          <a:xfrm>
            <a:off x="838200" y="6131286"/>
            <a:ext cx="2743200" cy="365125"/>
          </a:xfrm>
          <a:prstGeom prst="rect">
            <a:avLst/>
          </a:prstGeom>
        </p:spPr>
        <p:txBody>
          <a:bodyPr vert="horz" lIns="91440" tIns="45720" rIns="91440" bIns="45720" rtlCol="0" anchor="ctr">
            <a:noAutofit/>
          </a:bodyPr>
          <a:lstStyle>
            <a:lvl1pPr algn="l">
              <a:defRPr sz="1200">
                <a:solidFill>
                  <a:schemeClr val="tx1">
                    <a:tint val="75000"/>
                  </a:schemeClr>
                </a:solidFill>
              </a:defRPr>
            </a:lvl1pPr>
          </a:lstStyle>
          <a:p>
            <a:fld id="{F46C79FD-C571-418B-AB0F-5EE936C85276}" type="slidenum">
              <a:rPr lang="en-GB" smtClean="0"/>
              <a:pPr/>
              <a:t>‹N°›</a:t>
            </a:fld>
            <a:endParaRPr lang="en-GB" dirty="0"/>
          </a:p>
        </p:txBody>
      </p:sp>
      <p:pic>
        <p:nvPicPr>
          <p:cNvPr id="7" name="Picture 6"/>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10033852" y="6045988"/>
            <a:ext cx="1715733" cy="450423"/>
          </a:xfrm>
          <a:prstGeom prst="rect">
            <a:avLst/>
          </a:prstGeom>
        </p:spPr>
      </p:pic>
    </p:spTree>
    <p:extLst>
      <p:ext uri="{BB962C8B-B14F-4D97-AF65-F5344CB8AC3E}">
        <p14:creationId xmlns:p14="http://schemas.microsoft.com/office/powerpoint/2010/main" val="459720850"/>
      </p:ext>
    </p:extLst>
  </p:cSld>
  <p:clrMap bg1="lt1" tx1="dk1" bg2="lt2" tx2="dk2" accent1="accent1" accent2="accent2" accent3="accent3" accent4="accent4" accent5="accent5" accent6="accent6" hlink="hlink" folHlink="folHlink"/>
  <p:sldLayoutIdLst>
    <p:sldLayoutId id="2147483650" r:id="rId1"/>
  </p:sldLayoutIdLst>
  <p:hf sldNum="0" hdr="0" ftr="0" dt="0"/>
  <p:txStyles>
    <p:titleStyle>
      <a:lvl1pPr algn="l" defTabSz="914400" rtl="0" eaLnBrk="1" latinLnBrk="0" hangingPunct="1">
        <a:lnSpc>
          <a:spcPct val="90000"/>
        </a:lnSpc>
        <a:spcBef>
          <a:spcPct val="0"/>
        </a:spcBef>
        <a:buNone/>
        <a:defRPr sz="4000" kern="1200">
          <a:solidFill>
            <a:schemeClr val="tx2"/>
          </a:solidFill>
          <a:latin typeface="+mj-lt"/>
          <a:ea typeface="+mj-ea"/>
          <a:cs typeface="+mj-cs"/>
        </a:defRPr>
      </a:lvl1pPr>
    </p:titleStyle>
    <p:bodyStyle>
      <a:lvl1pPr marL="228600" indent="-228600" algn="l" defTabSz="914400" rtl="0" eaLnBrk="1" latinLnBrk="0" hangingPunct="1">
        <a:lnSpc>
          <a:spcPct val="100000"/>
        </a:lnSpc>
        <a:spcBef>
          <a:spcPts val="0"/>
        </a:spcBef>
        <a:spcAft>
          <a:spcPts val="1800"/>
        </a:spcAft>
        <a:buClr>
          <a:schemeClr val="tx2"/>
        </a:buClr>
        <a:buFont typeface="Arial" panose="020B0604020202020204" pitchFamily="34" charset="0"/>
        <a:buChar char="•"/>
        <a:defRPr sz="24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Clr>
          <a:schemeClr val="tx2"/>
        </a:buClr>
        <a:buFont typeface="Arial" panose="020B0604020202020204" pitchFamily="34" charset="0"/>
        <a:buChar char="•"/>
        <a:defRPr sz="20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Clr>
          <a:schemeClr val="tx2"/>
        </a:buClr>
        <a:buFont typeface="Arial" panose="020B0604020202020204" pitchFamily="34" charset="0"/>
        <a:buChar char="•"/>
        <a:defRPr sz="18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Clr>
          <a:schemeClr val="tx2"/>
        </a:buClr>
        <a:buFont typeface="Arial" panose="020B0604020202020204" pitchFamily="34" charset="0"/>
        <a:buChar char="•"/>
        <a:defRPr sz="16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spcAft>
          <a:spcPts val="1800"/>
        </a:spcAft>
        <a:buClr>
          <a:schemeClr val="tx2"/>
        </a:buClr>
        <a:buFont typeface="Arial" panose="020B0604020202020204" pitchFamily="34" charset="0"/>
        <a:buChar char="•"/>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notesSlide" Target="../notesSlides/notesSlide11.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slideLayout" Target="../slideLayouts/slideLayout7.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8" Type="http://schemas.openxmlformats.org/officeDocument/2006/relationships/tags" Target="../tags/tag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0" Type="http://schemas.openxmlformats.org/officeDocument/2006/relationships/tags" Target="../tags/tag20.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s>
</file>

<file path=ppt/slides/_rels/slide13.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12.xml"/><Relationship Id="rId1" Type="http://schemas.openxmlformats.org/officeDocument/2006/relationships/slideLayout" Target="../slideLayouts/slideLayout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14.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hyperlink" Target="https://erasmus-plus.ec.europa.eu/programme-guide/erasmus-programme-guide" TargetMode="External"/><Relationship Id="rId7" Type="http://schemas.openxmlformats.org/officeDocument/2006/relationships/image" Target="../media/image8.png"/><Relationship Id="rId2" Type="http://schemas.openxmlformats.org/officeDocument/2006/relationships/notesSlide" Target="../notesSlides/notesSlide13.xml"/><Relationship Id="rId1" Type="http://schemas.openxmlformats.org/officeDocument/2006/relationships/slideLayout" Target="../slideLayouts/slideLayout2.xml"/><Relationship Id="rId6" Type="http://schemas.openxmlformats.org/officeDocument/2006/relationships/hyperlink" Target="https://twitter.com/EUErasmusPlus" TargetMode="External"/><Relationship Id="rId5" Type="http://schemas.openxmlformats.org/officeDocument/2006/relationships/hyperlink" Target="https://www.facebook.com/EUErasmusPlusProgramme/" TargetMode="External"/><Relationship Id="rId4" Type="http://schemas.openxmlformats.org/officeDocument/2006/relationships/hyperlink" Target="https://eur-lex.europa.eu/legal-content/EN/TXT/?uri=OJ%3AJOC_2021_473_R_0009&amp;qid=1637738792217" TargetMode="External"/><Relationship Id="rId9" Type="http://schemas.openxmlformats.org/officeDocument/2006/relationships/image" Target="../media/image10.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3.xml"/></Relationships>
</file>

<file path=ppt/slides/_rels/slide4.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4.xml"/><Relationship Id="rId1" Type="http://schemas.openxmlformats.org/officeDocument/2006/relationships/slideLayout" Target="../slideLayouts/slideLayout2.xml"/><Relationship Id="rId4" Type="http://schemas.openxmlformats.org/officeDocument/2006/relationships/chart" Target="../charts/chart3.xml"/></Relationships>
</file>

<file path=ppt/slides/_rels/slide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hyperlink" Target="https://www.oecd.org/dac/financing-sustainable-development/development-finance-standards/DAC-List-ODA-Recipients-for-reporting-2021-flows.pdf" TargetMode="External"/><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8.xml"/><Relationship Id="rId1" Type="http://schemas.openxmlformats.org/officeDocument/2006/relationships/slideLayout" Target="../slideLayouts/slideLayout7.xml"/><Relationship Id="rId5" Type="http://schemas.openxmlformats.org/officeDocument/2006/relationships/image" Target="../media/image6.png"/><Relationship Id="rId4" Type="http://schemas.openxmlformats.org/officeDocument/2006/relationships/image" Target="../media/image5.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B4AF113E-2162-405E-9E6D-6D546EEA6DEB}"/>
              </a:ext>
            </a:extLst>
          </p:cNvPr>
          <p:cNvSpPr>
            <a:spLocks noGrp="1"/>
          </p:cNvSpPr>
          <p:nvPr>
            <p:ph type="subTitle" idx="1"/>
          </p:nvPr>
        </p:nvSpPr>
        <p:spPr>
          <a:xfrm>
            <a:off x="1581509" y="4205887"/>
            <a:ext cx="9144000" cy="1655762"/>
          </a:xfrm>
        </p:spPr>
        <p:txBody>
          <a:bodyPr>
            <a:normAutofit/>
          </a:bodyPr>
          <a:lstStyle/>
          <a:p>
            <a:r>
              <a:rPr lang="fr-BE" sz="3200" dirty="0"/>
              <a:t>How </a:t>
            </a:r>
            <a:r>
              <a:rPr lang="fr-BE" sz="3200" dirty="0" err="1"/>
              <a:t>does</a:t>
            </a:r>
            <a:r>
              <a:rPr lang="fr-BE" sz="3200" dirty="0"/>
              <a:t> ICM </a:t>
            </a:r>
            <a:r>
              <a:rPr lang="fr-BE" sz="3200" dirty="0" err="1"/>
              <a:t>work</a:t>
            </a:r>
            <a:r>
              <a:rPr lang="fr-BE" sz="3200" dirty="0"/>
              <a:t>?</a:t>
            </a:r>
          </a:p>
          <a:p>
            <a:r>
              <a:rPr lang="fr-BE" sz="3200" dirty="0"/>
              <a:t>2023 Call for </a:t>
            </a:r>
            <a:r>
              <a:rPr lang="fr-BE" sz="3200" dirty="0" err="1"/>
              <a:t>Proposals</a:t>
            </a:r>
            <a:r>
              <a:rPr lang="fr-BE" sz="3200" dirty="0"/>
              <a:t> &amp; </a:t>
            </a:r>
            <a:r>
              <a:rPr lang="fr-BE" sz="3200" dirty="0" err="1"/>
              <a:t>selection</a:t>
            </a:r>
            <a:endParaRPr lang="en-IE" sz="3200" dirty="0"/>
          </a:p>
        </p:txBody>
      </p:sp>
      <p:sp>
        <p:nvSpPr>
          <p:cNvPr id="4" name="Title 4">
            <a:extLst>
              <a:ext uri="{FF2B5EF4-FFF2-40B4-BE49-F238E27FC236}">
                <a16:creationId xmlns:a16="http://schemas.microsoft.com/office/drawing/2014/main" id="{F446E1BD-98BC-48DC-94BE-34DC51A4896E}"/>
              </a:ext>
            </a:extLst>
          </p:cNvPr>
          <p:cNvSpPr txBox="1">
            <a:spLocks/>
          </p:cNvSpPr>
          <p:nvPr/>
        </p:nvSpPr>
        <p:spPr>
          <a:xfrm>
            <a:off x="1063388" y="1710044"/>
            <a:ext cx="10065224" cy="1430656"/>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r>
              <a:rPr lang="en-IE" sz="3600" dirty="0">
                <a:latin typeface="EC Square Sans Cond Pro" panose="020B0506040000020004" pitchFamily="34" charset="0"/>
              </a:rPr>
              <a:t>International credit mobility in </a:t>
            </a:r>
            <a:br>
              <a:rPr lang="en-IE" sz="3600" dirty="0">
                <a:latin typeface="EC Square Sans Cond Pro" panose="020B0506040000020004" pitchFamily="34" charset="0"/>
              </a:rPr>
            </a:br>
            <a:r>
              <a:rPr lang="en-IE" sz="3600" dirty="0">
                <a:latin typeface="EC Square Sans Cond Pro" panose="020B0506040000020004" pitchFamily="34" charset="0"/>
              </a:rPr>
              <a:t>the Erasmus+ programme 2021-2027</a:t>
            </a:r>
            <a:endParaRPr lang="en-US" sz="3600" dirty="0">
              <a:latin typeface="EC Square Sans Cond Pro" panose="020B0506040000020004" pitchFamily="34" charset="0"/>
            </a:endParaRPr>
          </a:p>
        </p:txBody>
      </p:sp>
      <p:sp>
        <p:nvSpPr>
          <p:cNvPr id="5" name="Subtitle 2">
            <a:extLst>
              <a:ext uri="{FF2B5EF4-FFF2-40B4-BE49-F238E27FC236}">
                <a16:creationId xmlns:a16="http://schemas.microsoft.com/office/drawing/2014/main" id="{062158E1-2F2F-439C-8C57-E7A90734FB02}"/>
              </a:ext>
            </a:extLst>
          </p:cNvPr>
          <p:cNvSpPr txBox="1">
            <a:spLocks/>
          </p:cNvSpPr>
          <p:nvPr/>
        </p:nvSpPr>
        <p:spPr>
          <a:xfrm>
            <a:off x="1524000" y="4421791"/>
            <a:ext cx="10057261" cy="1642509"/>
          </a:xfrm>
          <a:prstGeom prst="rect">
            <a:avLst/>
          </a:prstGeom>
        </p:spPr>
        <p:txBody>
          <a:bodyPr vert="horz" lIns="91440" tIns="45720" rIns="91440" bIns="45720" rtlCol="0">
            <a:noAutofit/>
          </a:bodyPr>
          <a:lstStyle>
            <a:lvl1pPr marL="0" indent="0" algn="l" defTabSz="914400" rtl="0" eaLnBrk="1" latinLnBrk="0" hangingPunct="1">
              <a:lnSpc>
                <a:spcPct val="100000"/>
              </a:lnSpc>
              <a:spcBef>
                <a:spcPts val="0"/>
              </a:spcBef>
              <a:spcAft>
                <a:spcPts val="1800"/>
              </a:spcAft>
              <a:buClr>
                <a:schemeClr val="tx2"/>
              </a:buClr>
              <a:buFont typeface="Arial" panose="020B0604020202020204" pitchFamily="34" charset="0"/>
              <a:buNone/>
              <a:defRPr sz="2800" i="0" kern="1200">
                <a:solidFill>
                  <a:schemeClr val="accent5"/>
                </a:solidFill>
                <a:latin typeface="+mn-lt"/>
                <a:ea typeface="+mn-ea"/>
                <a:cs typeface="+mn-cs"/>
              </a:defRPr>
            </a:lvl1pPr>
            <a:lvl2pPr marL="457200" indent="0" algn="ctr" defTabSz="914400" rtl="0" eaLnBrk="1" latinLnBrk="0" hangingPunct="1">
              <a:lnSpc>
                <a:spcPct val="100000"/>
              </a:lnSpc>
              <a:spcBef>
                <a:spcPts val="500"/>
              </a:spcBef>
              <a:spcAft>
                <a:spcPts val="1800"/>
              </a:spcAft>
              <a:buClr>
                <a:schemeClr val="tx2"/>
              </a:buClr>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100000"/>
              </a:lnSpc>
              <a:spcBef>
                <a:spcPts val="500"/>
              </a:spcBef>
              <a:spcAft>
                <a:spcPts val="1800"/>
              </a:spcAft>
              <a:buClr>
                <a:schemeClr val="tx2"/>
              </a:buClr>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100000"/>
              </a:lnSpc>
              <a:spcBef>
                <a:spcPts val="500"/>
              </a:spcBef>
              <a:spcAft>
                <a:spcPts val="1800"/>
              </a:spcAft>
              <a:buClr>
                <a:schemeClr val="tx2"/>
              </a:buClr>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100000"/>
              </a:lnSpc>
              <a:spcBef>
                <a:spcPts val="500"/>
              </a:spcBef>
              <a:spcAft>
                <a:spcPts val="1800"/>
              </a:spcAft>
              <a:buClr>
                <a:schemeClr val="tx2"/>
              </a:buClr>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ctr">
              <a:spcAft>
                <a:spcPts val="0"/>
              </a:spcAft>
            </a:pPr>
            <a:r>
              <a:rPr lang="en-IE" sz="2000" i="1" dirty="0">
                <a:solidFill>
                  <a:schemeClr val="bg1"/>
                </a:solidFill>
                <a:latin typeface="EC Square Sans Cond Pro" panose="020B0506040000020004" pitchFamily="34" charset="0"/>
              </a:rPr>
              <a:t>How it works?</a:t>
            </a:r>
            <a:endParaRPr lang="en-US" sz="2000" i="1" dirty="0">
              <a:solidFill>
                <a:schemeClr val="bg1"/>
              </a:solidFill>
              <a:latin typeface="EC Square Sans Cond Pro" panose="020B0506040000020004" pitchFamily="34" charset="0"/>
            </a:endParaRPr>
          </a:p>
        </p:txBody>
      </p:sp>
    </p:spTree>
    <p:extLst>
      <p:ext uri="{BB962C8B-B14F-4D97-AF65-F5344CB8AC3E}">
        <p14:creationId xmlns:p14="http://schemas.microsoft.com/office/powerpoint/2010/main" val="123039046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838200" y="1825625"/>
            <a:ext cx="10862734" cy="1781175"/>
          </a:xfrm>
        </p:spPr>
        <p:txBody>
          <a:bodyPr/>
          <a:lstStyle/>
          <a:p>
            <a:r>
              <a:rPr lang="en-US" b="1" dirty="0">
                <a:latin typeface="EC Square Sans Cond Pro" panose="020B0506040000020004" pitchFamily="34" charset="0"/>
              </a:rPr>
              <a:t>Higher Education Institutions in the </a:t>
            </a:r>
            <a:r>
              <a:rPr lang="en-US" b="1" dirty="0" err="1">
                <a:latin typeface="EC Square Sans Cond Pro" panose="020B0506040000020004" pitchFamily="34" charset="0"/>
              </a:rPr>
              <a:t>Programme</a:t>
            </a:r>
            <a:r>
              <a:rPr lang="en-US" b="1" dirty="0">
                <a:latin typeface="EC Square Sans Cond Pro" panose="020B0506040000020004" pitchFamily="34" charset="0"/>
              </a:rPr>
              <a:t> countries </a:t>
            </a:r>
          </a:p>
          <a:p>
            <a:r>
              <a:rPr lang="en-US" dirty="0">
                <a:latin typeface="EC Square Sans Cond Pro" panose="020B0506040000020004" pitchFamily="34" charset="0"/>
              </a:rPr>
              <a:t>The </a:t>
            </a:r>
            <a:r>
              <a:rPr lang="en-US" b="1" dirty="0">
                <a:latin typeface="EC Square Sans Cond Pro" panose="020B0506040000020004" pitchFamily="34" charset="0"/>
              </a:rPr>
              <a:t>ICM project in their application </a:t>
            </a:r>
            <a:r>
              <a:rPr lang="en-US" dirty="0">
                <a:latin typeface="EC Square Sans Cond Pro" panose="020B0506040000020004" pitchFamily="34" charset="0"/>
              </a:rPr>
              <a:t>contains the countries and partner universities they intend to cooperate with, as well as their </a:t>
            </a:r>
            <a:r>
              <a:rPr lang="en-US" b="1" dirty="0">
                <a:latin typeface="EC Square Sans Cond Pro" panose="020B0506040000020004" pitchFamily="34" charset="0"/>
              </a:rPr>
              <a:t>cooperation plan in each region </a:t>
            </a:r>
            <a:endParaRPr lang="en-US" dirty="0">
              <a:latin typeface="EC Square Sans Cond Pro" panose="020B0506040000020004" pitchFamily="34" charset="0"/>
            </a:endParaRPr>
          </a:p>
        </p:txBody>
      </p:sp>
      <p:sp>
        <p:nvSpPr>
          <p:cNvPr id="3" name="Title 2"/>
          <p:cNvSpPr>
            <a:spLocks noGrp="1"/>
          </p:cNvSpPr>
          <p:nvPr>
            <p:ph type="title"/>
          </p:nvPr>
        </p:nvSpPr>
        <p:spPr/>
        <p:txBody>
          <a:bodyPr/>
          <a:lstStyle/>
          <a:p>
            <a:r>
              <a:rPr lang="en-IE" dirty="0">
                <a:latin typeface="EC Square Sans Cond Pro" panose="020B0506040000020004" pitchFamily="34" charset="0"/>
              </a:rPr>
              <a:t>Who can apply and how? (I)</a:t>
            </a:r>
            <a:endParaRPr lang="en-US" dirty="0">
              <a:latin typeface="EC Square Sans Cond Pro" panose="020B0506040000020004" pitchFamily="34" charset="0"/>
            </a:endParaRPr>
          </a:p>
        </p:txBody>
      </p:sp>
      <p:pic>
        <p:nvPicPr>
          <p:cNvPr id="5" name="Pictur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043700" y="3785779"/>
            <a:ext cx="6451733" cy="2254804"/>
          </a:xfrm>
          <a:prstGeom prst="rect">
            <a:avLst/>
          </a:prstGeom>
        </p:spPr>
      </p:pic>
      <p:sp>
        <p:nvSpPr>
          <p:cNvPr id="7" name="TextBox 121"/>
          <p:cNvSpPr txBox="1">
            <a:spLocks noChangeArrowheads="1"/>
          </p:cNvSpPr>
          <p:nvPr/>
        </p:nvSpPr>
        <p:spPr bwMode="auto">
          <a:xfrm>
            <a:off x="3585923" y="5698182"/>
            <a:ext cx="1872207" cy="68480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68475" tIns="34289" rIns="68475" bIns="34289">
            <a:spAutoFit/>
          </a:bodyPr>
          <a:lstStyle>
            <a:lvl1pPr eaLnBrk="0" hangingPunct="0">
              <a:spcBef>
                <a:spcPct val="20000"/>
              </a:spcBef>
              <a:buClr>
                <a:schemeClr val="bg1"/>
              </a:buClr>
              <a:buChar char="•"/>
              <a:defRPr sz="2400" i="1">
                <a:solidFill>
                  <a:srgbClr val="0F5494"/>
                </a:solidFill>
                <a:latin typeface="Verdana" pitchFamily="34" charset="0"/>
              </a:defRPr>
            </a:lvl1pPr>
            <a:lvl2pPr marL="742950" indent="-285750" eaLnBrk="0" hangingPunct="0">
              <a:spcBef>
                <a:spcPct val="20000"/>
              </a:spcBef>
              <a:buClr>
                <a:srgbClr val="009FBA"/>
              </a:buClr>
              <a:buChar char="•"/>
              <a:defRPr sz="2000" b="1">
                <a:solidFill>
                  <a:srgbClr val="0F5494"/>
                </a:solidFill>
                <a:latin typeface="Verdana" pitchFamily="34" charset="0"/>
              </a:defRPr>
            </a:lvl2pPr>
            <a:lvl3pPr marL="1143000" indent="-228600" eaLnBrk="0" hangingPunct="0">
              <a:spcBef>
                <a:spcPct val="20000"/>
              </a:spcBef>
              <a:defRPr sz="1400">
                <a:solidFill>
                  <a:srgbClr val="0F5494"/>
                </a:solidFill>
                <a:latin typeface="Verdana"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ctr" defTabSz="684610" eaLnBrk="1" hangingPunct="1">
              <a:spcBef>
                <a:spcPct val="0"/>
              </a:spcBef>
              <a:buClrTx/>
              <a:buNone/>
              <a:defRPr/>
            </a:pPr>
            <a:r>
              <a:rPr lang="fr-BE" altLang="en-US" sz="2000" b="1" dirty="0">
                <a:solidFill>
                  <a:schemeClr val="tx1"/>
                </a:solidFill>
                <a:latin typeface="EC Square Sans Cond Pro" panose="020B0506040000020004" pitchFamily="34" charset="0"/>
                <a:ea typeface="+mj-ea"/>
                <a:cs typeface="+mj-cs"/>
              </a:rPr>
              <a:t>Programme  Country HEI</a:t>
            </a:r>
            <a:endParaRPr lang="en-GB" altLang="en-US" sz="2000" b="1" dirty="0">
              <a:solidFill>
                <a:schemeClr val="tx1"/>
              </a:solidFill>
              <a:latin typeface="EC Square Sans Cond Pro" panose="020B0506040000020004" pitchFamily="34" charset="0"/>
              <a:ea typeface="+mj-ea"/>
              <a:cs typeface="+mj-cs"/>
            </a:endParaRPr>
          </a:p>
        </p:txBody>
      </p:sp>
      <p:sp>
        <p:nvSpPr>
          <p:cNvPr id="8" name="TextBox 122"/>
          <p:cNvSpPr txBox="1">
            <a:spLocks noChangeArrowheads="1"/>
          </p:cNvSpPr>
          <p:nvPr/>
        </p:nvSpPr>
        <p:spPr bwMode="auto">
          <a:xfrm>
            <a:off x="7780211" y="3785779"/>
            <a:ext cx="1890713" cy="68480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68475" tIns="34289" rIns="68475" bIns="34289">
            <a:spAutoFit/>
          </a:bodyPr>
          <a:lstStyle>
            <a:defPPr>
              <a:defRPr lang="en-GB"/>
            </a:defPPr>
            <a:lvl1pPr algn="ctr" defTabSz="684610" eaLnBrk="1" hangingPunct="1">
              <a:buClrTx/>
              <a:buNone/>
              <a:defRPr sz="2000" b="1" i="1">
                <a:latin typeface="+mj-lt"/>
                <a:ea typeface="+mj-ea"/>
                <a:cs typeface="+mj-cs"/>
              </a:defRPr>
            </a:lvl1pPr>
            <a:lvl2pPr marL="742950" indent="-285750" eaLnBrk="0" hangingPunct="0">
              <a:spcBef>
                <a:spcPct val="20000"/>
              </a:spcBef>
              <a:buClr>
                <a:srgbClr val="009FBA"/>
              </a:buClr>
              <a:buChar char="•"/>
              <a:defRPr sz="2000" b="1"/>
            </a:lvl2pPr>
            <a:lvl3pPr marL="1143000" indent="-228600" eaLnBrk="0" hangingPunct="0">
              <a:spcBef>
                <a:spcPct val="20000"/>
              </a:spcBef>
              <a:defRPr sz="1400"/>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r>
              <a:rPr lang="fr-BE" altLang="en-US" dirty="0">
                <a:latin typeface="EC Square Sans Cond Pro" panose="020B0506040000020004" pitchFamily="34" charset="0"/>
              </a:rPr>
              <a:t>Partner Country</a:t>
            </a:r>
          </a:p>
          <a:p>
            <a:r>
              <a:rPr lang="fr-BE" altLang="en-US" dirty="0">
                <a:latin typeface="EC Square Sans Cond Pro" panose="020B0506040000020004" pitchFamily="34" charset="0"/>
              </a:rPr>
              <a:t>HEI</a:t>
            </a:r>
            <a:endParaRPr lang="en-GB" altLang="en-US" dirty="0">
              <a:latin typeface="EC Square Sans Cond Pro" panose="020B0506040000020004" pitchFamily="34" charset="0"/>
            </a:endParaRPr>
          </a:p>
        </p:txBody>
      </p:sp>
    </p:spTree>
    <p:extLst>
      <p:ext uri="{BB962C8B-B14F-4D97-AF65-F5344CB8AC3E}">
        <p14:creationId xmlns:p14="http://schemas.microsoft.com/office/powerpoint/2010/main" val="332859818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838200" y="1825625"/>
            <a:ext cx="10862734" cy="1781175"/>
          </a:xfrm>
        </p:spPr>
        <p:txBody>
          <a:bodyPr>
            <a:normAutofit fontScale="92500" lnSpcReduction="20000"/>
          </a:bodyPr>
          <a:lstStyle/>
          <a:p>
            <a:r>
              <a:rPr lang="en-US" dirty="0">
                <a:latin typeface="EC Square Sans Cond Pro" panose="020B0506040000020004" pitchFamily="34" charset="0"/>
              </a:rPr>
              <a:t>Upon successfully passing the established quality criteria, they will be allocated </a:t>
            </a:r>
            <a:r>
              <a:rPr lang="en-US" b="1" dirty="0">
                <a:latin typeface="EC Square Sans Cond Pro" panose="020B0506040000020004" pitchFamily="34" charset="0"/>
              </a:rPr>
              <a:t>an ICM grant spread in different regional envelopes</a:t>
            </a:r>
            <a:r>
              <a:rPr lang="en-US" dirty="0">
                <a:latin typeface="EC Square Sans Cond Pro" panose="020B0506040000020004" pitchFamily="34" charset="0"/>
              </a:rPr>
              <a:t> </a:t>
            </a:r>
          </a:p>
          <a:p>
            <a:r>
              <a:rPr lang="en-US" dirty="0">
                <a:latin typeface="EC Square Sans Cond Pro" panose="020B0506040000020004" pitchFamily="34" charset="0"/>
              </a:rPr>
              <a:t>For every partnership with a secured budget, an </a:t>
            </a:r>
            <a:r>
              <a:rPr lang="en-US" b="1" dirty="0">
                <a:latin typeface="EC Square Sans Cond Pro" panose="020B0506040000020004" pitchFamily="34" charset="0"/>
              </a:rPr>
              <a:t>Inter-Institutional Agreement</a:t>
            </a:r>
            <a:r>
              <a:rPr lang="en-US" dirty="0">
                <a:latin typeface="EC Square Sans Cond Pro" panose="020B0506040000020004" pitchFamily="34" charset="0"/>
              </a:rPr>
              <a:t> is needed between the main applicant in Europe and every partner university in third countries before </a:t>
            </a:r>
            <a:r>
              <a:rPr lang="en-US" dirty="0" err="1">
                <a:latin typeface="EC Square Sans Cond Pro" panose="020B0506040000020004" pitchFamily="34" charset="0"/>
              </a:rPr>
              <a:t>mobilities</a:t>
            </a:r>
            <a:r>
              <a:rPr lang="en-US" dirty="0">
                <a:latin typeface="EC Square Sans Cond Pro" panose="020B0506040000020004" pitchFamily="34" charset="0"/>
              </a:rPr>
              <a:t> can start. </a:t>
            </a:r>
            <a:endParaRPr lang="en-US" dirty="0"/>
          </a:p>
        </p:txBody>
      </p:sp>
      <p:sp>
        <p:nvSpPr>
          <p:cNvPr id="3" name="Title 2"/>
          <p:cNvSpPr>
            <a:spLocks noGrp="1"/>
          </p:cNvSpPr>
          <p:nvPr>
            <p:ph type="title"/>
          </p:nvPr>
        </p:nvSpPr>
        <p:spPr/>
        <p:txBody>
          <a:bodyPr/>
          <a:lstStyle/>
          <a:p>
            <a:r>
              <a:rPr lang="en-IE" dirty="0">
                <a:latin typeface="EC Square Sans Cond Pro" panose="020B0506040000020004" pitchFamily="34" charset="0"/>
              </a:rPr>
              <a:t>Who can apply and how? (II)</a:t>
            </a:r>
            <a:endParaRPr lang="en-US" dirty="0">
              <a:latin typeface="EC Square Sans Cond Pro" panose="020B0506040000020004" pitchFamily="34" charset="0"/>
            </a:endParaRPr>
          </a:p>
        </p:txBody>
      </p:sp>
      <p:pic>
        <p:nvPicPr>
          <p:cNvPr id="5" name="Pictur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043700" y="3785779"/>
            <a:ext cx="6451733" cy="2254804"/>
          </a:xfrm>
          <a:prstGeom prst="rect">
            <a:avLst/>
          </a:prstGeom>
        </p:spPr>
      </p:pic>
      <p:sp>
        <p:nvSpPr>
          <p:cNvPr id="7" name="TextBox 121"/>
          <p:cNvSpPr txBox="1">
            <a:spLocks noChangeArrowheads="1"/>
          </p:cNvSpPr>
          <p:nvPr/>
        </p:nvSpPr>
        <p:spPr bwMode="auto">
          <a:xfrm>
            <a:off x="3585923" y="5698182"/>
            <a:ext cx="1872207" cy="68480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68475" tIns="34289" rIns="68475" bIns="34289">
            <a:spAutoFit/>
          </a:bodyPr>
          <a:lstStyle>
            <a:lvl1pPr eaLnBrk="0" hangingPunct="0">
              <a:spcBef>
                <a:spcPct val="20000"/>
              </a:spcBef>
              <a:buClr>
                <a:schemeClr val="bg1"/>
              </a:buClr>
              <a:buChar char="•"/>
              <a:defRPr sz="2400" i="1">
                <a:solidFill>
                  <a:srgbClr val="0F5494"/>
                </a:solidFill>
                <a:latin typeface="Verdana" pitchFamily="34" charset="0"/>
              </a:defRPr>
            </a:lvl1pPr>
            <a:lvl2pPr marL="742950" indent="-285750" eaLnBrk="0" hangingPunct="0">
              <a:spcBef>
                <a:spcPct val="20000"/>
              </a:spcBef>
              <a:buClr>
                <a:srgbClr val="009FBA"/>
              </a:buClr>
              <a:buChar char="•"/>
              <a:defRPr sz="2000" b="1">
                <a:solidFill>
                  <a:srgbClr val="0F5494"/>
                </a:solidFill>
                <a:latin typeface="Verdana" pitchFamily="34" charset="0"/>
              </a:defRPr>
            </a:lvl2pPr>
            <a:lvl3pPr marL="1143000" indent="-228600" eaLnBrk="0" hangingPunct="0">
              <a:spcBef>
                <a:spcPct val="20000"/>
              </a:spcBef>
              <a:defRPr sz="1400">
                <a:solidFill>
                  <a:srgbClr val="0F5494"/>
                </a:solidFill>
                <a:latin typeface="Verdana"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ctr" defTabSz="684610" eaLnBrk="1" hangingPunct="1">
              <a:spcBef>
                <a:spcPct val="0"/>
              </a:spcBef>
              <a:buClrTx/>
              <a:buNone/>
              <a:defRPr/>
            </a:pPr>
            <a:r>
              <a:rPr lang="fr-BE" altLang="en-US" sz="2000" b="1" dirty="0">
                <a:solidFill>
                  <a:schemeClr val="tx1"/>
                </a:solidFill>
                <a:latin typeface="EC Square Sans Cond Pro" panose="020B0506040000020004" pitchFamily="34" charset="0"/>
                <a:ea typeface="+mj-ea"/>
                <a:cs typeface="+mj-cs"/>
              </a:rPr>
              <a:t>Programme  Country HEI</a:t>
            </a:r>
            <a:endParaRPr lang="en-GB" altLang="en-US" sz="2000" b="1" dirty="0">
              <a:solidFill>
                <a:schemeClr val="tx1"/>
              </a:solidFill>
              <a:latin typeface="EC Square Sans Cond Pro" panose="020B0506040000020004" pitchFamily="34" charset="0"/>
              <a:ea typeface="+mj-ea"/>
              <a:cs typeface="+mj-cs"/>
            </a:endParaRPr>
          </a:p>
        </p:txBody>
      </p:sp>
      <p:sp>
        <p:nvSpPr>
          <p:cNvPr id="8" name="TextBox 122"/>
          <p:cNvSpPr txBox="1">
            <a:spLocks noChangeArrowheads="1"/>
          </p:cNvSpPr>
          <p:nvPr/>
        </p:nvSpPr>
        <p:spPr bwMode="auto">
          <a:xfrm>
            <a:off x="7604720" y="3824807"/>
            <a:ext cx="1890713" cy="68480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68475" tIns="34289" rIns="68475" bIns="34289">
            <a:spAutoFit/>
          </a:bodyPr>
          <a:lstStyle>
            <a:defPPr>
              <a:defRPr lang="en-GB"/>
            </a:defPPr>
            <a:lvl1pPr algn="ctr" defTabSz="684610" eaLnBrk="1" hangingPunct="1">
              <a:buClrTx/>
              <a:buNone/>
              <a:defRPr sz="2000" b="1" i="1">
                <a:latin typeface="+mj-lt"/>
                <a:ea typeface="+mj-ea"/>
                <a:cs typeface="+mj-cs"/>
              </a:defRPr>
            </a:lvl1pPr>
            <a:lvl2pPr marL="742950" indent="-285750" eaLnBrk="0" hangingPunct="0">
              <a:spcBef>
                <a:spcPct val="20000"/>
              </a:spcBef>
              <a:buClr>
                <a:srgbClr val="009FBA"/>
              </a:buClr>
              <a:buChar char="•"/>
              <a:defRPr sz="2000" b="1"/>
            </a:lvl2pPr>
            <a:lvl3pPr marL="1143000" indent="-228600" eaLnBrk="0" hangingPunct="0">
              <a:spcBef>
                <a:spcPct val="20000"/>
              </a:spcBef>
              <a:defRPr sz="1400"/>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r>
              <a:rPr lang="fr-BE" altLang="en-US" dirty="0">
                <a:latin typeface="EC Square Sans Cond Pro" panose="020B0506040000020004" pitchFamily="34" charset="0"/>
              </a:rPr>
              <a:t>Partner Country</a:t>
            </a:r>
          </a:p>
          <a:p>
            <a:r>
              <a:rPr lang="fr-BE" altLang="en-US" dirty="0">
                <a:latin typeface="EC Square Sans Cond Pro" panose="020B0506040000020004" pitchFamily="34" charset="0"/>
              </a:rPr>
              <a:t>HEI</a:t>
            </a:r>
            <a:endParaRPr lang="en-GB" altLang="en-US" dirty="0">
              <a:latin typeface="EC Square Sans Cond Pro" panose="020B0506040000020004" pitchFamily="34" charset="0"/>
            </a:endParaRPr>
          </a:p>
        </p:txBody>
      </p:sp>
    </p:spTree>
    <p:extLst>
      <p:ext uri="{BB962C8B-B14F-4D97-AF65-F5344CB8AC3E}">
        <p14:creationId xmlns:p14="http://schemas.microsoft.com/office/powerpoint/2010/main" val="158994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1" name="OTLSHAPE_M_93afb554552a4221a5380f7919409aa7_Connector1"/>
          <p:cNvCxnSpPr/>
          <p:nvPr>
            <p:custDataLst>
              <p:tags r:id="rId2"/>
            </p:custDataLst>
          </p:nvPr>
        </p:nvCxnSpPr>
        <p:spPr>
          <a:xfrm>
            <a:off x="5087888" y="1994924"/>
            <a:ext cx="0" cy="1937516"/>
          </a:xfrm>
          <a:prstGeom prst="line">
            <a:avLst/>
          </a:prstGeom>
          <a:ln w="9525" cap="flat" cmpd="sng" algn="ctr">
            <a:solidFill>
              <a:schemeClr val="bg1">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027" name="OTLSHAPE_M_93afb554552a4221a5380f7919409aa7_Connector1"/>
          <p:cNvCxnSpPr/>
          <p:nvPr>
            <p:custDataLst>
              <p:tags r:id="rId3"/>
            </p:custDataLst>
          </p:nvPr>
        </p:nvCxnSpPr>
        <p:spPr>
          <a:xfrm>
            <a:off x="4964870" y="2931028"/>
            <a:ext cx="0" cy="1001412"/>
          </a:xfrm>
          <a:prstGeom prst="line">
            <a:avLst/>
          </a:prstGeom>
          <a:ln w="9525"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025" name="OTLSHAPE_M_a58f29487c0343c08abcf41913e40cae_Connector1"/>
          <p:cNvCxnSpPr/>
          <p:nvPr>
            <p:custDataLst>
              <p:tags r:id="rId4"/>
            </p:custDataLst>
          </p:nvPr>
        </p:nvCxnSpPr>
        <p:spPr>
          <a:xfrm>
            <a:off x="2675620" y="2721534"/>
            <a:ext cx="0" cy="1210906"/>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004" name="OTLSHAPE_TB_00000000000000000000000000000000_ScaleContainer"/>
          <p:cNvSpPr/>
          <p:nvPr>
            <p:custDataLst>
              <p:tags r:id="rId5"/>
            </p:custDataLst>
          </p:nvPr>
        </p:nvSpPr>
        <p:spPr>
          <a:xfrm>
            <a:off x="2274722" y="4016339"/>
            <a:ext cx="7907599" cy="1018406"/>
          </a:xfrm>
          <a:prstGeom prst="roundRect">
            <a:avLst>
              <a:gd name="adj" fmla="val 100000"/>
            </a:avLst>
          </a:prstGeom>
          <a:solidFill>
            <a:schemeClr val="accent3">
              <a:lumMod val="75000"/>
            </a:schemeClr>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defRPr/>
            </a:pPr>
            <a:endParaRPr lang="en-US" sz="1200">
              <a:solidFill>
                <a:prstClr val="white"/>
              </a:solidFill>
              <a:latin typeface="Verdana"/>
            </a:endParaRPr>
          </a:p>
        </p:txBody>
      </p:sp>
      <p:sp>
        <p:nvSpPr>
          <p:cNvPr id="9005" name="OTLSHAPE_TB_00000000000000000000000000000000_ElapsedTime" hidden="1"/>
          <p:cNvSpPr/>
          <p:nvPr>
            <p:custDataLst>
              <p:tags r:id="rId6"/>
            </p:custDataLst>
          </p:nvPr>
        </p:nvSpPr>
        <p:spPr>
          <a:xfrm>
            <a:off x="152400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defRPr/>
            </a:pPr>
            <a:endParaRPr lang="en-US" sz="1200">
              <a:solidFill>
                <a:prstClr val="white"/>
              </a:solidFill>
              <a:latin typeface="Verdana"/>
            </a:endParaRPr>
          </a:p>
        </p:txBody>
      </p:sp>
      <p:sp>
        <p:nvSpPr>
          <p:cNvPr id="9006" name="OTLSHAPE_TB_00000000000000000000000000000000_TodayMarkerShape" hidden="1"/>
          <p:cNvSpPr/>
          <p:nvPr>
            <p:custDataLst>
              <p:tags r:id="rId7"/>
            </p:custDataLst>
          </p:nvPr>
        </p:nvSpPr>
        <p:spPr>
          <a:xfrm>
            <a:off x="2231843" y="3295650"/>
            <a:ext cx="81644"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defRPr/>
            </a:pPr>
            <a:endParaRPr lang="en-US" sz="1200">
              <a:solidFill>
                <a:prstClr val="white"/>
              </a:solidFill>
              <a:latin typeface="Verdana"/>
            </a:endParaRPr>
          </a:p>
        </p:txBody>
      </p:sp>
      <p:sp>
        <p:nvSpPr>
          <p:cNvPr id="9007" name="OTLSHAPE_TB_00000000000000000000000000000000_TodayMarkerText" hidden="1"/>
          <p:cNvSpPr txBox="1"/>
          <p:nvPr>
            <p:custDataLst>
              <p:tags r:id="rId8"/>
            </p:custDataLst>
          </p:nvPr>
        </p:nvSpPr>
        <p:spPr>
          <a:xfrm>
            <a:off x="2240005" y="3422652"/>
            <a:ext cx="256480" cy="123111"/>
          </a:xfrm>
          <a:prstGeom prst="rect">
            <a:avLst/>
          </a:prstGeom>
          <a:noFill/>
        </p:spPr>
        <p:txBody>
          <a:bodyPr vert="horz" wrap="none" lIns="0" tIns="0" rIns="0" bIns="0" rtlCol="0" anchor="ctr" anchorCtr="0">
            <a:spAutoFit/>
          </a:bodyPr>
          <a:lstStyle/>
          <a:p>
            <a:pPr algn="ctr" fontAlgn="base">
              <a:spcBef>
                <a:spcPct val="0"/>
              </a:spcBef>
              <a:spcAft>
                <a:spcPct val="0"/>
              </a:spcAft>
              <a:defRPr/>
            </a:pPr>
            <a:r>
              <a:rPr lang="en-US" sz="800">
                <a:solidFill>
                  <a:prstClr val="black"/>
                </a:solidFill>
                <a:latin typeface="Calibri" panose="020F0502020204030204" pitchFamily="34" charset="0"/>
              </a:rPr>
              <a:t>Today</a:t>
            </a:r>
          </a:p>
        </p:txBody>
      </p:sp>
      <p:sp>
        <p:nvSpPr>
          <p:cNvPr id="9029" name="OTLSHAPE_M_a58f29487c0343c08abcf41913e40cae_Title"/>
          <p:cNvSpPr txBox="1"/>
          <p:nvPr>
            <p:custDataLst>
              <p:tags r:id="rId9"/>
            </p:custDataLst>
          </p:nvPr>
        </p:nvSpPr>
        <p:spPr>
          <a:xfrm>
            <a:off x="1847528" y="2027881"/>
            <a:ext cx="1800200" cy="923330"/>
          </a:xfrm>
          <a:prstGeom prst="rect">
            <a:avLst/>
          </a:prstGeom>
          <a:noFill/>
        </p:spPr>
        <p:txBody>
          <a:bodyPr vert="horz" wrap="square" lIns="0" tIns="0" rIns="0" bIns="0" rtlCol="0" anchor="ctr" anchorCtr="0">
            <a:spAutoFit/>
          </a:bodyPr>
          <a:lstStyle/>
          <a:p>
            <a:pPr algn="ctr" fontAlgn="base">
              <a:spcBef>
                <a:spcPct val="0"/>
              </a:spcBef>
              <a:spcAft>
                <a:spcPct val="0"/>
              </a:spcAft>
              <a:defRPr/>
            </a:pPr>
            <a:r>
              <a:rPr lang="en-US" sz="2000" b="1" spc="-6" dirty="0">
                <a:solidFill>
                  <a:srgbClr val="3B5998"/>
                </a:solidFill>
                <a:latin typeface="EC Square Sans Cond Pro" panose="020B0506040000020004" pitchFamily="34" charset="0"/>
              </a:rPr>
              <a:t>Inter-institutional agreement signed</a:t>
            </a:r>
          </a:p>
        </p:txBody>
      </p:sp>
      <p:sp>
        <p:nvSpPr>
          <p:cNvPr id="9042" name="OTLSHAPE_M_6a283b367375415b92b0e5fc4e16a0cc_Date" hidden="1"/>
          <p:cNvSpPr txBox="1"/>
          <p:nvPr>
            <p:custDataLst>
              <p:tags r:id="rId10"/>
            </p:custDataLst>
          </p:nvPr>
        </p:nvSpPr>
        <p:spPr>
          <a:xfrm>
            <a:off x="7578181" y="2501147"/>
            <a:ext cx="0" cy="492443"/>
          </a:xfrm>
          <a:prstGeom prst="rect">
            <a:avLst/>
          </a:prstGeom>
          <a:noFill/>
        </p:spPr>
        <p:txBody>
          <a:bodyPr vert="horz" wrap="square" lIns="0" tIns="0" rIns="0" bIns="0" rtlCol="0" anchor="ctr" anchorCtr="0">
            <a:spAutoFit/>
          </a:bodyPr>
          <a:lstStyle/>
          <a:p>
            <a:pPr algn="ctr" fontAlgn="base">
              <a:spcBef>
                <a:spcPct val="0"/>
              </a:spcBef>
              <a:spcAft>
                <a:spcPct val="0"/>
              </a:spcAft>
              <a:defRPr/>
            </a:pPr>
            <a:r>
              <a:rPr lang="en-US" sz="800">
                <a:solidFill>
                  <a:srgbClr val="D1282E"/>
                </a:solidFill>
                <a:latin typeface="Calibri" panose="020F0502020204030204" pitchFamily="34" charset="0"/>
              </a:rPr>
              <a:t>Nov 7</a:t>
            </a:r>
          </a:p>
        </p:txBody>
      </p:sp>
      <p:sp>
        <p:nvSpPr>
          <p:cNvPr id="9045" name="OTLSHAPE_M_7b0996464ffd4cd3a3b383ab1ba22438_Date" hidden="1"/>
          <p:cNvSpPr txBox="1"/>
          <p:nvPr>
            <p:custDataLst>
              <p:tags r:id="rId11"/>
            </p:custDataLst>
          </p:nvPr>
        </p:nvSpPr>
        <p:spPr>
          <a:xfrm>
            <a:off x="8772617" y="2792220"/>
            <a:ext cx="0" cy="615553"/>
          </a:xfrm>
          <a:prstGeom prst="rect">
            <a:avLst/>
          </a:prstGeom>
          <a:noFill/>
        </p:spPr>
        <p:txBody>
          <a:bodyPr vert="horz" wrap="square" lIns="0" tIns="0" rIns="0" bIns="0" rtlCol="0" anchor="ctr" anchorCtr="0">
            <a:spAutoFit/>
          </a:bodyPr>
          <a:lstStyle/>
          <a:p>
            <a:pPr algn="ctr" fontAlgn="base">
              <a:spcBef>
                <a:spcPct val="0"/>
              </a:spcBef>
              <a:spcAft>
                <a:spcPct val="0"/>
              </a:spcAft>
              <a:defRPr/>
            </a:pPr>
            <a:r>
              <a:rPr lang="en-US" sz="800">
                <a:solidFill>
                  <a:srgbClr val="D1282E"/>
                </a:solidFill>
                <a:latin typeface="Calibri" panose="020F0502020204030204" pitchFamily="34" charset="0"/>
              </a:rPr>
              <a:t>Dec 20</a:t>
            </a:r>
          </a:p>
        </p:txBody>
      </p:sp>
      <p:sp>
        <p:nvSpPr>
          <p:cNvPr id="9051" name="OTLSHAPE_T_7c518fb37f2142bb8e0445920d0403b5_ShapePercentage" hidden="1"/>
          <p:cNvSpPr/>
          <p:nvPr>
            <p:custDataLst>
              <p:tags r:id="rId12"/>
            </p:custDataLst>
          </p:nvPr>
        </p:nvSpPr>
        <p:spPr>
          <a:xfrm>
            <a:off x="4633759"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defRPr/>
            </a:pPr>
            <a:endParaRPr lang="en-US" sz="1200">
              <a:solidFill>
                <a:prstClr val="white"/>
              </a:solidFill>
              <a:latin typeface="Verdana"/>
            </a:endParaRPr>
          </a:p>
        </p:txBody>
      </p:sp>
      <p:sp>
        <p:nvSpPr>
          <p:cNvPr id="9052" name="OTLSHAPE_T_7c518fb37f2142bb8e0445920d0403b5_Duration" hidden="1"/>
          <p:cNvSpPr txBox="1"/>
          <p:nvPr>
            <p:custDataLst>
              <p:tags r:id="rId13"/>
            </p:custDataLst>
          </p:nvPr>
        </p:nvSpPr>
        <p:spPr>
          <a:xfrm>
            <a:off x="1524000" y="3422476"/>
            <a:ext cx="247650" cy="307777"/>
          </a:xfrm>
          <a:prstGeom prst="rect">
            <a:avLst/>
          </a:prstGeom>
          <a:noFill/>
        </p:spPr>
        <p:txBody>
          <a:bodyPr vert="horz" wrap="square" lIns="0" tIns="0" rIns="0" bIns="0" rtlCol="0" anchor="ctr" anchorCtr="0">
            <a:spAutoFit/>
          </a:bodyPr>
          <a:lstStyle/>
          <a:p>
            <a:pPr algn="ctr" fontAlgn="base">
              <a:spcBef>
                <a:spcPct val="0"/>
              </a:spcBef>
              <a:spcAft>
                <a:spcPct val="0"/>
              </a:spcAft>
              <a:defRPr/>
            </a:pPr>
            <a:r>
              <a:rPr lang="en-US" sz="1000">
                <a:solidFill>
                  <a:srgbClr val="C0504D"/>
                </a:solidFill>
                <a:latin typeface="Calibri" panose="020F0502020204030204" pitchFamily="34" charset="0"/>
              </a:rPr>
              <a:t>6 days</a:t>
            </a:r>
          </a:p>
        </p:txBody>
      </p:sp>
      <p:sp>
        <p:nvSpPr>
          <p:cNvPr id="9053" name="OTLSHAPE_T_7c518fb37f2142bb8e0445920d0403b5_TextPercentage" hidden="1"/>
          <p:cNvSpPr txBox="1"/>
          <p:nvPr>
            <p:custDataLst>
              <p:tags r:id="rId14"/>
            </p:custDataLst>
          </p:nvPr>
        </p:nvSpPr>
        <p:spPr>
          <a:xfrm>
            <a:off x="1524000" y="3653875"/>
            <a:ext cx="0" cy="153888"/>
          </a:xfrm>
          <a:prstGeom prst="rect">
            <a:avLst/>
          </a:prstGeom>
          <a:noFill/>
        </p:spPr>
        <p:txBody>
          <a:bodyPr vert="horz" wrap="square" lIns="0" tIns="0" rIns="0" bIns="0" rtlCol="0" anchor="ctr" anchorCtr="0">
            <a:spAutoFit/>
          </a:bodyPr>
          <a:lstStyle/>
          <a:p>
            <a:pPr algn="ctr" fontAlgn="base">
              <a:spcBef>
                <a:spcPct val="0"/>
              </a:spcBef>
              <a:spcAft>
                <a:spcPct val="0"/>
              </a:spcAft>
              <a:defRPr/>
            </a:pPr>
            <a:endParaRPr lang="en-US" sz="1000">
              <a:solidFill>
                <a:srgbClr val="C0504D"/>
              </a:solidFill>
              <a:latin typeface="Calibri" panose="020F0502020204030204" pitchFamily="34" charset="0"/>
            </a:endParaRPr>
          </a:p>
        </p:txBody>
      </p:sp>
      <p:sp>
        <p:nvSpPr>
          <p:cNvPr id="9054" name="OTLSHAPE_T_7c518fb37f2142bb8e0445920d0403b5_StartDate" hidden="1"/>
          <p:cNvSpPr txBox="1"/>
          <p:nvPr>
            <p:custDataLst>
              <p:tags r:id="rId15"/>
            </p:custDataLst>
          </p:nvPr>
        </p:nvSpPr>
        <p:spPr>
          <a:xfrm>
            <a:off x="1524000" y="3653875"/>
            <a:ext cx="0" cy="153888"/>
          </a:xfrm>
          <a:prstGeom prst="rect">
            <a:avLst/>
          </a:prstGeom>
          <a:noFill/>
        </p:spPr>
        <p:txBody>
          <a:bodyPr vert="horz" wrap="square" lIns="0" tIns="0" rIns="0" bIns="0" rtlCol="0" anchor="ctr" anchorCtr="0">
            <a:spAutoFit/>
          </a:bodyPr>
          <a:lstStyle/>
          <a:p>
            <a:pPr algn="ctr" fontAlgn="base">
              <a:spcBef>
                <a:spcPct val="0"/>
              </a:spcBef>
              <a:spcAft>
                <a:spcPct val="0"/>
              </a:spcAft>
              <a:defRPr/>
            </a:pPr>
            <a:endParaRPr lang="en-US" sz="1000">
              <a:solidFill>
                <a:srgbClr val="7F7F7F"/>
              </a:solidFill>
              <a:latin typeface="Calibri" panose="020F0502020204030204" pitchFamily="34" charset="0"/>
            </a:endParaRPr>
          </a:p>
        </p:txBody>
      </p:sp>
      <p:sp>
        <p:nvSpPr>
          <p:cNvPr id="9055" name="OTLSHAPE_T_7c518fb37f2142bb8e0445920d0403b5_EndDate" hidden="1"/>
          <p:cNvSpPr txBox="1"/>
          <p:nvPr>
            <p:custDataLst>
              <p:tags r:id="rId16"/>
            </p:custDataLst>
          </p:nvPr>
        </p:nvSpPr>
        <p:spPr>
          <a:xfrm>
            <a:off x="1524000" y="3653875"/>
            <a:ext cx="0" cy="153888"/>
          </a:xfrm>
          <a:prstGeom prst="rect">
            <a:avLst/>
          </a:prstGeom>
          <a:noFill/>
        </p:spPr>
        <p:txBody>
          <a:bodyPr vert="horz" wrap="square" lIns="0" tIns="0" rIns="0" bIns="0" rtlCol="0" anchor="ctr" anchorCtr="0">
            <a:spAutoFit/>
          </a:bodyPr>
          <a:lstStyle/>
          <a:p>
            <a:pPr algn="ctr" fontAlgn="base">
              <a:spcBef>
                <a:spcPct val="0"/>
              </a:spcBef>
              <a:spcAft>
                <a:spcPct val="0"/>
              </a:spcAft>
              <a:defRPr/>
            </a:pPr>
            <a:endParaRPr lang="en-US" sz="1000">
              <a:solidFill>
                <a:srgbClr val="7F7F7F"/>
              </a:solidFill>
              <a:latin typeface="Calibri" panose="020F0502020204030204" pitchFamily="34" charset="0"/>
            </a:endParaRPr>
          </a:p>
        </p:txBody>
      </p:sp>
      <p:sp>
        <p:nvSpPr>
          <p:cNvPr id="9059" name="OTLSHAPE_T_be3ae38f60b3402d8a13f1e91eec41f5_ShapePercentage" hidden="1"/>
          <p:cNvSpPr/>
          <p:nvPr>
            <p:custDataLst>
              <p:tags r:id="rId17"/>
            </p:custDataLst>
          </p:nvPr>
        </p:nvSpPr>
        <p:spPr>
          <a:xfrm>
            <a:off x="5217087"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defRPr/>
            </a:pPr>
            <a:endParaRPr lang="en-US" sz="1200">
              <a:solidFill>
                <a:prstClr val="white"/>
              </a:solidFill>
              <a:latin typeface="Verdana"/>
            </a:endParaRPr>
          </a:p>
        </p:txBody>
      </p:sp>
      <p:sp>
        <p:nvSpPr>
          <p:cNvPr id="9060" name="OTLSHAPE_T_be3ae38f60b3402d8a13f1e91eec41f5_Duration" hidden="1"/>
          <p:cNvSpPr txBox="1"/>
          <p:nvPr>
            <p:custDataLst>
              <p:tags r:id="rId18"/>
            </p:custDataLst>
          </p:nvPr>
        </p:nvSpPr>
        <p:spPr>
          <a:xfrm>
            <a:off x="1524001" y="3689176"/>
            <a:ext cx="295275" cy="307777"/>
          </a:xfrm>
          <a:prstGeom prst="rect">
            <a:avLst/>
          </a:prstGeom>
          <a:noFill/>
        </p:spPr>
        <p:txBody>
          <a:bodyPr vert="horz" wrap="square" lIns="0" tIns="0" rIns="0" bIns="0" rtlCol="0" anchor="ctr" anchorCtr="0">
            <a:spAutoFit/>
          </a:bodyPr>
          <a:lstStyle/>
          <a:p>
            <a:pPr algn="ctr" fontAlgn="base">
              <a:spcBef>
                <a:spcPct val="0"/>
              </a:spcBef>
              <a:spcAft>
                <a:spcPct val="0"/>
              </a:spcAft>
              <a:defRPr/>
            </a:pPr>
            <a:r>
              <a:rPr lang="en-US" sz="1000">
                <a:solidFill>
                  <a:srgbClr val="C0504D"/>
                </a:solidFill>
                <a:latin typeface="Calibri" panose="020F0502020204030204" pitchFamily="34" charset="0"/>
              </a:rPr>
              <a:t>18 days</a:t>
            </a:r>
          </a:p>
        </p:txBody>
      </p:sp>
      <p:sp>
        <p:nvSpPr>
          <p:cNvPr id="9061" name="OTLSHAPE_T_be3ae38f60b3402d8a13f1e91eec41f5_TextPercentage" hidden="1"/>
          <p:cNvSpPr txBox="1"/>
          <p:nvPr>
            <p:custDataLst>
              <p:tags r:id="rId19"/>
            </p:custDataLst>
          </p:nvPr>
        </p:nvSpPr>
        <p:spPr>
          <a:xfrm>
            <a:off x="1524000" y="3920575"/>
            <a:ext cx="0" cy="153888"/>
          </a:xfrm>
          <a:prstGeom prst="rect">
            <a:avLst/>
          </a:prstGeom>
          <a:noFill/>
        </p:spPr>
        <p:txBody>
          <a:bodyPr vert="horz" wrap="square" lIns="0" tIns="0" rIns="0" bIns="0" rtlCol="0" anchor="ctr" anchorCtr="0">
            <a:spAutoFit/>
          </a:bodyPr>
          <a:lstStyle/>
          <a:p>
            <a:pPr algn="ctr" fontAlgn="base">
              <a:spcBef>
                <a:spcPct val="0"/>
              </a:spcBef>
              <a:spcAft>
                <a:spcPct val="0"/>
              </a:spcAft>
              <a:defRPr/>
            </a:pPr>
            <a:endParaRPr lang="en-US" sz="1000">
              <a:solidFill>
                <a:srgbClr val="C0504D"/>
              </a:solidFill>
              <a:latin typeface="Calibri" panose="020F0502020204030204" pitchFamily="34" charset="0"/>
            </a:endParaRPr>
          </a:p>
        </p:txBody>
      </p:sp>
      <p:sp>
        <p:nvSpPr>
          <p:cNvPr id="9062" name="OTLSHAPE_T_be3ae38f60b3402d8a13f1e91eec41f5_StartDate" hidden="1"/>
          <p:cNvSpPr txBox="1"/>
          <p:nvPr>
            <p:custDataLst>
              <p:tags r:id="rId20"/>
            </p:custDataLst>
          </p:nvPr>
        </p:nvSpPr>
        <p:spPr>
          <a:xfrm>
            <a:off x="1524000" y="3920575"/>
            <a:ext cx="0" cy="153888"/>
          </a:xfrm>
          <a:prstGeom prst="rect">
            <a:avLst/>
          </a:prstGeom>
          <a:noFill/>
        </p:spPr>
        <p:txBody>
          <a:bodyPr vert="horz" wrap="square" lIns="0" tIns="0" rIns="0" bIns="0" rtlCol="0" anchor="ctr" anchorCtr="0">
            <a:spAutoFit/>
          </a:bodyPr>
          <a:lstStyle/>
          <a:p>
            <a:pPr algn="ctr" fontAlgn="base">
              <a:spcBef>
                <a:spcPct val="0"/>
              </a:spcBef>
              <a:spcAft>
                <a:spcPct val="0"/>
              </a:spcAft>
              <a:defRPr/>
            </a:pPr>
            <a:endParaRPr lang="en-US" sz="1000">
              <a:solidFill>
                <a:srgbClr val="7F7F7F"/>
              </a:solidFill>
              <a:latin typeface="Calibri" panose="020F0502020204030204" pitchFamily="34" charset="0"/>
            </a:endParaRPr>
          </a:p>
        </p:txBody>
      </p:sp>
      <p:sp>
        <p:nvSpPr>
          <p:cNvPr id="9063" name="OTLSHAPE_T_be3ae38f60b3402d8a13f1e91eec41f5_EndDate" hidden="1"/>
          <p:cNvSpPr txBox="1"/>
          <p:nvPr>
            <p:custDataLst>
              <p:tags r:id="rId21"/>
            </p:custDataLst>
          </p:nvPr>
        </p:nvSpPr>
        <p:spPr>
          <a:xfrm>
            <a:off x="1524000" y="3920575"/>
            <a:ext cx="0" cy="153888"/>
          </a:xfrm>
          <a:prstGeom prst="rect">
            <a:avLst/>
          </a:prstGeom>
          <a:noFill/>
        </p:spPr>
        <p:txBody>
          <a:bodyPr vert="horz" wrap="square" lIns="0" tIns="0" rIns="0" bIns="0" rtlCol="0" anchor="ctr" anchorCtr="0">
            <a:spAutoFit/>
          </a:bodyPr>
          <a:lstStyle/>
          <a:p>
            <a:pPr algn="ctr" fontAlgn="base">
              <a:spcBef>
                <a:spcPct val="0"/>
              </a:spcBef>
              <a:spcAft>
                <a:spcPct val="0"/>
              </a:spcAft>
              <a:defRPr/>
            </a:pPr>
            <a:endParaRPr lang="en-US" sz="1000">
              <a:solidFill>
                <a:srgbClr val="7F7F7F"/>
              </a:solidFill>
              <a:latin typeface="Calibri" panose="020F0502020204030204" pitchFamily="34" charset="0"/>
            </a:endParaRPr>
          </a:p>
        </p:txBody>
      </p:sp>
      <p:sp>
        <p:nvSpPr>
          <p:cNvPr id="9066" name="OTLSHAPE_T_9aa183d65df24b0c8fecd0a002471583_Shape"/>
          <p:cNvSpPr/>
          <p:nvPr>
            <p:custDataLst>
              <p:tags r:id="rId22"/>
            </p:custDataLst>
          </p:nvPr>
        </p:nvSpPr>
        <p:spPr>
          <a:xfrm>
            <a:off x="2675620" y="4269655"/>
            <a:ext cx="1944216" cy="504056"/>
          </a:xfrm>
          <a:prstGeom prst="roundRect">
            <a:avLst>
              <a:gd name="adj" fmla="val 100000"/>
            </a:avLst>
          </a:prstGeom>
          <a:solidFill>
            <a:schemeClr val="tx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defRPr/>
            </a:pPr>
            <a:endParaRPr lang="en-US" sz="1200">
              <a:solidFill>
                <a:prstClr val="white"/>
              </a:solidFill>
              <a:latin typeface="Verdana"/>
            </a:endParaRPr>
          </a:p>
        </p:txBody>
      </p:sp>
      <p:sp>
        <p:nvSpPr>
          <p:cNvPr id="9067" name="OTLSHAPE_T_9aa183d65df24b0c8fecd0a002471583_ShapePercentage" hidden="1"/>
          <p:cNvSpPr/>
          <p:nvPr>
            <p:custDataLst>
              <p:tags r:id="rId23"/>
            </p:custDataLst>
          </p:nvPr>
        </p:nvSpPr>
        <p:spPr>
          <a:xfrm>
            <a:off x="5217087"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defRPr/>
            </a:pPr>
            <a:endParaRPr lang="en-US" sz="1200">
              <a:solidFill>
                <a:prstClr val="white"/>
              </a:solidFill>
              <a:latin typeface="Verdana"/>
            </a:endParaRPr>
          </a:p>
        </p:txBody>
      </p:sp>
      <p:sp>
        <p:nvSpPr>
          <p:cNvPr id="9068" name="OTLSHAPE_T_9aa183d65df24b0c8fecd0a002471583_Duration" hidden="1"/>
          <p:cNvSpPr txBox="1"/>
          <p:nvPr>
            <p:custDataLst>
              <p:tags r:id="rId24"/>
            </p:custDataLst>
          </p:nvPr>
        </p:nvSpPr>
        <p:spPr>
          <a:xfrm>
            <a:off x="1524001" y="3955876"/>
            <a:ext cx="295275" cy="307777"/>
          </a:xfrm>
          <a:prstGeom prst="rect">
            <a:avLst/>
          </a:prstGeom>
          <a:noFill/>
        </p:spPr>
        <p:txBody>
          <a:bodyPr vert="horz" wrap="square" lIns="0" tIns="0" rIns="0" bIns="0" rtlCol="0" anchor="ctr" anchorCtr="0">
            <a:spAutoFit/>
          </a:bodyPr>
          <a:lstStyle/>
          <a:p>
            <a:pPr algn="ctr" fontAlgn="base">
              <a:spcBef>
                <a:spcPct val="0"/>
              </a:spcBef>
              <a:spcAft>
                <a:spcPct val="0"/>
              </a:spcAft>
              <a:defRPr/>
            </a:pPr>
            <a:r>
              <a:rPr lang="en-US" sz="1000">
                <a:solidFill>
                  <a:srgbClr val="C0504D"/>
                </a:solidFill>
                <a:latin typeface="Calibri" panose="020F0502020204030204" pitchFamily="34" charset="0"/>
              </a:rPr>
              <a:t>25 days</a:t>
            </a:r>
          </a:p>
        </p:txBody>
      </p:sp>
      <p:sp>
        <p:nvSpPr>
          <p:cNvPr id="9069" name="OTLSHAPE_T_9aa183d65df24b0c8fecd0a002471583_TextPercentage" hidden="1"/>
          <p:cNvSpPr txBox="1"/>
          <p:nvPr>
            <p:custDataLst>
              <p:tags r:id="rId25"/>
            </p:custDataLst>
          </p:nvPr>
        </p:nvSpPr>
        <p:spPr>
          <a:xfrm>
            <a:off x="1524000" y="4187275"/>
            <a:ext cx="0" cy="153888"/>
          </a:xfrm>
          <a:prstGeom prst="rect">
            <a:avLst/>
          </a:prstGeom>
          <a:noFill/>
        </p:spPr>
        <p:txBody>
          <a:bodyPr vert="horz" wrap="square" lIns="0" tIns="0" rIns="0" bIns="0" rtlCol="0" anchor="ctr" anchorCtr="0">
            <a:spAutoFit/>
          </a:bodyPr>
          <a:lstStyle/>
          <a:p>
            <a:pPr algn="ctr" fontAlgn="base">
              <a:spcBef>
                <a:spcPct val="0"/>
              </a:spcBef>
              <a:spcAft>
                <a:spcPct val="0"/>
              </a:spcAft>
              <a:defRPr/>
            </a:pPr>
            <a:endParaRPr lang="en-US" sz="1000">
              <a:solidFill>
                <a:srgbClr val="C0504D"/>
              </a:solidFill>
              <a:latin typeface="Calibri" panose="020F0502020204030204" pitchFamily="34" charset="0"/>
            </a:endParaRPr>
          </a:p>
        </p:txBody>
      </p:sp>
      <p:sp>
        <p:nvSpPr>
          <p:cNvPr id="9070" name="OTLSHAPE_T_9aa183d65df24b0c8fecd0a002471583_StartDate" hidden="1"/>
          <p:cNvSpPr txBox="1"/>
          <p:nvPr>
            <p:custDataLst>
              <p:tags r:id="rId26"/>
            </p:custDataLst>
          </p:nvPr>
        </p:nvSpPr>
        <p:spPr>
          <a:xfrm>
            <a:off x="1524000" y="4187275"/>
            <a:ext cx="0" cy="153888"/>
          </a:xfrm>
          <a:prstGeom prst="rect">
            <a:avLst/>
          </a:prstGeom>
          <a:noFill/>
        </p:spPr>
        <p:txBody>
          <a:bodyPr vert="horz" wrap="square" lIns="0" tIns="0" rIns="0" bIns="0" rtlCol="0" anchor="ctr" anchorCtr="0">
            <a:spAutoFit/>
          </a:bodyPr>
          <a:lstStyle/>
          <a:p>
            <a:pPr algn="ctr" fontAlgn="base">
              <a:spcBef>
                <a:spcPct val="0"/>
              </a:spcBef>
              <a:spcAft>
                <a:spcPct val="0"/>
              </a:spcAft>
              <a:defRPr/>
            </a:pPr>
            <a:endParaRPr lang="en-US" sz="1000">
              <a:solidFill>
                <a:srgbClr val="7F7F7F"/>
              </a:solidFill>
              <a:latin typeface="Calibri" panose="020F0502020204030204" pitchFamily="34" charset="0"/>
            </a:endParaRPr>
          </a:p>
        </p:txBody>
      </p:sp>
      <p:sp>
        <p:nvSpPr>
          <p:cNvPr id="9071" name="OTLSHAPE_T_9aa183d65df24b0c8fecd0a002471583_EndDate" hidden="1"/>
          <p:cNvSpPr txBox="1"/>
          <p:nvPr>
            <p:custDataLst>
              <p:tags r:id="rId27"/>
            </p:custDataLst>
          </p:nvPr>
        </p:nvSpPr>
        <p:spPr>
          <a:xfrm>
            <a:off x="1524000" y="4187275"/>
            <a:ext cx="0" cy="153888"/>
          </a:xfrm>
          <a:prstGeom prst="rect">
            <a:avLst/>
          </a:prstGeom>
          <a:noFill/>
        </p:spPr>
        <p:txBody>
          <a:bodyPr vert="horz" wrap="square" lIns="0" tIns="0" rIns="0" bIns="0" rtlCol="0" anchor="ctr" anchorCtr="0">
            <a:spAutoFit/>
          </a:bodyPr>
          <a:lstStyle/>
          <a:p>
            <a:pPr algn="ctr" fontAlgn="base">
              <a:spcBef>
                <a:spcPct val="0"/>
              </a:spcBef>
              <a:spcAft>
                <a:spcPct val="0"/>
              </a:spcAft>
              <a:defRPr/>
            </a:pPr>
            <a:endParaRPr lang="en-US" sz="1000">
              <a:solidFill>
                <a:srgbClr val="7F7F7F"/>
              </a:solidFill>
              <a:latin typeface="Calibri" panose="020F0502020204030204" pitchFamily="34" charset="0"/>
            </a:endParaRPr>
          </a:p>
        </p:txBody>
      </p:sp>
      <p:sp>
        <p:nvSpPr>
          <p:cNvPr id="9075" name="OTLSHAPE_T_06a6a20021ea4acdac20b41f7b37b0dd_ShapePercentage" hidden="1"/>
          <p:cNvSpPr/>
          <p:nvPr>
            <p:custDataLst>
              <p:tags r:id="rId28"/>
            </p:custDataLst>
          </p:nvPr>
        </p:nvSpPr>
        <p:spPr>
          <a:xfrm>
            <a:off x="5883749"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defRPr/>
            </a:pPr>
            <a:endParaRPr lang="en-US" sz="1200">
              <a:solidFill>
                <a:prstClr val="white"/>
              </a:solidFill>
              <a:latin typeface="Verdana"/>
            </a:endParaRPr>
          </a:p>
        </p:txBody>
      </p:sp>
      <p:sp>
        <p:nvSpPr>
          <p:cNvPr id="9076" name="OTLSHAPE_T_06a6a20021ea4acdac20b41f7b37b0dd_Duration" hidden="1"/>
          <p:cNvSpPr txBox="1"/>
          <p:nvPr>
            <p:custDataLst>
              <p:tags r:id="rId29"/>
            </p:custDataLst>
          </p:nvPr>
        </p:nvSpPr>
        <p:spPr>
          <a:xfrm>
            <a:off x="1524001" y="4222576"/>
            <a:ext cx="295275" cy="307777"/>
          </a:xfrm>
          <a:prstGeom prst="rect">
            <a:avLst/>
          </a:prstGeom>
          <a:noFill/>
        </p:spPr>
        <p:txBody>
          <a:bodyPr vert="horz" wrap="square" lIns="0" tIns="0" rIns="0" bIns="0" rtlCol="0" anchor="ctr" anchorCtr="0">
            <a:spAutoFit/>
          </a:bodyPr>
          <a:lstStyle/>
          <a:p>
            <a:pPr algn="ctr" fontAlgn="base">
              <a:spcBef>
                <a:spcPct val="0"/>
              </a:spcBef>
              <a:spcAft>
                <a:spcPct val="0"/>
              </a:spcAft>
              <a:defRPr/>
            </a:pPr>
            <a:r>
              <a:rPr lang="en-US" sz="1000">
                <a:solidFill>
                  <a:srgbClr val="C0504D"/>
                </a:solidFill>
                <a:latin typeface="Calibri" panose="020F0502020204030204" pitchFamily="34" charset="0"/>
              </a:rPr>
              <a:t>17 days</a:t>
            </a:r>
          </a:p>
        </p:txBody>
      </p:sp>
      <p:sp>
        <p:nvSpPr>
          <p:cNvPr id="9077" name="OTLSHAPE_T_06a6a20021ea4acdac20b41f7b37b0dd_TextPercentage" hidden="1"/>
          <p:cNvSpPr txBox="1"/>
          <p:nvPr>
            <p:custDataLst>
              <p:tags r:id="rId30"/>
            </p:custDataLst>
          </p:nvPr>
        </p:nvSpPr>
        <p:spPr>
          <a:xfrm>
            <a:off x="1524000" y="4453975"/>
            <a:ext cx="0" cy="153888"/>
          </a:xfrm>
          <a:prstGeom prst="rect">
            <a:avLst/>
          </a:prstGeom>
          <a:noFill/>
        </p:spPr>
        <p:txBody>
          <a:bodyPr vert="horz" wrap="square" lIns="0" tIns="0" rIns="0" bIns="0" rtlCol="0" anchor="ctr" anchorCtr="0">
            <a:spAutoFit/>
          </a:bodyPr>
          <a:lstStyle/>
          <a:p>
            <a:pPr algn="ctr" fontAlgn="base">
              <a:spcBef>
                <a:spcPct val="0"/>
              </a:spcBef>
              <a:spcAft>
                <a:spcPct val="0"/>
              </a:spcAft>
              <a:defRPr/>
            </a:pPr>
            <a:endParaRPr lang="en-US" sz="1000">
              <a:solidFill>
                <a:srgbClr val="C0504D"/>
              </a:solidFill>
              <a:latin typeface="Calibri" panose="020F0502020204030204" pitchFamily="34" charset="0"/>
            </a:endParaRPr>
          </a:p>
        </p:txBody>
      </p:sp>
      <p:sp>
        <p:nvSpPr>
          <p:cNvPr id="9078" name="OTLSHAPE_T_06a6a20021ea4acdac20b41f7b37b0dd_StartDate" hidden="1"/>
          <p:cNvSpPr txBox="1"/>
          <p:nvPr>
            <p:custDataLst>
              <p:tags r:id="rId31"/>
            </p:custDataLst>
          </p:nvPr>
        </p:nvSpPr>
        <p:spPr>
          <a:xfrm>
            <a:off x="1524000" y="4453975"/>
            <a:ext cx="0" cy="153888"/>
          </a:xfrm>
          <a:prstGeom prst="rect">
            <a:avLst/>
          </a:prstGeom>
          <a:noFill/>
        </p:spPr>
        <p:txBody>
          <a:bodyPr vert="horz" wrap="square" lIns="0" tIns="0" rIns="0" bIns="0" rtlCol="0" anchor="ctr" anchorCtr="0">
            <a:spAutoFit/>
          </a:bodyPr>
          <a:lstStyle/>
          <a:p>
            <a:pPr algn="ctr" fontAlgn="base">
              <a:spcBef>
                <a:spcPct val="0"/>
              </a:spcBef>
              <a:spcAft>
                <a:spcPct val="0"/>
              </a:spcAft>
              <a:defRPr/>
            </a:pPr>
            <a:endParaRPr lang="en-US" sz="1000">
              <a:solidFill>
                <a:srgbClr val="7F7F7F"/>
              </a:solidFill>
              <a:latin typeface="Calibri" panose="020F0502020204030204" pitchFamily="34" charset="0"/>
            </a:endParaRPr>
          </a:p>
        </p:txBody>
      </p:sp>
      <p:sp>
        <p:nvSpPr>
          <p:cNvPr id="9079" name="OTLSHAPE_T_06a6a20021ea4acdac20b41f7b37b0dd_EndDate" hidden="1"/>
          <p:cNvSpPr txBox="1"/>
          <p:nvPr>
            <p:custDataLst>
              <p:tags r:id="rId32"/>
            </p:custDataLst>
          </p:nvPr>
        </p:nvSpPr>
        <p:spPr>
          <a:xfrm>
            <a:off x="1524000" y="4453975"/>
            <a:ext cx="0" cy="153888"/>
          </a:xfrm>
          <a:prstGeom prst="rect">
            <a:avLst/>
          </a:prstGeom>
          <a:noFill/>
        </p:spPr>
        <p:txBody>
          <a:bodyPr vert="horz" wrap="square" lIns="0" tIns="0" rIns="0" bIns="0" rtlCol="0" anchor="ctr" anchorCtr="0">
            <a:spAutoFit/>
          </a:bodyPr>
          <a:lstStyle/>
          <a:p>
            <a:pPr algn="ctr" fontAlgn="base">
              <a:spcBef>
                <a:spcPct val="0"/>
              </a:spcBef>
              <a:spcAft>
                <a:spcPct val="0"/>
              </a:spcAft>
              <a:defRPr/>
            </a:pPr>
            <a:endParaRPr lang="en-US" sz="1000">
              <a:solidFill>
                <a:srgbClr val="7F7F7F"/>
              </a:solidFill>
              <a:latin typeface="Calibri" panose="020F0502020204030204" pitchFamily="34" charset="0"/>
            </a:endParaRPr>
          </a:p>
        </p:txBody>
      </p:sp>
      <p:sp>
        <p:nvSpPr>
          <p:cNvPr id="9083" name="OTLSHAPE_T_e6f5c918bdd649a1ac919cf22468a23b_ShapePercentage" hidden="1"/>
          <p:cNvSpPr/>
          <p:nvPr>
            <p:custDataLst>
              <p:tags r:id="rId33"/>
            </p:custDataLst>
          </p:nvPr>
        </p:nvSpPr>
        <p:spPr>
          <a:xfrm>
            <a:off x="6605966"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defRPr/>
            </a:pPr>
            <a:endParaRPr lang="en-US" sz="1200">
              <a:solidFill>
                <a:prstClr val="white"/>
              </a:solidFill>
              <a:latin typeface="Verdana"/>
            </a:endParaRPr>
          </a:p>
        </p:txBody>
      </p:sp>
      <p:sp>
        <p:nvSpPr>
          <p:cNvPr id="9084" name="OTLSHAPE_T_e6f5c918bdd649a1ac919cf22468a23b_Duration" hidden="1"/>
          <p:cNvSpPr txBox="1"/>
          <p:nvPr>
            <p:custDataLst>
              <p:tags r:id="rId34"/>
            </p:custDataLst>
          </p:nvPr>
        </p:nvSpPr>
        <p:spPr>
          <a:xfrm>
            <a:off x="1524001" y="4489276"/>
            <a:ext cx="295275" cy="307777"/>
          </a:xfrm>
          <a:prstGeom prst="rect">
            <a:avLst/>
          </a:prstGeom>
          <a:noFill/>
        </p:spPr>
        <p:txBody>
          <a:bodyPr vert="horz" wrap="square" lIns="0" tIns="0" rIns="0" bIns="0" rtlCol="0" anchor="ctr" anchorCtr="0">
            <a:spAutoFit/>
          </a:bodyPr>
          <a:lstStyle/>
          <a:p>
            <a:pPr algn="ctr" fontAlgn="base">
              <a:spcBef>
                <a:spcPct val="0"/>
              </a:spcBef>
              <a:spcAft>
                <a:spcPct val="0"/>
              </a:spcAft>
              <a:defRPr/>
            </a:pPr>
            <a:r>
              <a:rPr lang="en-US" sz="1000">
                <a:solidFill>
                  <a:srgbClr val="C0504D"/>
                </a:solidFill>
                <a:latin typeface="Calibri" panose="020F0502020204030204" pitchFamily="34" charset="0"/>
              </a:rPr>
              <a:t>25 days</a:t>
            </a:r>
          </a:p>
        </p:txBody>
      </p:sp>
      <p:sp>
        <p:nvSpPr>
          <p:cNvPr id="9085" name="OTLSHAPE_T_e6f5c918bdd649a1ac919cf22468a23b_TextPercentage" hidden="1"/>
          <p:cNvSpPr txBox="1"/>
          <p:nvPr>
            <p:custDataLst>
              <p:tags r:id="rId35"/>
            </p:custDataLst>
          </p:nvPr>
        </p:nvSpPr>
        <p:spPr>
          <a:xfrm>
            <a:off x="1524000" y="4720675"/>
            <a:ext cx="0" cy="153888"/>
          </a:xfrm>
          <a:prstGeom prst="rect">
            <a:avLst/>
          </a:prstGeom>
          <a:noFill/>
        </p:spPr>
        <p:txBody>
          <a:bodyPr vert="horz" wrap="square" lIns="0" tIns="0" rIns="0" bIns="0" rtlCol="0" anchor="ctr" anchorCtr="0">
            <a:spAutoFit/>
          </a:bodyPr>
          <a:lstStyle/>
          <a:p>
            <a:pPr algn="ctr" fontAlgn="base">
              <a:spcBef>
                <a:spcPct val="0"/>
              </a:spcBef>
              <a:spcAft>
                <a:spcPct val="0"/>
              </a:spcAft>
              <a:defRPr/>
            </a:pPr>
            <a:endParaRPr lang="en-US" sz="1000">
              <a:solidFill>
                <a:srgbClr val="C0504D"/>
              </a:solidFill>
              <a:latin typeface="Calibri" panose="020F0502020204030204" pitchFamily="34" charset="0"/>
            </a:endParaRPr>
          </a:p>
        </p:txBody>
      </p:sp>
      <p:sp>
        <p:nvSpPr>
          <p:cNvPr id="9086" name="OTLSHAPE_T_e6f5c918bdd649a1ac919cf22468a23b_StartDate" hidden="1"/>
          <p:cNvSpPr txBox="1"/>
          <p:nvPr>
            <p:custDataLst>
              <p:tags r:id="rId36"/>
            </p:custDataLst>
          </p:nvPr>
        </p:nvSpPr>
        <p:spPr>
          <a:xfrm>
            <a:off x="1524000" y="4720675"/>
            <a:ext cx="0" cy="153888"/>
          </a:xfrm>
          <a:prstGeom prst="rect">
            <a:avLst/>
          </a:prstGeom>
          <a:noFill/>
        </p:spPr>
        <p:txBody>
          <a:bodyPr vert="horz" wrap="square" lIns="0" tIns="0" rIns="0" bIns="0" rtlCol="0" anchor="ctr" anchorCtr="0">
            <a:spAutoFit/>
          </a:bodyPr>
          <a:lstStyle/>
          <a:p>
            <a:pPr algn="ctr" fontAlgn="base">
              <a:spcBef>
                <a:spcPct val="0"/>
              </a:spcBef>
              <a:spcAft>
                <a:spcPct val="0"/>
              </a:spcAft>
              <a:defRPr/>
            </a:pPr>
            <a:endParaRPr lang="en-US" sz="1000">
              <a:solidFill>
                <a:srgbClr val="7F7F7F"/>
              </a:solidFill>
              <a:latin typeface="Calibri" panose="020F0502020204030204" pitchFamily="34" charset="0"/>
            </a:endParaRPr>
          </a:p>
        </p:txBody>
      </p:sp>
      <p:sp>
        <p:nvSpPr>
          <p:cNvPr id="9087" name="OTLSHAPE_T_e6f5c918bdd649a1ac919cf22468a23b_EndDate" hidden="1"/>
          <p:cNvSpPr txBox="1"/>
          <p:nvPr>
            <p:custDataLst>
              <p:tags r:id="rId37"/>
            </p:custDataLst>
          </p:nvPr>
        </p:nvSpPr>
        <p:spPr>
          <a:xfrm>
            <a:off x="1524000" y="4720675"/>
            <a:ext cx="0" cy="153888"/>
          </a:xfrm>
          <a:prstGeom prst="rect">
            <a:avLst/>
          </a:prstGeom>
          <a:noFill/>
        </p:spPr>
        <p:txBody>
          <a:bodyPr vert="horz" wrap="square" lIns="0" tIns="0" rIns="0" bIns="0" rtlCol="0" anchor="ctr" anchorCtr="0">
            <a:spAutoFit/>
          </a:bodyPr>
          <a:lstStyle/>
          <a:p>
            <a:pPr algn="ctr" fontAlgn="base">
              <a:spcBef>
                <a:spcPct val="0"/>
              </a:spcBef>
              <a:spcAft>
                <a:spcPct val="0"/>
              </a:spcAft>
              <a:defRPr/>
            </a:pPr>
            <a:endParaRPr lang="en-US" sz="1000">
              <a:solidFill>
                <a:srgbClr val="7F7F7F"/>
              </a:solidFill>
              <a:latin typeface="Calibri" panose="020F0502020204030204" pitchFamily="34" charset="0"/>
            </a:endParaRPr>
          </a:p>
        </p:txBody>
      </p:sp>
      <p:sp>
        <p:nvSpPr>
          <p:cNvPr id="90" name="OTLSHAPE_M_a58f29487c0343c08abcf41913e40cae_Title"/>
          <p:cNvSpPr txBox="1"/>
          <p:nvPr>
            <p:custDataLst>
              <p:tags r:id="rId38"/>
            </p:custDataLst>
          </p:nvPr>
        </p:nvSpPr>
        <p:spPr>
          <a:xfrm>
            <a:off x="2351584" y="5110393"/>
            <a:ext cx="2592288" cy="738664"/>
          </a:xfrm>
          <a:prstGeom prst="rect">
            <a:avLst/>
          </a:prstGeom>
          <a:noFill/>
        </p:spPr>
        <p:txBody>
          <a:bodyPr vert="horz" wrap="square" lIns="0" tIns="0" rIns="0" bIns="0" rtlCol="0" anchor="ctr" anchorCtr="0">
            <a:spAutoFit/>
          </a:bodyPr>
          <a:lstStyle/>
          <a:p>
            <a:pPr algn="ctr" fontAlgn="base">
              <a:spcBef>
                <a:spcPct val="0"/>
              </a:spcBef>
              <a:spcAft>
                <a:spcPct val="0"/>
              </a:spcAft>
              <a:defRPr/>
            </a:pPr>
            <a:r>
              <a:rPr lang="en-US" sz="2400" b="1" spc="-6" dirty="0">
                <a:solidFill>
                  <a:srgbClr val="073E87"/>
                </a:solidFill>
                <a:latin typeface="EC Square Sans Cond Pro" panose="020B0506040000020004" pitchFamily="34" charset="0"/>
              </a:rPr>
              <a:t>Fair and transparent selection process</a:t>
            </a:r>
          </a:p>
        </p:txBody>
      </p:sp>
      <p:sp>
        <p:nvSpPr>
          <p:cNvPr id="92" name="OTLSHAPE_M_a58f29487c0343c08abcf41913e40cae_Title"/>
          <p:cNvSpPr txBox="1"/>
          <p:nvPr>
            <p:custDataLst>
              <p:tags r:id="rId39"/>
            </p:custDataLst>
          </p:nvPr>
        </p:nvSpPr>
        <p:spPr>
          <a:xfrm>
            <a:off x="3647728" y="2320638"/>
            <a:ext cx="2304256" cy="615553"/>
          </a:xfrm>
          <a:prstGeom prst="rect">
            <a:avLst/>
          </a:prstGeom>
          <a:noFill/>
        </p:spPr>
        <p:txBody>
          <a:bodyPr vert="horz" wrap="square" lIns="0" tIns="0" rIns="0" bIns="0" rtlCol="0" anchor="ctr" anchorCtr="0">
            <a:spAutoFit/>
          </a:bodyPr>
          <a:lstStyle/>
          <a:p>
            <a:pPr algn="ctr" fontAlgn="base">
              <a:spcBef>
                <a:spcPct val="0"/>
              </a:spcBef>
              <a:spcAft>
                <a:spcPct val="0"/>
              </a:spcAft>
              <a:defRPr/>
            </a:pPr>
            <a:r>
              <a:rPr lang="en-US" sz="2000" b="1" spc="-6" dirty="0">
                <a:solidFill>
                  <a:srgbClr val="800000"/>
                </a:solidFill>
                <a:latin typeface="EC Square Sans Cond Pro" panose="020B0506040000020004" pitchFamily="34" charset="0"/>
              </a:rPr>
              <a:t>Learning or Mobility Agreement signed</a:t>
            </a:r>
          </a:p>
        </p:txBody>
      </p:sp>
      <p:sp>
        <p:nvSpPr>
          <p:cNvPr id="95" name="OTLSHAPE_T_9aa183d65df24b0c8fecd0a002471583_Shape"/>
          <p:cNvSpPr/>
          <p:nvPr>
            <p:custDataLst>
              <p:tags r:id="rId40"/>
            </p:custDataLst>
          </p:nvPr>
        </p:nvSpPr>
        <p:spPr>
          <a:xfrm>
            <a:off x="4907868" y="4268946"/>
            <a:ext cx="3384376" cy="504056"/>
          </a:xfrm>
          <a:prstGeom prst="roundRect">
            <a:avLst>
              <a:gd name="adj" fmla="val 100000"/>
            </a:avLst>
          </a:prstGeom>
          <a:solidFill>
            <a:srgbClr val="FF66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defRPr/>
            </a:pPr>
            <a:endParaRPr lang="en-US" sz="1200">
              <a:solidFill>
                <a:prstClr val="white"/>
              </a:solidFill>
              <a:latin typeface="Verdana"/>
            </a:endParaRPr>
          </a:p>
        </p:txBody>
      </p:sp>
      <p:cxnSp>
        <p:nvCxnSpPr>
          <p:cNvPr id="96" name="OTLSHAPE_M_93afb554552a4221a5380f7919409aa7_Connector1"/>
          <p:cNvCxnSpPr/>
          <p:nvPr>
            <p:custDataLst>
              <p:tags r:id="rId41"/>
            </p:custDataLst>
          </p:nvPr>
        </p:nvCxnSpPr>
        <p:spPr>
          <a:xfrm>
            <a:off x="8270561" y="3284368"/>
            <a:ext cx="0" cy="648072"/>
          </a:xfrm>
          <a:prstGeom prst="line">
            <a:avLst/>
          </a:prstGeom>
          <a:ln w="9525"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8" name="OTLSHAPE_M_a58f29487c0343c08abcf41913e40cae_Title"/>
          <p:cNvSpPr txBox="1"/>
          <p:nvPr>
            <p:custDataLst>
              <p:tags r:id="rId42"/>
            </p:custDataLst>
          </p:nvPr>
        </p:nvSpPr>
        <p:spPr>
          <a:xfrm>
            <a:off x="7550481" y="2360265"/>
            <a:ext cx="1440160" cy="923330"/>
          </a:xfrm>
          <a:prstGeom prst="rect">
            <a:avLst/>
          </a:prstGeom>
          <a:noFill/>
        </p:spPr>
        <p:txBody>
          <a:bodyPr vert="horz" wrap="square" lIns="0" tIns="0" rIns="0" bIns="0" rtlCol="0" anchor="ctr" anchorCtr="0">
            <a:spAutoFit/>
          </a:bodyPr>
          <a:lstStyle/>
          <a:p>
            <a:pPr algn="ctr" fontAlgn="base">
              <a:spcBef>
                <a:spcPct val="0"/>
              </a:spcBef>
              <a:spcAft>
                <a:spcPct val="0"/>
              </a:spcAft>
              <a:defRPr/>
            </a:pPr>
            <a:r>
              <a:rPr lang="en-US" sz="2000" b="1" spc="-6" dirty="0">
                <a:solidFill>
                  <a:srgbClr val="800000"/>
                </a:solidFill>
                <a:latin typeface="EC Square Sans Cond Pro" panose="020B0506040000020004" pitchFamily="34" charset="0"/>
              </a:rPr>
              <a:t>Transcript of Records completed</a:t>
            </a:r>
          </a:p>
        </p:txBody>
      </p:sp>
      <p:sp>
        <p:nvSpPr>
          <p:cNvPr id="99" name="OTLSHAPE_M_a58f29487c0343c08abcf41913e40cae_Title"/>
          <p:cNvSpPr txBox="1"/>
          <p:nvPr>
            <p:custDataLst>
              <p:tags r:id="rId43"/>
            </p:custDataLst>
          </p:nvPr>
        </p:nvSpPr>
        <p:spPr>
          <a:xfrm>
            <a:off x="5123892" y="5298100"/>
            <a:ext cx="2952328" cy="369332"/>
          </a:xfrm>
          <a:prstGeom prst="rect">
            <a:avLst/>
          </a:prstGeom>
          <a:noFill/>
        </p:spPr>
        <p:txBody>
          <a:bodyPr vert="horz" wrap="square" lIns="0" tIns="0" rIns="0" bIns="0" rtlCol="0" anchor="ctr" anchorCtr="0">
            <a:spAutoFit/>
          </a:bodyPr>
          <a:lstStyle/>
          <a:p>
            <a:pPr algn="ctr" fontAlgn="base">
              <a:spcBef>
                <a:spcPct val="0"/>
              </a:spcBef>
              <a:spcAft>
                <a:spcPct val="0"/>
              </a:spcAft>
              <a:defRPr/>
            </a:pPr>
            <a:r>
              <a:rPr lang="en-US" sz="2400" b="1" spc="-6" dirty="0">
                <a:solidFill>
                  <a:srgbClr val="FF6600"/>
                </a:solidFill>
                <a:latin typeface="EC Square Sans Cond Pro" panose="020B0506040000020004" pitchFamily="34" charset="0"/>
              </a:rPr>
              <a:t>Mobility period</a:t>
            </a:r>
          </a:p>
        </p:txBody>
      </p:sp>
      <p:sp>
        <p:nvSpPr>
          <p:cNvPr id="59" name="OTLSHAPE_T_9aa183d65df24b0c8fecd0a002471583_Shape"/>
          <p:cNvSpPr/>
          <p:nvPr>
            <p:custDataLst>
              <p:tags r:id="rId44"/>
            </p:custDataLst>
          </p:nvPr>
        </p:nvSpPr>
        <p:spPr>
          <a:xfrm>
            <a:off x="8544272" y="4316485"/>
            <a:ext cx="1080120" cy="504056"/>
          </a:xfrm>
          <a:prstGeom prst="roundRect">
            <a:avLst>
              <a:gd name="adj" fmla="val 100000"/>
            </a:avLst>
          </a:prstGeom>
          <a:solidFill>
            <a:srgbClr val="66006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defRPr/>
            </a:pPr>
            <a:endParaRPr lang="en-US" sz="1200">
              <a:solidFill>
                <a:prstClr val="white"/>
              </a:solidFill>
              <a:latin typeface="Verdana"/>
            </a:endParaRPr>
          </a:p>
        </p:txBody>
      </p:sp>
      <p:sp>
        <p:nvSpPr>
          <p:cNvPr id="60" name="OTLSHAPE_M_a58f29487c0343c08abcf41913e40cae_Title"/>
          <p:cNvSpPr txBox="1"/>
          <p:nvPr>
            <p:custDataLst>
              <p:tags r:id="rId45"/>
            </p:custDataLst>
          </p:nvPr>
        </p:nvSpPr>
        <p:spPr>
          <a:xfrm>
            <a:off x="8328248" y="5315965"/>
            <a:ext cx="1512168" cy="369332"/>
          </a:xfrm>
          <a:prstGeom prst="rect">
            <a:avLst/>
          </a:prstGeom>
          <a:noFill/>
        </p:spPr>
        <p:txBody>
          <a:bodyPr vert="horz" wrap="square" lIns="0" tIns="0" rIns="0" bIns="0" rtlCol="0" anchor="ctr" anchorCtr="0">
            <a:spAutoFit/>
          </a:bodyPr>
          <a:lstStyle/>
          <a:p>
            <a:pPr algn="ctr" fontAlgn="base">
              <a:spcBef>
                <a:spcPct val="0"/>
              </a:spcBef>
              <a:spcAft>
                <a:spcPct val="0"/>
              </a:spcAft>
              <a:defRPr/>
            </a:pPr>
            <a:r>
              <a:rPr lang="en-US" sz="2400" b="1" spc="-6" dirty="0">
                <a:solidFill>
                  <a:srgbClr val="660066"/>
                </a:solidFill>
                <a:latin typeface="EC Square Sans Cond Pro" panose="020B0506040000020004" pitchFamily="34" charset="0"/>
              </a:rPr>
              <a:t>Recognition</a:t>
            </a:r>
          </a:p>
        </p:txBody>
      </p:sp>
      <p:sp>
        <p:nvSpPr>
          <p:cNvPr id="63" name="OTLSHAPE_M_a58f29487c0343c08abcf41913e40cae_Title"/>
          <p:cNvSpPr txBox="1"/>
          <p:nvPr>
            <p:custDataLst>
              <p:tags r:id="rId46"/>
            </p:custDataLst>
          </p:nvPr>
        </p:nvSpPr>
        <p:spPr>
          <a:xfrm>
            <a:off x="3575720" y="1299012"/>
            <a:ext cx="3024336" cy="615553"/>
          </a:xfrm>
          <a:prstGeom prst="rect">
            <a:avLst/>
          </a:prstGeom>
          <a:noFill/>
        </p:spPr>
        <p:txBody>
          <a:bodyPr vert="horz" wrap="square" lIns="0" tIns="0" rIns="0" bIns="0" rtlCol="0" anchor="ctr" anchorCtr="0">
            <a:spAutoFit/>
          </a:bodyPr>
          <a:lstStyle/>
          <a:p>
            <a:pPr algn="ctr" fontAlgn="base">
              <a:spcBef>
                <a:spcPct val="0"/>
              </a:spcBef>
              <a:spcAft>
                <a:spcPct val="0"/>
              </a:spcAft>
              <a:defRPr/>
            </a:pPr>
            <a:r>
              <a:rPr lang="en-US" sz="2000" b="1" spc="-6" dirty="0">
                <a:solidFill>
                  <a:prstClr val="white">
                    <a:lumMod val="50000"/>
                  </a:prstClr>
                </a:solidFill>
                <a:latin typeface="EC Square Sans Cond Pro" panose="020B0506040000020004" pitchFamily="34" charset="0"/>
              </a:rPr>
              <a:t>Grant agreement signed with </a:t>
            </a:r>
            <a:r>
              <a:rPr lang="en-US" sz="2000" b="1" spc="-6" dirty="0" err="1">
                <a:solidFill>
                  <a:prstClr val="white">
                    <a:lumMod val="50000"/>
                  </a:prstClr>
                </a:solidFill>
                <a:latin typeface="EC Square Sans Cond Pro" panose="020B0506040000020004" pitchFamily="34" charset="0"/>
              </a:rPr>
              <a:t>Programme</a:t>
            </a:r>
            <a:r>
              <a:rPr lang="en-US" sz="2000" b="1" spc="-6" dirty="0">
                <a:solidFill>
                  <a:prstClr val="white">
                    <a:lumMod val="50000"/>
                  </a:prstClr>
                </a:solidFill>
                <a:latin typeface="EC Square Sans Cond Pro" panose="020B0506040000020004" pitchFamily="34" charset="0"/>
              </a:rPr>
              <a:t> Country HEI</a:t>
            </a:r>
          </a:p>
        </p:txBody>
      </p:sp>
      <p:sp>
        <p:nvSpPr>
          <p:cNvPr id="6" name="TextBox 5"/>
          <p:cNvSpPr txBox="1"/>
          <p:nvPr/>
        </p:nvSpPr>
        <p:spPr>
          <a:xfrm>
            <a:off x="14365363" y="1512589"/>
            <a:ext cx="184666" cy="461665"/>
          </a:xfrm>
          <a:prstGeom prst="rect">
            <a:avLst/>
          </a:prstGeom>
          <a:noFill/>
        </p:spPr>
        <p:txBody>
          <a:bodyPr wrap="none" rtlCol="0">
            <a:spAutoFit/>
          </a:bodyPr>
          <a:lstStyle/>
          <a:p>
            <a:pPr fontAlgn="base">
              <a:spcBef>
                <a:spcPct val="0"/>
              </a:spcBef>
              <a:spcAft>
                <a:spcPct val="0"/>
              </a:spcAft>
              <a:defRPr/>
            </a:pPr>
            <a:endParaRPr lang="en-US" sz="2400" dirty="0" err="1">
              <a:solidFill>
                <a:srgbClr val="0F5494"/>
              </a:solidFill>
              <a:latin typeface="Verdana" pitchFamily="34" charset="0"/>
            </a:endParaRPr>
          </a:p>
        </p:txBody>
      </p:sp>
      <p:sp>
        <p:nvSpPr>
          <p:cNvPr id="69" name="OTLSHAPE_M_a58f29487c0343c08abcf41913e40cae_Title"/>
          <p:cNvSpPr txBox="1"/>
          <p:nvPr>
            <p:custDataLst>
              <p:tags r:id="rId47"/>
            </p:custDataLst>
          </p:nvPr>
        </p:nvSpPr>
        <p:spPr>
          <a:xfrm>
            <a:off x="8832304" y="1561303"/>
            <a:ext cx="1440160" cy="923330"/>
          </a:xfrm>
          <a:prstGeom prst="rect">
            <a:avLst/>
          </a:prstGeom>
          <a:noFill/>
        </p:spPr>
        <p:txBody>
          <a:bodyPr vert="horz" wrap="square" lIns="0" tIns="0" rIns="0" bIns="0" rtlCol="0" anchor="ctr" anchorCtr="0">
            <a:spAutoFit/>
          </a:bodyPr>
          <a:lstStyle/>
          <a:p>
            <a:pPr algn="ctr" fontAlgn="base">
              <a:spcBef>
                <a:spcPct val="0"/>
              </a:spcBef>
              <a:spcAft>
                <a:spcPct val="0"/>
              </a:spcAft>
              <a:defRPr/>
            </a:pPr>
            <a:r>
              <a:rPr lang="en-US" sz="2000" b="1" spc="-6" dirty="0">
                <a:solidFill>
                  <a:srgbClr val="660066"/>
                </a:solidFill>
                <a:latin typeface="EC Square Sans Cond Pro" panose="020B0506040000020004" pitchFamily="34" charset="0"/>
              </a:rPr>
              <a:t>Participant reports on recognition</a:t>
            </a:r>
          </a:p>
        </p:txBody>
      </p:sp>
      <p:cxnSp>
        <p:nvCxnSpPr>
          <p:cNvPr id="70" name="OTLSHAPE_M_93afb554552a4221a5380f7919409aa7_Connector1"/>
          <p:cNvCxnSpPr/>
          <p:nvPr>
            <p:custDataLst>
              <p:tags r:id="rId48"/>
            </p:custDataLst>
          </p:nvPr>
        </p:nvCxnSpPr>
        <p:spPr>
          <a:xfrm>
            <a:off x="9552384" y="2542062"/>
            <a:ext cx="0" cy="1368152"/>
          </a:xfrm>
          <a:prstGeom prst="line">
            <a:avLst/>
          </a:prstGeom>
          <a:ln w="9525" cap="flat" cmpd="sng" algn="ctr">
            <a:solidFill>
              <a:srgbClr val="66006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0" name="Title 2"/>
          <p:cNvSpPr txBox="1">
            <a:spLocks/>
          </p:cNvSpPr>
          <p:nvPr/>
        </p:nvSpPr>
        <p:spPr>
          <a:xfrm>
            <a:off x="970722" y="458134"/>
            <a:ext cx="10515600" cy="782357"/>
          </a:xfrm>
          <a:prstGeom prst="rect">
            <a:avLst/>
          </a:prstGeom>
        </p:spPr>
        <p:txBody>
          <a:bodyPr/>
          <a:lstStyle>
            <a:lvl1pPr algn="l" defTabSz="914400" rtl="0" eaLnBrk="1" latinLnBrk="0" hangingPunct="1">
              <a:lnSpc>
                <a:spcPct val="90000"/>
              </a:lnSpc>
              <a:spcBef>
                <a:spcPct val="0"/>
              </a:spcBef>
              <a:buNone/>
              <a:defRPr sz="4000" kern="1200">
                <a:solidFill>
                  <a:schemeClr val="tx2"/>
                </a:solidFill>
                <a:latin typeface="+mj-lt"/>
                <a:ea typeface="+mj-ea"/>
                <a:cs typeface="+mj-cs"/>
              </a:defRPr>
            </a:lvl1pPr>
          </a:lstStyle>
          <a:p>
            <a:pPr algn="ctr"/>
            <a:r>
              <a:rPr lang="en-IE" dirty="0">
                <a:latin typeface="EC Square Sans Cond Pro" panose="020B0506040000020004" pitchFamily="34" charset="0"/>
              </a:rPr>
              <a:t>ICM project implementation</a:t>
            </a:r>
            <a:endParaRPr lang="en-US" dirty="0">
              <a:latin typeface="EC Square Sans Cond Pro" panose="020B0506040000020004" pitchFamily="34" charset="0"/>
            </a:endParaRPr>
          </a:p>
        </p:txBody>
      </p:sp>
    </p:spTree>
    <p:custDataLst>
      <p:tags r:id="rId1"/>
    </p:custDataLst>
    <p:extLst>
      <p:ext uri="{BB962C8B-B14F-4D97-AF65-F5344CB8AC3E}">
        <p14:creationId xmlns:p14="http://schemas.microsoft.com/office/powerpoint/2010/main" val="365630626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ontent Placeholder 3"/>
          <p:cNvGraphicFramePr>
            <a:graphicFrameLocks noGrp="1"/>
          </p:cNvGraphicFramePr>
          <p:nvPr>
            <p:ph idx="1"/>
            <p:extLst>
              <p:ext uri="{D42A27DB-BD31-4B8C-83A1-F6EECF244321}">
                <p14:modId xmlns:p14="http://schemas.microsoft.com/office/powerpoint/2010/main" val="1874849025"/>
              </p:ext>
            </p:extLst>
          </p:nvPr>
        </p:nvGraphicFramePr>
        <p:xfrm>
          <a:off x="881743" y="1718127"/>
          <a:ext cx="10593238" cy="473853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5" name="Title 2"/>
          <p:cNvSpPr>
            <a:spLocks noGrp="1"/>
          </p:cNvSpPr>
          <p:nvPr>
            <p:ph type="title"/>
          </p:nvPr>
        </p:nvSpPr>
        <p:spPr>
          <a:xfrm>
            <a:off x="970722" y="482860"/>
            <a:ext cx="10515600" cy="782357"/>
          </a:xfrm>
        </p:spPr>
        <p:txBody>
          <a:bodyPr/>
          <a:lstStyle/>
          <a:p>
            <a:r>
              <a:rPr lang="en-IE" dirty="0">
                <a:latin typeface="EC Square Sans Cond Pro" panose="020B0506040000020004" pitchFamily="34" charset="0"/>
              </a:rPr>
              <a:t>Timeline</a:t>
            </a:r>
            <a:endParaRPr lang="en-US" dirty="0">
              <a:latin typeface="EC Square Sans Cond Pro" panose="020B0506040000020004" pitchFamily="34" charset="0"/>
            </a:endParaRPr>
          </a:p>
        </p:txBody>
      </p:sp>
    </p:spTree>
    <p:extLst>
      <p:ext uri="{BB962C8B-B14F-4D97-AF65-F5344CB8AC3E}">
        <p14:creationId xmlns:p14="http://schemas.microsoft.com/office/powerpoint/2010/main" val="250199084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2616200" y="1978024"/>
            <a:ext cx="6959601" cy="4067175"/>
          </a:xfrm>
        </p:spPr>
        <p:txBody>
          <a:bodyPr/>
          <a:lstStyle/>
          <a:p>
            <a:pPr marL="0" indent="0">
              <a:buNone/>
            </a:pPr>
            <a:r>
              <a:rPr lang="en-IE" dirty="0">
                <a:hlinkClick r:id="rId3"/>
              </a:rPr>
              <a:t>Erasmus+ Programme guide </a:t>
            </a:r>
            <a:endParaRPr lang="en-IE" dirty="0"/>
          </a:p>
          <a:p>
            <a:pPr marL="0" indent="0">
              <a:buNone/>
            </a:pPr>
            <a:endParaRPr lang="en-IE" dirty="0"/>
          </a:p>
          <a:p>
            <a:pPr marL="0" indent="0">
              <a:buNone/>
            </a:pPr>
            <a:r>
              <a:rPr lang="en-IE" dirty="0">
                <a:hlinkClick r:id="rId4"/>
              </a:rPr>
              <a:t>Erasmus+ Call for proposals </a:t>
            </a:r>
            <a:endParaRPr lang="en-IE" dirty="0"/>
          </a:p>
          <a:p>
            <a:pPr marL="0" indent="0">
              <a:buNone/>
            </a:pPr>
            <a:endParaRPr lang="en-IE" dirty="0"/>
          </a:p>
          <a:p>
            <a:pPr marL="0" indent="0">
              <a:buNone/>
            </a:pPr>
            <a:r>
              <a:rPr lang="en-IE" dirty="0" err="1">
                <a:hlinkClick r:id="rId5"/>
              </a:rPr>
              <a:t>ErasmusPlus</a:t>
            </a:r>
            <a:r>
              <a:rPr lang="en-IE" dirty="0">
                <a:hlinkClick r:id="rId5"/>
              </a:rPr>
              <a:t> Facebook</a:t>
            </a:r>
            <a:endParaRPr lang="en-IE" dirty="0"/>
          </a:p>
          <a:p>
            <a:pPr marL="0" indent="0">
              <a:buNone/>
            </a:pPr>
            <a:endParaRPr lang="en-IE" dirty="0"/>
          </a:p>
          <a:p>
            <a:pPr marL="0" indent="0">
              <a:buNone/>
            </a:pPr>
            <a:r>
              <a:rPr lang="en-IE" dirty="0" err="1">
                <a:hlinkClick r:id="rId6"/>
              </a:rPr>
              <a:t>ErasmusPlus</a:t>
            </a:r>
            <a:r>
              <a:rPr lang="en-IE" dirty="0">
                <a:hlinkClick r:id="rId6"/>
              </a:rPr>
              <a:t> Twitter </a:t>
            </a:r>
            <a:endParaRPr lang="en-US" dirty="0"/>
          </a:p>
        </p:txBody>
      </p:sp>
      <p:sp>
        <p:nvSpPr>
          <p:cNvPr id="3" name="Title 2"/>
          <p:cNvSpPr>
            <a:spLocks noGrp="1"/>
          </p:cNvSpPr>
          <p:nvPr>
            <p:ph type="title"/>
          </p:nvPr>
        </p:nvSpPr>
        <p:spPr/>
        <p:txBody>
          <a:bodyPr/>
          <a:lstStyle/>
          <a:p>
            <a:r>
              <a:rPr lang="en-IE" dirty="0">
                <a:latin typeface="EC Square Sans Cond Pro" panose="020B0506040000020004" pitchFamily="34" charset="0"/>
              </a:rPr>
              <a:t>More information </a:t>
            </a:r>
            <a:endParaRPr lang="en-US" dirty="0">
              <a:latin typeface="EC Square Sans Cond Pro" panose="020B0506040000020004" pitchFamily="34" charset="0"/>
            </a:endParaRPr>
          </a:p>
        </p:txBody>
      </p:sp>
      <p:pic>
        <p:nvPicPr>
          <p:cNvPr id="4" name="Picture 3"/>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1967277" y="4236425"/>
            <a:ext cx="620230" cy="681506"/>
          </a:xfrm>
          <a:prstGeom prst="rect">
            <a:avLst/>
          </a:prstGeom>
        </p:spPr>
      </p:pic>
      <p:pic>
        <p:nvPicPr>
          <p:cNvPr id="5" name="Picture 4"/>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1874615" y="1863103"/>
            <a:ext cx="684199" cy="750146"/>
          </a:xfrm>
          <a:prstGeom prst="rect">
            <a:avLst/>
          </a:prstGeom>
        </p:spPr>
      </p:pic>
      <p:pic>
        <p:nvPicPr>
          <p:cNvPr id="6" name="Picture 5"/>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1889052" y="3049764"/>
            <a:ext cx="684199" cy="750146"/>
          </a:xfrm>
          <a:prstGeom prst="rect">
            <a:avLst/>
          </a:prstGeom>
        </p:spPr>
      </p:pic>
      <p:pic>
        <p:nvPicPr>
          <p:cNvPr id="7" name="Picture 6"/>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1918183" y="5354446"/>
            <a:ext cx="640631" cy="702230"/>
          </a:xfrm>
          <a:prstGeom prst="rect">
            <a:avLst/>
          </a:prstGeom>
        </p:spPr>
      </p:pic>
    </p:spTree>
    <p:extLst>
      <p:ext uri="{BB962C8B-B14F-4D97-AF65-F5344CB8AC3E}">
        <p14:creationId xmlns:p14="http://schemas.microsoft.com/office/powerpoint/2010/main" val="359889430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a:latin typeface="EC Square Sans Cond Pro" panose="020B0506040000020004" pitchFamily="34" charset="0"/>
              </a:rPr>
              <a:t>The EU's </a:t>
            </a:r>
            <a:r>
              <a:rPr lang="en-US" dirty="0" err="1">
                <a:latin typeface="EC Square Sans Cond Pro" panose="020B0506040000020004" pitchFamily="34" charset="0"/>
              </a:rPr>
              <a:t>programme</a:t>
            </a:r>
            <a:r>
              <a:rPr lang="en-US" dirty="0">
                <a:latin typeface="EC Square Sans Cond Pro" panose="020B0506040000020004" pitchFamily="34" charset="0"/>
              </a:rPr>
              <a:t> to support education, training, youth and sport</a:t>
            </a:r>
          </a:p>
          <a:p>
            <a:r>
              <a:rPr lang="en-US" dirty="0">
                <a:latin typeface="EC Square Sans Cond Pro" panose="020B0506040000020004" pitchFamily="34" charset="0"/>
              </a:rPr>
              <a:t>Funding for </a:t>
            </a:r>
            <a:r>
              <a:rPr lang="en-US" dirty="0" err="1">
                <a:latin typeface="EC Square Sans Cond Pro" panose="020B0506040000020004" pitchFamily="34" charset="0"/>
              </a:rPr>
              <a:t>programmes</a:t>
            </a:r>
            <a:r>
              <a:rPr lang="en-US" dirty="0">
                <a:latin typeface="EC Square Sans Cond Pro" panose="020B0506040000020004" pitchFamily="34" charset="0"/>
              </a:rPr>
              <a:t>, projects and scholarships</a:t>
            </a:r>
          </a:p>
          <a:p>
            <a:r>
              <a:rPr lang="en-US" dirty="0">
                <a:latin typeface="EC Square Sans Cond Pro" panose="020B0506040000020004" pitchFamily="34" charset="0"/>
              </a:rPr>
              <a:t>Fosters EU-EU and EU-international cooperation</a:t>
            </a:r>
          </a:p>
          <a:p>
            <a:r>
              <a:rPr lang="en-IE" dirty="0">
                <a:latin typeface="EC Square Sans Cond Pro" panose="020B0506040000020004" pitchFamily="34" charset="0"/>
              </a:rPr>
              <a:t>Erasmus+ programme 2021-2027: </a:t>
            </a:r>
          </a:p>
          <a:p>
            <a:pPr lvl="1">
              <a:buFont typeface="Wingdings" panose="05000000000000000000" pitchFamily="2" charset="2"/>
              <a:buChar char="Ø"/>
            </a:pPr>
            <a:r>
              <a:rPr lang="en-IE" dirty="0">
                <a:latin typeface="EC Square Sans Cond Pro" panose="020B0506040000020004" pitchFamily="34" charset="0"/>
              </a:rPr>
              <a:t>builds on previous programme</a:t>
            </a:r>
          </a:p>
          <a:p>
            <a:pPr lvl="1">
              <a:buFont typeface="Wingdings" panose="05000000000000000000" pitchFamily="2" charset="2"/>
              <a:buChar char="Ø"/>
            </a:pPr>
            <a:r>
              <a:rPr lang="en-IE" dirty="0">
                <a:latin typeface="EC Square Sans Cond Pro" panose="020B0506040000020004" pitchFamily="34" charset="0"/>
              </a:rPr>
              <a:t>more international </a:t>
            </a:r>
            <a:endParaRPr lang="en-US" dirty="0">
              <a:latin typeface="EC Square Sans Cond Pro" panose="020B0506040000020004" pitchFamily="34" charset="0"/>
            </a:endParaRPr>
          </a:p>
          <a:p>
            <a:endParaRPr lang="en-US" dirty="0">
              <a:latin typeface="EC Square Sans Cond Pro" panose="020B0506040000020004" pitchFamily="34" charset="0"/>
            </a:endParaRPr>
          </a:p>
        </p:txBody>
      </p:sp>
      <p:sp>
        <p:nvSpPr>
          <p:cNvPr id="3" name="Title 2"/>
          <p:cNvSpPr>
            <a:spLocks noGrp="1"/>
          </p:cNvSpPr>
          <p:nvPr>
            <p:ph type="title"/>
          </p:nvPr>
        </p:nvSpPr>
        <p:spPr/>
        <p:txBody>
          <a:bodyPr/>
          <a:lstStyle/>
          <a:p>
            <a:r>
              <a:rPr lang="en-US" dirty="0">
                <a:latin typeface="EC Square Sans Cond Pro" panose="020B0506040000020004" pitchFamily="34" charset="0"/>
              </a:rPr>
              <a:t>What is Erasmus+?</a:t>
            </a:r>
          </a:p>
        </p:txBody>
      </p:sp>
      <p:grpSp>
        <p:nvGrpSpPr>
          <p:cNvPr id="4" name="Group 44"/>
          <p:cNvGrpSpPr>
            <a:grpSpLocks/>
          </p:cNvGrpSpPr>
          <p:nvPr/>
        </p:nvGrpSpPr>
        <p:grpSpPr bwMode="auto">
          <a:xfrm>
            <a:off x="472297" y="482860"/>
            <a:ext cx="11486323" cy="6151418"/>
            <a:chOff x="56" y="1006"/>
            <a:chExt cx="5634" cy="3048"/>
          </a:xfrm>
          <a:solidFill>
            <a:srgbClr val="0070C0">
              <a:alpha val="14000"/>
            </a:srgbClr>
          </a:solidFill>
        </p:grpSpPr>
        <p:sp>
          <p:nvSpPr>
            <p:cNvPr id="5" name="Freeform 4"/>
            <p:cNvSpPr>
              <a:spLocks noChangeAspect="1" noEditPoints="1"/>
            </p:cNvSpPr>
            <p:nvPr/>
          </p:nvSpPr>
          <p:spPr bwMode="auto">
            <a:xfrm>
              <a:off x="2489" y="1006"/>
              <a:ext cx="3201" cy="2883"/>
            </a:xfrm>
            <a:custGeom>
              <a:avLst/>
              <a:gdLst>
                <a:gd name="T0" fmla="*/ 3199 w 3062"/>
                <a:gd name="T1" fmla="*/ 2916 h 2758"/>
                <a:gd name="T2" fmla="*/ 3131 w 3062"/>
                <a:gd name="T3" fmla="*/ 2781 h 2758"/>
                <a:gd name="T4" fmla="*/ 3250 w 3062"/>
                <a:gd name="T5" fmla="*/ 2698 h 2758"/>
                <a:gd name="T6" fmla="*/ 3210 w 3062"/>
                <a:gd name="T7" fmla="*/ 2568 h 2758"/>
                <a:gd name="T8" fmla="*/ 4355 w 3062"/>
                <a:gd name="T9" fmla="*/ 629 h 2758"/>
                <a:gd name="T10" fmla="*/ 3688 w 3062"/>
                <a:gd name="T11" fmla="*/ 428 h 2758"/>
                <a:gd name="T12" fmla="*/ 3304 w 3062"/>
                <a:gd name="T13" fmla="*/ 358 h 2758"/>
                <a:gd name="T14" fmla="*/ 2996 w 3062"/>
                <a:gd name="T15" fmla="*/ 215 h 2758"/>
                <a:gd name="T16" fmla="*/ 2209 w 3062"/>
                <a:gd name="T17" fmla="*/ 448 h 2758"/>
                <a:gd name="T18" fmla="*/ 1961 w 3062"/>
                <a:gd name="T19" fmla="*/ 652 h 2758"/>
                <a:gd name="T20" fmla="*/ 1449 w 3062"/>
                <a:gd name="T21" fmla="*/ 783 h 2758"/>
                <a:gd name="T22" fmla="*/ 1257 w 3062"/>
                <a:gd name="T23" fmla="*/ 942 h 2758"/>
                <a:gd name="T24" fmla="*/ 1159 w 3062"/>
                <a:gd name="T25" fmla="*/ 629 h 2758"/>
                <a:gd name="T26" fmla="*/ 749 w 3062"/>
                <a:gd name="T27" fmla="*/ 721 h 2758"/>
                <a:gd name="T28" fmla="*/ 659 w 3062"/>
                <a:gd name="T29" fmla="*/ 1185 h 2758"/>
                <a:gd name="T30" fmla="*/ 799 w 3062"/>
                <a:gd name="T31" fmla="*/ 1111 h 2758"/>
                <a:gd name="T32" fmla="*/ 1050 w 3062"/>
                <a:gd name="T33" fmla="*/ 1140 h 2758"/>
                <a:gd name="T34" fmla="*/ 769 w 3062"/>
                <a:gd name="T35" fmla="*/ 1398 h 2758"/>
                <a:gd name="T36" fmla="*/ 602 w 3062"/>
                <a:gd name="T37" fmla="*/ 1405 h 2758"/>
                <a:gd name="T38" fmla="*/ 337 w 3062"/>
                <a:gd name="T39" fmla="*/ 1647 h 2758"/>
                <a:gd name="T40" fmla="*/ 244 w 3062"/>
                <a:gd name="T41" fmla="*/ 1970 h 2758"/>
                <a:gd name="T42" fmla="*/ 757 w 3062"/>
                <a:gd name="T43" fmla="*/ 1960 h 2758"/>
                <a:gd name="T44" fmla="*/ 850 w 3062"/>
                <a:gd name="T45" fmla="*/ 1876 h 2758"/>
                <a:gd name="T46" fmla="*/ 1114 w 3062"/>
                <a:gd name="T47" fmla="*/ 1982 h 2758"/>
                <a:gd name="T48" fmla="*/ 796 w 3062"/>
                <a:gd name="T49" fmla="*/ 2138 h 2758"/>
                <a:gd name="T50" fmla="*/ 283 w 3062"/>
                <a:gd name="T51" fmla="*/ 2017 h 2758"/>
                <a:gd name="T52" fmla="*/ 48 w 3062"/>
                <a:gd name="T53" fmla="*/ 2642 h 2758"/>
                <a:gd name="T54" fmla="*/ 583 w 3062"/>
                <a:gd name="T55" fmla="*/ 2798 h 2758"/>
                <a:gd name="T56" fmla="*/ 721 w 3062"/>
                <a:gd name="T57" fmla="*/ 3430 h 2758"/>
                <a:gd name="T58" fmla="*/ 1249 w 3062"/>
                <a:gd name="T59" fmla="*/ 3321 h 2758"/>
                <a:gd name="T60" fmla="*/ 1571 w 3062"/>
                <a:gd name="T61" fmla="*/ 2638 h 2758"/>
                <a:gd name="T62" fmla="*/ 1341 w 3062"/>
                <a:gd name="T63" fmla="*/ 2440 h 2758"/>
                <a:gd name="T64" fmla="*/ 1578 w 3062"/>
                <a:gd name="T65" fmla="*/ 2287 h 2758"/>
                <a:gd name="T66" fmla="*/ 2068 w 3062"/>
                <a:gd name="T67" fmla="*/ 2380 h 2758"/>
                <a:gd name="T68" fmla="*/ 2577 w 3062"/>
                <a:gd name="T69" fmla="*/ 2498 h 2758"/>
                <a:gd name="T70" fmla="*/ 2758 w 3062"/>
                <a:gd name="T71" fmla="*/ 2597 h 2758"/>
                <a:gd name="T72" fmla="*/ 3098 w 3062"/>
                <a:gd name="T73" fmla="*/ 2339 h 2758"/>
                <a:gd name="T74" fmla="*/ 3218 w 3062"/>
                <a:gd name="T75" fmla="*/ 1876 h 2758"/>
                <a:gd name="T76" fmla="*/ 3450 w 3062"/>
                <a:gd name="T77" fmla="*/ 1815 h 2758"/>
                <a:gd name="T78" fmla="*/ 3843 w 3062"/>
                <a:gd name="T79" fmla="*/ 1185 h 2758"/>
                <a:gd name="T80" fmla="*/ 4028 w 3062"/>
                <a:gd name="T81" fmla="*/ 1271 h 2758"/>
                <a:gd name="T82" fmla="*/ 4336 w 3062"/>
                <a:gd name="T83" fmla="*/ 1174 h 2758"/>
                <a:gd name="T84" fmla="*/ 1289 w 3062"/>
                <a:gd name="T85" fmla="*/ 1853 h 2758"/>
                <a:gd name="T86" fmla="*/ 1295 w 3062"/>
                <a:gd name="T87" fmla="*/ 1737 h 2758"/>
                <a:gd name="T88" fmla="*/ 1461 w 3062"/>
                <a:gd name="T89" fmla="*/ 1872 h 2758"/>
                <a:gd name="T90" fmla="*/ 1702 w 3062"/>
                <a:gd name="T91" fmla="*/ 391 h 2758"/>
                <a:gd name="T92" fmla="*/ 1613 w 3062"/>
                <a:gd name="T93" fmla="*/ 375 h 2758"/>
                <a:gd name="T94" fmla="*/ 178 w 3062"/>
                <a:gd name="T95" fmla="*/ 1468 h 2758"/>
                <a:gd name="T96" fmla="*/ 2703 w 3062"/>
                <a:gd name="T97" fmla="*/ 2894 h 2758"/>
                <a:gd name="T98" fmla="*/ 1536 w 3062"/>
                <a:gd name="T99" fmla="*/ 3189 h 2758"/>
                <a:gd name="T100" fmla="*/ 309 w 3062"/>
                <a:gd name="T101" fmla="*/ 1546 h 2758"/>
                <a:gd name="T102" fmla="*/ 307 w 3062"/>
                <a:gd name="T103" fmla="*/ 1254 h 2758"/>
                <a:gd name="T104" fmla="*/ 4445 w 3062"/>
                <a:gd name="T105" fmla="*/ 3933 h 2758"/>
                <a:gd name="T106" fmla="*/ 4294 w 3062"/>
                <a:gd name="T107" fmla="*/ 4108 h 2758"/>
                <a:gd name="T108" fmla="*/ 3444 w 3062"/>
                <a:gd name="T109" fmla="*/ 2076 h 2758"/>
                <a:gd name="T110" fmla="*/ 3629 w 3062"/>
                <a:gd name="T111" fmla="*/ 3082 h 2758"/>
                <a:gd name="T112" fmla="*/ 3458 w 3062"/>
                <a:gd name="T113" fmla="*/ 2901 h 2758"/>
                <a:gd name="T114" fmla="*/ 3554 w 3062"/>
                <a:gd name="T115" fmla="*/ 3186 h 2758"/>
                <a:gd name="T116" fmla="*/ 3061 w 3062"/>
                <a:gd name="T117" fmla="*/ 3647 h 2758"/>
                <a:gd name="T118" fmla="*/ 3794 w 3062"/>
                <a:gd name="T119" fmla="*/ 3861 h 2758"/>
                <a:gd name="T120" fmla="*/ 3690 w 3062"/>
                <a:gd name="T121" fmla="*/ 1421 h 2758"/>
                <a:gd name="T122" fmla="*/ 3709 w 3062"/>
                <a:gd name="T123" fmla="*/ 1826 h 2758"/>
                <a:gd name="T124" fmla="*/ 3590 w 3062"/>
                <a:gd name="T125" fmla="*/ 2026 h 2758"/>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3062" h="2758">
                  <a:moveTo>
                    <a:pt x="1982" y="1630"/>
                  </a:moveTo>
                  <a:lnTo>
                    <a:pt x="1982" y="1630"/>
                  </a:lnTo>
                  <a:lnTo>
                    <a:pt x="1976" y="1628"/>
                  </a:lnTo>
                  <a:lnTo>
                    <a:pt x="1972" y="1630"/>
                  </a:lnTo>
                  <a:lnTo>
                    <a:pt x="1962" y="1640"/>
                  </a:lnTo>
                  <a:lnTo>
                    <a:pt x="1960" y="1644"/>
                  </a:lnTo>
                  <a:lnTo>
                    <a:pt x="1962" y="1650"/>
                  </a:lnTo>
                  <a:lnTo>
                    <a:pt x="1966" y="1652"/>
                  </a:lnTo>
                  <a:lnTo>
                    <a:pt x="1972" y="1650"/>
                  </a:lnTo>
                  <a:lnTo>
                    <a:pt x="1982" y="1640"/>
                  </a:lnTo>
                  <a:lnTo>
                    <a:pt x="1984" y="1634"/>
                  </a:lnTo>
                  <a:lnTo>
                    <a:pt x="1982" y="1630"/>
                  </a:lnTo>
                  <a:close/>
                  <a:moveTo>
                    <a:pt x="2112" y="1982"/>
                  </a:moveTo>
                  <a:lnTo>
                    <a:pt x="2112" y="1982"/>
                  </a:lnTo>
                  <a:lnTo>
                    <a:pt x="2116" y="1994"/>
                  </a:lnTo>
                  <a:lnTo>
                    <a:pt x="2120" y="2000"/>
                  </a:lnTo>
                  <a:lnTo>
                    <a:pt x="2122" y="2006"/>
                  </a:lnTo>
                  <a:lnTo>
                    <a:pt x="2122" y="2014"/>
                  </a:lnTo>
                  <a:lnTo>
                    <a:pt x="2122" y="2018"/>
                  </a:lnTo>
                  <a:lnTo>
                    <a:pt x="2124" y="2022"/>
                  </a:lnTo>
                  <a:lnTo>
                    <a:pt x="2126" y="2024"/>
                  </a:lnTo>
                  <a:lnTo>
                    <a:pt x="2128" y="2026"/>
                  </a:lnTo>
                  <a:lnTo>
                    <a:pt x="2130" y="2026"/>
                  </a:lnTo>
                  <a:lnTo>
                    <a:pt x="2134" y="2026"/>
                  </a:lnTo>
                  <a:lnTo>
                    <a:pt x="2140" y="2024"/>
                  </a:lnTo>
                  <a:lnTo>
                    <a:pt x="2142" y="2022"/>
                  </a:lnTo>
                  <a:lnTo>
                    <a:pt x="2142" y="2008"/>
                  </a:lnTo>
                  <a:lnTo>
                    <a:pt x="2142" y="1996"/>
                  </a:lnTo>
                  <a:lnTo>
                    <a:pt x="2144" y="1992"/>
                  </a:lnTo>
                  <a:lnTo>
                    <a:pt x="2146" y="1994"/>
                  </a:lnTo>
                  <a:lnTo>
                    <a:pt x="2148" y="2000"/>
                  </a:lnTo>
                  <a:lnTo>
                    <a:pt x="2158" y="2012"/>
                  </a:lnTo>
                  <a:lnTo>
                    <a:pt x="2166" y="2020"/>
                  </a:lnTo>
                  <a:lnTo>
                    <a:pt x="2172" y="2024"/>
                  </a:lnTo>
                  <a:lnTo>
                    <a:pt x="2180" y="2026"/>
                  </a:lnTo>
                  <a:lnTo>
                    <a:pt x="2184" y="2026"/>
                  </a:lnTo>
                  <a:lnTo>
                    <a:pt x="2186" y="2026"/>
                  </a:lnTo>
                  <a:lnTo>
                    <a:pt x="2188" y="2024"/>
                  </a:lnTo>
                  <a:lnTo>
                    <a:pt x="2190" y="2022"/>
                  </a:lnTo>
                  <a:lnTo>
                    <a:pt x="2188" y="2020"/>
                  </a:lnTo>
                  <a:lnTo>
                    <a:pt x="2186" y="2014"/>
                  </a:lnTo>
                  <a:lnTo>
                    <a:pt x="2176" y="2002"/>
                  </a:lnTo>
                  <a:lnTo>
                    <a:pt x="2168" y="1992"/>
                  </a:lnTo>
                  <a:lnTo>
                    <a:pt x="2166" y="1988"/>
                  </a:lnTo>
                  <a:lnTo>
                    <a:pt x="2166" y="1984"/>
                  </a:lnTo>
                  <a:lnTo>
                    <a:pt x="2168" y="1982"/>
                  </a:lnTo>
                  <a:lnTo>
                    <a:pt x="2178" y="1972"/>
                  </a:lnTo>
                  <a:lnTo>
                    <a:pt x="2180" y="1968"/>
                  </a:lnTo>
                  <a:lnTo>
                    <a:pt x="2182" y="1962"/>
                  </a:lnTo>
                  <a:lnTo>
                    <a:pt x="2180" y="1960"/>
                  </a:lnTo>
                  <a:lnTo>
                    <a:pt x="2174" y="1958"/>
                  </a:lnTo>
                  <a:lnTo>
                    <a:pt x="2150" y="1958"/>
                  </a:lnTo>
                  <a:lnTo>
                    <a:pt x="2148" y="1958"/>
                  </a:lnTo>
                  <a:lnTo>
                    <a:pt x="2146" y="1956"/>
                  </a:lnTo>
                  <a:lnTo>
                    <a:pt x="2146" y="1954"/>
                  </a:lnTo>
                  <a:lnTo>
                    <a:pt x="2146" y="1950"/>
                  </a:lnTo>
                  <a:lnTo>
                    <a:pt x="2148" y="1946"/>
                  </a:lnTo>
                  <a:lnTo>
                    <a:pt x="2158" y="1934"/>
                  </a:lnTo>
                  <a:lnTo>
                    <a:pt x="2158" y="1932"/>
                  </a:lnTo>
                  <a:lnTo>
                    <a:pt x="2158" y="1930"/>
                  </a:lnTo>
                  <a:lnTo>
                    <a:pt x="2154" y="1928"/>
                  </a:lnTo>
                  <a:lnTo>
                    <a:pt x="2150" y="1928"/>
                  </a:lnTo>
                  <a:lnTo>
                    <a:pt x="2144" y="1930"/>
                  </a:lnTo>
                  <a:lnTo>
                    <a:pt x="2138" y="1934"/>
                  </a:lnTo>
                  <a:lnTo>
                    <a:pt x="2130" y="1946"/>
                  </a:lnTo>
                  <a:lnTo>
                    <a:pt x="2116" y="1970"/>
                  </a:lnTo>
                  <a:lnTo>
                    <a:pt x="2112" y="1982"/>
                  </a:lnTo>
                  <a:close/>
                  <a:moveTo>
                    <a:pt x="1966" y="1940"/>
                  </a:moveTo>
                  <a:lnTo>
                    <a:pt x="1966" y="1940"/>
                  </a:lnTo>
                  <a:lnTo>
                    <a:pt x="1968" y="1948"/>
                  </a:lnTo>
                  <a:lnTo>
                    <a:pt x="1970" y="1954"/>
                  </a:lnTo>
                  <a:lnTo>
                    <a:pt x="1972" y="1960"/>
                  </a:lnTo>
                  <a:lnTo>
                    <a:pt x="1980" y="1974"/>
                  </a:lnTo>
                  <a:lnTo>
                    <a:pt x="1982" y="1980"/>
                  </a:lnTo>
                  <a:lnTo>
                    <a:pt x="1988" y="1984"/>
                  </a:lnTo>
                  <a:lnTo>
                    <a:pt x="1994" y="1986"/>
                  </a:lnTo>
                  <a:lnTo>
                    <a:pt x="1998" y="1986"/>
                  </a:lnTo>
                  <a:lnTo>
                    <a:pt x="2014" y="1986"/>
                  </a:lnTo>
                  <a:lnTo>
                    <a:pt x="2018" y="1986"/>
                  </a:lnTo>
                  <a:lnTo>
                    <a:pt x="2024" y="1988"/>
                  </a:lnTo>
                  <a:lnTo>
                    <a:pt x="2032" y="1990"/>
                  </a:lnTo>
                  <a:lnTo>
                    <a:pt x="2038" y="1992"/>
                  </a:lnTo>
                  <a:lnTo>
                    <a:pt x="2044" y="1996"/>
                  </a:lnTo>
                  <a:lnTo>
                    <a:pt x="2052" y="1996"/>
                  </a:lnTo>
                  <a:lnTo>
                    <a:pt x="2056" y="1996"/>
                  </a:lnTo>
                  <a:lnTo>
                    <a:pt x="2062" y="1994"/>
                  </a:lnTo>
                  <a:lnTo>
                    <a:pt x="2066" y="1988"/>
                  </a:lnTo>
                  <a:lnTo>
                    <a:pt x="2072" y="1974"/>
                  </a:lnTo>
                  <a:lnTo>
                    <a:pt x="2074" y="1968"/>
                  </a:lnTo>
                  <a:lnTo>
                    <a:pt x="2078" y="1962"/>
                  </a:lnTo>
                  <a:lnTo>
                    <a:pt x="2088" y="1950"/>
                  </a:lnTo>
                  <a:lnTo>
                    <a:pt x="2090" y="1944"/>
                  </a:lnTo>
                  <a:lnTo>
                    <a:pt x="2094" y="1932"/>
                  </a:lnTo>
                  <a:lnTo>
                    <a:pt x="2096" y="1928"/>
                  </a:lnTo>
                  <a:lnTo>
                    <a:pt x="2100" y="1924"/>
                  </a:lnTo>
                  <a:lnTo>
                    <a:pt x="2106" y="1922"/>
                  </a:lnTo>
                  <a:lnTo>
                    <a:pt x="2108" y="1920"/>
                  </a:lnTo>
                  <a:lnTo>
                    <a:pt x="2108" y="1918"/>
                  </a:lnTo>
                  <a:lnTo>
                    <a:pt x="2108" y="1916"/>
                  </a:lnTo>
                  <a:lnTo>
                    <a:pt x="2106" y="1914"/>
                  </a:lnTo>
                  <a:lnTo>
                    <a:pt x="2100" y="1912"/>
                  </a:lnTo>
                  <a:lnTo>
                    <a:pt x="2096" y="1908"/>
                  </a:lnTo>
                  <a:lnTo>
                    <a:pt x="2094" y="1900"/>
                  </a:lnTo>
                  <a:lnTo>
                    <a:pt x="2094" y="1898"/>
                  </a:lnTo>
                  <a:lnTo>
                    <a:pt x="2094" y="1882"/>
                  </a:lnTo>
                  <a:lnTo>
                    <a:pt x="2094" y="1878"/>
                  </a:lnTo>
                  <a:lnTo>
                    <a:pt x="2096" y="1870"/>
                  </a:lnTo>
                  <a:lnTo>
                    <a:pt x="2100" y="1866"/>
                  </a:lnTo>
                  <a:lnTo>
                    <a:pt x="2106" y="1864"/>
                  </a:lnTo>
                  <a:lnTo>
                    <a:pt x="2108" y="1862"/>
                  </a:lnTo>
                  <a:lnTo>
                    <a:pt x="2110" y="1858"/>
                  </a:lnTo>
                  <a:lnTo>
                    <a:pt x="2110" y="1856"/>
                  </a:lnTo>
                  <a:lnTo>
                    <a:pt x="2110" y="1852"/>
                  </a:lnTo>
                  <a:lnTo>
                    <a:pt x="2106" y="1848"/>
                  </a:lnTo>
                  <a:lnTo>
                    <a:pt x="2102" y="1842"/>
                  </a:lnTo>
                  <a:lnTo>
                    <a:pt x="2096" y="1836"/>
                  </a:lnTo>
                  <a:lnTo>
                    <a:pt x="2090" y="1834"/>
                  </a:lnTo>
                  <a:lnTo>
                    <a:pt x="2084" y="1832"/>
                  </a:lnTo>
                  <a:lnTo>
                    <a:pt x="2076" y="1834"/>
                  </a:lnTo>
                  <a:lnTo>
                    <a:pt x="2052" y="1846"/>
                  </a:lnTo>
                  <a:lnTo>
                    <a:pt x="2046" y="1850"/>
                  </a:lnTo>
                  <a:lnTo>
                    <a:pt x="2040" y="1856"/>
                  </a:lnTo>
                  <a:lnTo>
                    <a:pt x="2020" y="1882"/>
                  </a:lnTo>
                  <a:lnTo>
                    <a:pt x="2014" y="1888"/>
                  </a:lnTo>
                  <a:lnTo>
                    <a:pt x="2008" y="1892"/>
                  </a:lnTo>
                  <a:lnTo>
                    <a:pt x="2004" y="1896"/>
                  </a:lnTo>
                  <a:lnTo>
                    <a:pt x="1988" y="1902"/>
                  </a:lnTo>
                  <a:lnTo>
                    <a:pt x="1984" y="1904"/>
                  </a:lnTo>
                  <a:lnTo>
                    <a:pt x="1972" y="1914"/>
                  </a:lnTo>
                  <a:lnTo>
                    <a:pt x="1968" y="1920"/>
                  </a:lnTo>
                  <a:lnTo>
                    <a:pt x="1966" y="1926"/>
                  </a:lnTo>
                  <a:lnTo>
                    <a:pt x="1966" y="1940"/>
                  </a:lnTo>
                  <a:close/>
                  <a:moveTo>
                    <a:pt x="2180" y="1810"/>
                  </a:moveTo>
                  <a:lnTo>
                    <a:pt x="2180" y="1810"/>
                  </a:lnTo>
                  <a:lnTo>
                    <a:pt x="2174" y="1814"/>
                  </a:lnTo>
                  <a:lnTo>
                    <a:pt x="2170" y="1818"/>
                  </a:lnTo>
                  <a:lnTo>
                    <a:pt x="2164" y="1832"/>
                  </a:lnTo>
                  <a:lnTo>
                    <a:pt x="2164" y="1834"/>
                  </a:lnTo>
                  <a:lnTo>
                    <a:pt x="2164" y="1836"/>
                  </a:lnTo>
                  <a:lnTo>
                    <a:pt x="2166" y="1838"/>
                  </a:lnTo>
                  <a:lnTo>
                    <a:pt x="2168" y="1836"/>
                  </a:lnTo>
                  <a:lnTo>
                    <a:pt x="2174" y="1834"/>
                  </a:lnTo>
                  <a:lnTo>
                    <a:pt x="2180" y="1832"/>
                  </a:lnTo>
                  <a:lnTo>
                    <a:pt x="2186" y="1834"/>
                  </a:lnTo>
                  <a:lnTo>
                    <a:pt x="2192" y="1838"/>
                  </a:lnTo>
                  <a:lnTo>
                    <a:pt x="2200" y="1840"/>
                  </a:lnTo>
                  <a:lnTo>
                    <a:pt x="2204" y="1840"/>
                  </a:lnTo>
                  <a:lnTo>
                    <a:pt x="2210" y="1840"/>
                  </a:lnTo>
                  <a:lnTo>
                    <a:pt x="2218" y="1844"/>
                  </a:lnTo>
                  <a:lnTo>
                    <a:pt x="2224" y="1846"/>
                  </a:lnTo>
                  <a:lnTo>
                    <a:pt x="2226" y="1846"/>
                  </a:lnTo>
                  <a:lnTo>
                    <a:pt x="2228" y="1846"/>
                  </a:lnTo>
                  <a:lnTo>
                    <a:pt x="2230" y="1844"/>
                  </a:lnTo>
                  <a:lnTo>
                    <a:pt x="2230" y="1842"/>
                  </a:lnTo>
                  <a:lnTo>
                    <a:pt x="2230" y="1818"/>
                  </a:lnTo>
                  <a:lnTo>
                    <a:pt x="2230" y="1812"/>
                  </a:lnTo>
                  <a:lnTo>
                    <a:pt x="2226" y="1806"/>
                  </a:lnTo>
                  <a:lnTo>
                    <a:pt x="2216" y="1798"/>
                  </a:lnTo>
                  <a:lnTo>
                    <a:pt x="2214" y="1796"/>
                  </a:lnTo>
                  <a:lnTo>
                    <a:pt x="2212" y="1794"/>
                  </a:lnTo>
                  <a:lnTo>
                    <a:pt x="2208" y="1796"/>
                  </a:lnTo>
                  <a:lnTo>
                    <a:pt x="2206" y="1798"/>
                  </a:lnTo>
                  <a:lnTo>
                    <a:pt x="2198" y="1806"/>
                  </a:lnTo>
                  <a:lnTo>
                    <a:pt x="2190" y="1810"/>
                  </a:lnTo>
                  <a:lnTo>
                    <a:pt x="2184" y="1810"/>
                  </a:lnTo>
                  <a:lnTo>
                    <a:pt x="2180" y="1810"/>
                  </a:lnTo>
                  <a:close/>
                  <a:moveTo>
                    <a:pt x="2152" y="1544"/>
                  </a:moveTo>
                  <a:lnTo>
                    <a:pt x="2152" y="1544"/>
                  </a:lnTo>
                  <a:lnTo>
                    <a:pt x="2152" y="1542"/>
                  </a:lnTo>
                  <a:lnTo>
                    <a:pt x="2152" y="1540"/>
                  </a:lnTo>
                  <a:lnTo>
                    <a:pt x="2150" y="1540"/>
                  </a:lnTo>
                  <a:lnTo>
                    <a:pt x="2148" y="1542"/>
                  </a:lnTo>
                  <a:lnTo>
                    <a:pt x="2138" y="1550"/>
                  </a:lnTo>
                  <a:lnTo>
                    <a:pt x="2134" y="1558"/>
                  </a:lnTo>
                  <a:lnTo>
                    <a:pt x="2132" y="1564"/>
                  </a:lnTo>
                  <a:lnTo>
                    <a:pt x="2132" y="1568"/>
                  </a:lnTo>
                  <a:lnTo>
                    <a:pt x="2134" y="1576"/>
                  </a:lnTo>
                  <a:lnTo>
                    <a:pt x="2136" y="1584"/>
                  </a:lnTo>
                  <a:lnTo>
                    <a:pt x="2140" y="1588"/>
                  </a:lnTo>
                  <a:lnTo>
                    <a:pt x="2140" y="1590"/>
                  </a:lnTo>
                  <a:lnTo>
                    <a:pt x="2142" y="1592"/>
                  </a:lnTo>
                  <a:lnTo>
                    <a:pt x="2144" y="1590"/>
                  </a:lnTo>
                  <a:lnTo>
                    <a:pt x="2144" y="1588"/>
                  </a:lnTo>
                  <a:lnTo>
                    <a:pt x="2150" y="1564"/>
                  </a:lnTo>
                  <a:lnTo>
                    <a:pt x="2152" y="1548"/>
                  </a:lnTo>
                  <a:lnTo>
                    <a:pt x="2152" y="1544"/>
                  </a:lnTo>
                  <a:close/>
                  <a:moveTo>
                    <a:pt x="2066" y="2082"/>
                  </a:moveTo>
                  <a:lnTo>
                    <a:pt x="2066" y="2082"/>
                  </a:lnTo>
                  <a:lnTo>
                    <a:pt x="2068" y="2082"/>
                  </a:lnTo>
                  <a:lnTo>
                    <a:pt x="2070" y="2082"/>
                  </a:lnTo>
                  <a:lnTo>
                    <a:pt x="2072" y="2080"/>
                  </a:lnTo>
                  <a:lnTo>
                    <a:pt x="2070" y="2078"/>
                  </a:lnTo>
                  <a:lnTo>
                    <a:pt x="2068" y="2072"/>
                  </a:lnTo>
                  <a:lnTo>
                    <a:pt x="2062" y="2066"/>
                  </a:lnTo>
                  <a:lnTo>
                    <a:pt x="2056" y="2062"/>
                  </a:lnTo>
                  <a:lnTo>
                    <a:pt x="2032" y="2058"/>
                  </a:lnTo>
                  <a:lnTo>
                    <a:pt x="2018" y="2052"/>
                  </a:lnTo>
                  <a:lnTo>
                    <a:pt x="2012" y="2048"/>
                  </a:lnTo>
                  <a:lnTo>
                    <a:pt x="2006" y="2046"/>
                  </a:lnTo>
                  <a:lnTo>
                    <a:pt x="1998" y="2046"/>
                  </a:lnTo>
                  <a:lnTo>
                    <a:pt x="1994" y="2046"/>
                  </a:lnTo>
                  <a:lnTo>
                    <a:pt x="1978" y="2046"/>
                  </a:lnTo>
                  <a:lnTo>
                    <a:pt x="1964" y="2046"/>
                  </a:lnTo>
                  <a:lnTo>
                    <a:pt x="1948" y="2046"/>
                  </a:lnTo>
                  <a:lnTo>
                    <a:pt x="1916" y="2046"/>
                  </a:lnTo>
                  <a:lnTo>
                    <a:pt x="1912" y="2046"/>
                  </a:lnTo>
                  <a:lnTo>
                    <a:pt x="1916" y="2048"/>
                  </a:lnTo>
                  <a:lnTo>
                    <a:pt x="1940" y="2062"/>
                  </a:lnTo>
                  <a:lnTo>
                    <a:pt x="1954" y="2066"/>
                  </a:lnTo>
                  <a:lnTo>
                    <a:pt x="1998" y="2074"/>
                  </a:lnTo>
                  <a:lnTo>
                    <a:pt x="2014" y="2074"/>
                  </a:lnTo>
                  <a:lnTo>
                    <a:pt x="2026" y="2074"/>
                  </a:lnTo>
                  <a:lnTo>
                    <a:pt x="2042" y="2076"/>
                  </a:lnTo>
                  <a:lnTo>
                    <a:pt x="2066" y="2082"/>
                  </a:lnTo>
                  <a:close/>
                  <a:moveTo>
                    <a:pt x="2126" y="1676"/>
                  </a:moveTo>
                  <a:lnTo>
                    <a:pt x="2126" y="1676"/>
                  </a:lnTo>
                  <a:lnTo>
                    <a:pt x="2124" y="1684"/>
                  </a:lnTo>
                  <a:lnTo>
                    <a:pt x="2126" y="1692"/>
                  </a:lnTo>
                  <a:lnTo>
                    <a:pt x="2130" y="1706"/>
                  </a:lnTo>
                  <a:lnTo>
                    <a:pt x="2134" y="1712"/>
                  </a:lnTo>
                  <a:lnTo>
                    <a:pt x="2138" y="1718"/>
                  </a:lnTo>
                  <a:lnTo>
                    <a:pt x="2142" y="1722"/>
                  </a:lnTo>
                  <a:lnTo>
                    <a:pt x="2148" y="1722"/>
                  </a:lnTo>
                  <a:lnTo>
                    <a:pt x="2152" y="1724"/>
                  </a:lnTo>
                  <a:lnTo>
                    <a:pt x="2158" y="1728"/>
                  </a:lnTo>
                  <a:lnTo>
                    <a:pt x="2174" y="1738"/>
                  </a:lnTo>
                  <a:lnTo>
                    <a:pt x="2180" y="1744"/>
                  </a:lnTo>
                  <a:lnTo>
                    <a:pt x="2186" y="1750"/>
                  </a:lnTo>
                  <a:lnTo>
                    <a:pt x="2188" y="1754"/>
                  </a:lnTo>
                  <a:lnTo>
                    <a:pt x="2192" y="1760"/>
                  </a:lnTo>
                  <a:lnTo>
                    <a:pt x="2198" y="1766"/>
                  </a:lnTo>
                  <a:lnTo>
                    <a:pt x="2204" y="1768"/>
                  </a:lnTo>
                  <a:lnTo>
                    <a:pt x="2206" y="1768"/>
                  </a:lnTo>
                  <a:lnTo>
                    <a:pt x="2208" y="1768"/>
                  </a:lnTo>
                  <a:lnTo>
                    <a:pt x="2210" y="1766"/>
                  </a:lnTo>
                  <a:lnTo>
                    <a:pt x="2210" y="1764"/>
                  </a:lnTo>
                  <a:lnTo>
                    <a:pt x="2210" y="1760"/>
                  </a:lnTo>
                  <a:lnTo>
                    <a:pt x="2210" y="1752"/>
                  </a:lnTo>
                  <a:lnTo>
                    <a:pt x="2206" y="1746"/>
                  </a:lnTo>
                  <a:lnTo>
                    <a:pt x="2196" y="1730"/>
                  </a:lnTo>
                  <a:lnTo>
                    <a:pt x="2190" y="1724"/>
                  </a:lnTo>
                  <a:lnTo>
                    <a:pt x="2184" y="1718"/>
                  </a:lnTo>
                  <a:lnTo>
                    <a:pt x="2168" y="1708"/>
                  </a:lnTo>
                  <a:lnTo>
                    <a:pt x="2164" y="1704"/>
                  </a:lnTo>
                  <a:lnTo>
                    <a:pt x="2162" y="1698"/>
                  </a:lnTo>
                  <a:lnTo>
                    <a:pt x="2164" y="1686"/>
                  </a:lnTo>
                  <a:lnTo>
                    <a:pt x="2170" y="1672"/>
                  </a:lnTo>
                  <a:lnTo>
                    <a:pt x="2168" y="1666"/>
                  </a:lnTo>
                  <a:lnTo>
                    <a:pt x="2164" y="1660"/>
                  </a:lnTo>
                  <a:lnTo>
                    <a:pt x="2160" y="1658"/>
                  </a:lnTo>
                  <a:lnTo>
                    <a:pt x="2152" y="1656"/>
                  </a:lnTo>
                  <a:lnTo>
                    <a:pt x="2146" y="1658"/>
                  </a:lnTo>
                  <a:lnTo>
                    <a:pt x="2140" y="1660"/>
                  </a:lnTo>
                  <a:lnTo>
                    <a:pt x="2134" y="1666"/>
                  </a:lnTo>
                  <a:lnTo>
                    <a:pt x="2130" y="1672"/>
                  </a:lnTo>
                  <a:lnTo>
                    <a:pt x="2126" y="1676"/>
                  </a:lnTo>
                  <a:close/>
                  <a:moveTo>
                    <a:pt x="3046" y="620"/>
                  </a:moveTo>
                  <a:lnTo>
                    <a:pt x="3046" y="620"/>
                  </a:lnTo>
                  <a:lnTo>
                    <a:pt x="3052" y="616"/>
                  </a:lnTo>
                  <a:lnTo>
                    <a:pt x="3054" y="610"/>
                  </a:lnTo>
                  <a:lnTo>
                    <a:pt x="3062" y="478"/>
                  </a:lnTo>
                  <a:lnTo>
                    <a:pt x="3060" y="472"/>
                  </a:lnTo>
                  <a:lnTo>
                    <a:pt x="3056" y="466"/>
                  </a:lnTo>
                  <a:lnTo>
                    <a:pt x="3050" y="464"/>
                  </a:lnTo>
                  <a:lnTo>
                    <a:pt x="3038" y="460"/>
                  </a:lnTo>
                  <a:lnTo>
                    <a:pt x="3034" y="458"/>
                  </a:lnTo>
                  <a:lnTo>
                    <a:pt x="3028" y="454"/>
                  </a:lnTo>
                  <a:lnTo>
                    <a:pt x="3020" y="446"/>
                  </a:lnTo>
                  <a:lnTo>
                    <a:pt x="3006" y="438"/>
                  </a:lnTo>
                  <a:lnTo>
                    <a:pt x="3002" y="434"/>
                  </a:lnTo>
                  <a:lnTo>
                    <a:pt x="2994" y="432"/>
                  </a:lnTo>
                  <a:lnTo>
                    <a:pt x="2986" y="432"/>
                  </a:lnTo>
                  <a:lnTo>
                    <a:pt x="2972" y="432"/>
                  </a:lnTo>
                  <a:lnTo>
                    <a:pt x="2966" y="430"/>
                  </a:lnTo>
                  <a:lnTo>
                    <a:pt x="2958" y="428"/>
                  </a:lnTo>
                  <a:lnTo>
                    <a:pt x="2952" y="424"/>
                  </a:lnTo>
                  <a:lnTo>
                    <a:pt x="2946" y="422"/>
                  </a:lnTo>
                  <a:lnTo>
                    <a:pt x="2938" y="422"/>
                  </a:lnTo>
                  <a:lnTo>
                    <a:pt x="2934" y="422"/>
                  </a:lnTo>
                  <a:lnTo>
                    <a:pt x="2920" y="422"/>
                  </a:lnTo>
                  <a:lnTo>
                    <a:pt x="2918" y="424"/>
                  </a:lnTo>
                  <a:lnTo>
                    <a:pt x="2918" y="430"/>
                  </a:lnTo>
                  <a:lnTo>
                    <a:pt x="2924" y="452"/>
                  </a:lnTo>
                  <a:lnTo>
                    <a:pt x="2922" y="460"/>
                  </a:lnTo>
                  <a:lnTo>
                    <a:pt x="2918" y="464"/>
                  </a:lnTo>
                  <a:lnTo>
                    <a:pt x="2914" y="466"/>
                  </a:lnTo>
                  <a:lnTo>
                    <a:pt x="2906" y="468"/>
                  </a:lnTo>
                  <a:lnTo>
                    <a:pt x="2900" y="466"/>
                  </a:lnTo>
                  <a:lnTo>
                    <a:pt x="2894" y="464"/>
                  </a:lnTo>
                  <a:lnTo>
                    <a:pt x="2888" y="460"/>
                  </a:lnTo>
                  <a:lnTo>
                    <a:pt x="2882" y="454"/>
                  </a:lnTo>
                  <a:lnTo>
                    <a:pt x="2880" y="448"/>
                  </a:lnTo>
                  <a:lnTo>
                    <a:pt x="2876" y="436"/>
                  </a:lnTo>
                  <a:lnTo>
                    <a:pt x="2874" y="432"/>
                  </a:lnTo>
                  <a:lnTo>
                    <a:pt x="2868" y="432"/>
                  </a:lnTo>
                  <a:lnTo>
                    <a:pt x="2856" y="432"/>
                  </a:lnTo>
                  <a:lnTo>
                    <a:pt x="2848" y="432"/>
                  </a:lnTo>
                  <a:lnTo>
                    <a:pt x="2842" y="436"/>
                  </a:lnTo>
                  <a:lnTo>
                    <a:pt x="2836" y="438"/>
                  </a:lnTo>
                  <a:lnTo>
                    <a:pt x="2830" y="438"/>
                  </a:lnTo>
                  <a:lnTo>
                    <a:pt x="2816" y="434"/>
                  </a:lnTo>
                  <a:lnTo>
                    <a:pt x="2800" y="432"/>
                  </a:lnTo>
                  <a:lnTo>
                    <a:pt x="2786" y="432"/>
                  </a:lnTo>
                  <a:lnTo>
                    <a:pt x="2780" y="432"/>
                  </a:lnTo>
                  <a:lnTo>
                    <a:pt x="2774" y="436"/>
                  </a:lnTo>
                  <a:lnTo>
                    <a:pt x="2772" y="438"/>
                  </a:lnTo>
                  <a:lnTo>
                    <a:pt x="2768" y="438"/>
                  </a:lnTo>
                  <a:lnTo>
                    <a:pt x="2764" y="436"/>
                  </a:lnTo>
                  <a:lnTo>
                    <a:pt x="2756" y="426"/>
                  </a:lnTo>
                  <a:lnTo>
                    <a:pt x="2752" y="420"/>
                  </a:lnTo>
                  <a:lnTo>
                    <a:pt x="2750" y="414"/>
                  </a:lnTo>
                  <a:lnTo>
                    <a:pt x="2750" y="400"/>
                  </a:lnTo>
                  <a:lnTo>
                    <a:pt x="2748" y="394"/>
                  </a:lnTo>
                  <a:lnTo>
                    <a:pt x="2742" y="388"/>
                  </a:lnTo>
                  <a:lnTo>
                    <a:pt x="2726" y="376"/>
                  </a:lnTo>
                  <a:lnTo>
                    <a:pt x="2720" y="374"/>
                  </a:lnTo>
                  <a:lnTo>
                    <a:pt x="2712" y="372"/>
                  </a:lnTo>
                  <a:lnTo>
                    <a:pt x="2680" y="372"/>
                  </a:lnTo>
                  <a:lnTo>
                    <a:pt x="2664" y="372"/>
                  </a:lnTo>
                  <a:lnTo>
                    <a:pt x="2630" y="372"/>
                  </a:lnTo>
                  <a:lnTo>
                    <a:pt x="2624" y="370"/>
                  </a:lnTo>
                  <a:lnTo>
                    <a:pt x="2622" y="368"/>
                  </a:lnTo>
                  <a:lnTo>
                    <a:pt x="2620" y="362"/>
                  </a:lnTo>
                  <a:lnTo>
                    <a:pt x="2618" y="358"/>
                  </a:lnTo>
                  <a:lnTo>
                    <a:pt x="2606" y="348"/>
                  </a:lnTo>
                  <a:lnTo>
                    <a:pt x="2590" y="338"/>
                  </a:lnTo>
                  <a:lnTo>
                    <a:pt x="2586" y="332"/>
                  </a:lnTo>
                  <a:lnTo>
                    <a:pt x="2584" y="326"/>
                  </a:lnTo>
                  <a:lnTo>
                    <a:pt x="2584" y="322"/>
                  </a:lnTo>
                  <a:lnTo>
                    <a:pt x="2580" y="316"/>
                  </a:lnTo>
                  <a:lnTo>
                    <a:pt x="2576" y="312"/>
                  </a:lnTo>
                  <a:lnTo>
                    <a:pt x="2474" y="286"/>
                  </a:lnTo>
                  <a:lnTo>
                    <a:pt x="2468" y="286"/>
                  </a:lnTo>
                  <a:lnTo>
                    <a:pt x="2466" y="288"/>
                  </a:lnTo>
                  <a:lnTo>
                    <a:pt x="2466" y="290"/>
                  </a:lnTo>
                  <a:lnTo>
                    <a:pt x="2464" y="294"/>
                  </a:lnTo>
                  <a:lnTo>
                    <a:pt x="2458" y="298"/>
                  </a:lnTo>
                  <a:lnTo>
                    <a:pt x="2442" y="310"/>
                  </a:lnTo>
                  <a:lnTo>
                    <a:pt x="2438" y="314"/>
                  </a:lnTo>
                  <a:lnTo>
                    <a:pt x="2438" y="322"/>
                  </a:lnTo>
                  <a:lnTo>
                    <a:pt x="2444" y="336"/>
                  </a:lnTo>
                  <a:lnTo>
                    <a:pt x="2444" y="338"/>
                  </a:lnTo>
                  <a:lnTo>
                    <a:pt x="2444" y="342"/>
                  </a:lnTo>
                  <a:lnTo>
                    <a:pt x="2442" y="344"/>
                  </a:lnTo>
                  <a:lnTo>
                    <a:pt x="2438" y="346"/>
                  </a:lnTo>
                  <a:lnTo>
                    <a:pt x="2424" y="350"/>
                  </a:lnTo>
                  <a:lnTo>
                    <a:pt x="2408" y="352"/>
                  </a:lnTo>
                  <a:lnTo>
                    <a:pt x="2406" y="352"/>
                  </a:lnTo>
                  <a:lnTo>
                    <a:pt x="2390" y="350"/>
                  </a:lnTo>
                  <a:lnTo>
                    <a:pt x="2376" y="346"/>
                  </a:lnTo>
                  <a:lnTo>
                    <a:pt x="2368" y="346"/>
                  </a:lnTo>
                  <a:lnTo>
                    <a:pt x="2362" y="348"/>
                  </a:lnTo>
                  <a:lnTo>
                    <a:pt x="2358" y="350"/>
                  </a:lnTo>
                  <a:lnTo>
                    <a:pt x="2350" y="350"/>
                  </a:lnTo>
                  <a:lnTo>
                    <a:pt x="2346" y="346"/>
                  </a:lnTo>
                  <a:lnTo>
                    <a:pt x="2332" y="340"/>
                  </a:lnTo>
                  <a:lnTo>
                    <a:pt x="2326" y="336"/>
                  </a:lnTo>
                  <a:lnTo>
                    <a:pt x="2324" y="336"/>
                  </a:lnTo>
                  <a:lnTo>
                    <a:pt x="2322" y="336"/>
                  </a:lnTo>
                  <a:lnTo>
                    <a:pt x="2320" y="338"/>
                  </a:lnTo>
                  <a:lnTo>
                    <a:pt x="2318" y="342"/>
                  </a:lnTo>
                  <a:lnTo>
                    <a:pt x="2318" y="354"/>
                  </a:lnTo>
                  <a:lnTo>
                    <a:pt x="2318" y="362"/>
                  </a:lnTo>
                  <a:lnTo>
                    <a:pt x="2314" y="368"/>
                  </a:lnTo>
                  <a:lnTo>
                    <a:pt x="2304" y="376"/>
                  </a:lnTo>
                  <a:lnTo>
                    <a:pt x="2302" y="378"/>
                  </a:lnTo>
                  <a:lnTo>
                    <a:pt x="2300" y="378"/>
                  </a:lnTo>
                  <a:lnTo>
                    <a:pt x="2298" y="378"/>
                  </a:lnTo>
                  <a:lnTo>
                    <a:pt x="2294" y="376"/>
                  </a:lnTo>
                  <a:lnTo>
                    <a:pt x="2284" y="360"/>
                  </a:lnTo>
                  <a:lnTo>
                    <a:pt x="2276" y="346"/>
                  </a:lnTo>
                  <a:lnTo>
                    <a:pt x="2264" y="330"/>
                  </a:lnTo>
                  <a:lnTo>
                    <a:pt x="2262" y="324"/>
                  </a:lnTo>
                  <a:lnTo>
                    <a:pt x="2264" y="316"/>
                  </a:lnTo>
                  <a:lnTo>
                    <a:pt x="2276" y="300"/>
                  </a:lnTo>
                  <a:lnTo>
                    <a:pt x="2278" y="294"/>
                  </a:lnTo>
                  <a:lnTo>
                    <a:pt x="2280" y="286"/>
                  </a:lnTo>
                  <a:lnTo>
                    <a:pt x="2280" y="282"/>
                  </a:lnTo>
                  <a:lnTo>
                    <a:pt x="2278" y="276"/>
                  </a:lnTo>
                  <a:lnTo>
                    <a:pt x="2274" y="268"/>
                  </a:lnTo>
                  <a:lnTo>
                    <a:pt x="2266" y="260"/>
                  </a:lnTo>
                  <a:lnTo>
                    <a:pt x="2252" y="252"/>
                  </a:lnTo>
                  <a:lnTo>
                    <a:pt x="2248" y="248"/>
                  </a:lnTo>
                  <a:lnTo>
                    <a:pt x="2240" y="246"/>
                  </a:lnTo>
                  <a:lnTo>
                    <a:pt x="2232" y="246"/>
                  </a:lnTo>
                  <a:lnTo>
                    <a:pt x="2230" y="246"/>
                  </a:lnTo>
                  <a:lnTo>
                    <a:pt x="2222" y="244"/>
                  </a:lnTo>
                  <a:lnTo>
                    <a:pt x="2216" y="240"/>
                  </a:lnTo>
                  <a:lnTo>
                    <a:pt x="2204" y="232"/>
                  </a:lnTo>
                  <a:lnTo>
                    <a:pt x="2198" y="230"/>
                  </a:lnTo>
                  <a:lnTo>
                    <a:pt x="2196" y="228"/>
                  </a:lnTo>
                  <a:lnTo>
                    <a:pt x="2192" y="228"/>
                  </a:lnTo>
                  <a:lnTo>
                    <a:pt x="2190" y="230"/>
                  </a:lnTo>
                  <a:lnTo>
                    <a:pt x="2188" y="232"/>
                  </a:lnTo>
                  <a:lnTo>
                    <a:pt x="2186" y="238"/>
                  </a:lnTo>
                  <a:lnTo>
                    <a:pt x="2178" y="252"/>
                  </a:lnTo>
                  <a:lnTo>
                    <a:pt x="2176" y="258"/>
                  </a:lnTo>
                  <a:lnTo>
                    <a:pt x="2170" y="262"/>
                  </a:lnTo>
                  <a:lnTo>
                    <a:pt x="2164" y="264"/>
                  </a:lnTo>
                  <a:lnTo>
                    <a:pt x="2132" y="264"/>
                  </a:lnTo>
                  <a:lnTo>
                    <a:pt x="2124" y="264"/>
                  </a:lnTo>
                  <a:lnTo>
                    <a:pt x="2116" y="262"/>
                  </a:lnTo>
                  <a:lnTo>
                    <a:pt x="2110" y="258"/>
                  </a:lnTo>
                  <a:lnTo>
                    <a:pt x="2104" y="254"/>
                  </a:lnTo>
                  <a:lnTo>
                    <a:pt x="2100" y="248"/>
                  </a:lnTo>
                  <a:lnTo>
                    <a:pt x="2098" y="242"/>
                  </a:lnTo>
                  <a:lnTo>
                    <a:pt x="2092" y="238"/>
                  </a:lnTo>
                  <a:lnTo>
                    <a:pt x="2086" y="236"/>
                  </a:lnTo>
                  <a:lnTo>
                    <a:pt x="2062" y="236"/>
                  </a:lnTo>
                  <a:lnTo>
                    <a:pt x="2054" y="236"/>
                  </a:lnTo>
                  <a:lnTo>
                    <a:pt x="2048" y="240"/>
                  </a:lnTo>
                  <a:lnTo>
                    <a:pt x="2032" y="250"/>
                  </a:lnTo>
                  <a:lnTo>
                    <a:pt x="2030" y="252"/>
                  </a:lnTo>
                  <a:lnTo>
                    <a:pt x="2028" y="252"/>
                  </a:lnTo>
                  <a:lnTo>
                    <a:pt x="2026" y="250"/>
                  </a:lnTo>
                  <a:lnTo>
                    <a:pt x="2026" y="246"/>
                  </a:lnTo>
                  <a:lnTo>
                    <a:pt x="2026" y="244"/>
                  </a:lnTo>
                  <a:lnTo>
                    <a:pt x="2024" y="236"/>
                  </a:lnTo>
                  <a:lnTo>
                    <a:pt x="2020" y="230"/>
                  </a:lnTo>
                  <a:lnTo>
                    <a:pt x="2012" y="222"/>
                  </a:lnTo>
                  <a:lnTo>
                    <a:pt x="2004" y="218"/>
                  </a:lnTo>
                  <a:lnTo>
                    <a:pt x="1998" y="216"/>
                  </a:lnTo>
                  <a:lnTo>
                    <a:pt x="1994" y="216"/>
                  </a:lnTo>
                  <a:lnTo>
                    <a:pt x="1986" y="218"/>
                  </a:lnTo>
                  <a:lnTo>
                    <a:pt x="1980" y="222"/>
                  </a:lnTo>
                  <a:lnTo>
                    <a:pt x="1972" y="230"/>
                  </a:lnTo>
                  <a:lnTo>
                    <a:pt x="1960" y="240"/>
                  </a:lnTo>
                  <a:lnTo>
                    <a:pt x="1944" y="250"/>
                  </a:lnTo>
                  <a:lnTo>
                    <a:pt x="1930" y="260"/>
                  </a:lnTo>
                  <a:lnTo>
                    <a:pt x="1914" y="270"/>
                  </a:lnTo>
                  <a:lnTo>
                    <a:pt x="1910" y="272"/>
                  </a:lnTo>
                  <a:lnTo>
                    <a:pt x="1912" y="268"/>
                  </a:lnTo>
                  <a:lnTo>
                    <a:pt x="1922" y="252"/>
                  </a:lnTo>
                  <a:lnTo>
                    <a:pt x="1928" y="246"/>
                  </a:lnTo>
                  <a:lnTo>
                    <a:pt x="1934" y="242"/>
                  </a:lnTo>
                  <a:lnTo>
                    <a:pt x="1940" y="238"/>
                  </a:lnTo>
                  <a:lnTo>
                    <a:pt x="1946" y="234"/>
                  </a:lnTo>
                  <a:lnTo>
                    <a:pt x="1952" y="228"/>
                  </a:lnTo>
                  <a:lnTo>
                    <a:pt x="1972" y="194"/>
                  </a:lnTo>
                  <a:lnTo>
                    <a:pt x="1982" y="180"/>
                  </a:lnTo>
                  <a:lnTo>
                    <a:pt x="1990" y="172"/>
                  </a:lnTo>
                  <a:lnTo>
                    <a:pt x="2000" y="160"/>
                  </a:lnTo>
                  <a:lnTo>
                    <a:pt x="2010" y="144"/>
                  </a:lnTo>
                  <a:lnTo>
                    <a:pt x="2014" y="138"/>
                  </a:lnTo>
                  <a:lnTo>
                    <a:pt x="2014" y="130"/>
                  </a:lnTo>
                  <a:lnTo>
                    <a:pt x="2008" y="96"/>
                  </a:lnTo>
                  <a:lnTo>
                    <a:pt x="2004" y="90"/>
                  </a:lnTo>
                  <a:lnTo>
                    <a:pt x="2000" y="84"/>
                  </a:lnTo>
                  <a:lnTo>
                    <a:pt x="1972" y="64"/>
                  </a:lnTo>
                  <a:lnTo>
                    <a:pt x="1958" y="56"/>
                  </a:lnTo>
                  <a:lnTo>
                    <a:pt x="1944" y="52"/>
                  </a:lnTo>
                  <a:lnTo>
                    <a:pt x="1940" y="48"/>
                  </a:lnTo>
                  <a:lnTo>
                    <a:pt x="1938" y="44"/>
                  </a:lnTo>
                  <a:lnTo>
                    <a:pt x="1934" y="32"/>
                  </a:lnTo>
                  <a:lnTo>
                    <a:pt x="1922" y="8"/>
                  </a:lnTo>
                  <a:lnTo>
                    <a:pt x="1916" y="2"/>
                  </a:lnTo>
                  <a:lnTo>
                    <a:pt x="1910" y="0"/>
                  </a:lnTo>
                  <a:lnTo>
                    <a:pt x="1886" y="0"/>
                  </a:lnTo>
                  <a:lnTo>
                    <a:pt x="1880" y="2"/>
                  </a:lnTo>
                  <a:lnTo>
                    <a:pt x="1872" y="6"/>
                  </a:lnTo>
                  <a:lnTo>
                    <a:pt x="1844" y="34"/>
                  </a:lnTo>
                  <a:lnTo>
                    <a:pt x="1840" y="40"/>
                  </a:lnTo>
                  <a:lnTo>
                    <a:pt x="1838" y="48"/>
                  </a:lnTo>
                  <a:lnTo>
                    <a:pt x="1832" y="70"/>
                  </a:lnTo>
                  <a:lnTo>
                    <a:pt x="1828" y="78"/>
                  </a:lnTo>
                  <a:lnTo>
                    <a:pt x="1822" y="82"/>
                  </a:lnTo>
                  <a:lnTo>
                    <a:pt x="1788" y="104"/>
                  </a:lnTo>
                  <a:lnTo>
                    <a:pt x="1780" y="106"/>
                  </a:lnTo>
                  <a:lnTo>
                    <a:pt x="1774" y="104"/>
                  </a:lnTo>
                  <a:lnTo>
                    <a:pt x="1758" y="92"/>
                  </a:lnTo>
                  <a:lnTo>
                    <a:pt x="1750" y="90"/>
                  </a:lnTo>
                  <a:lnTo>
                    <a:pt x="1744" y="92"/>
                  </a:lnTo>
                  <a:lnTo>
                    <a:pt x="1710" y="106"/>
                  </a:lnTo>
                  <a:lnTo>
                    <a:pt x="1696" y="112"/>
                  </a:lnTo>
                  <a:lnTo>
                    <a:pt x="1660" y="134"/>
                  </a:lnTo>
                  <a:lnTo>
                    <a:pt x="1648" y="144"/>
                  </a:lnTo>
                  <a:lnTo>
                    <a:pt x="1630" y="162"/>
                  </a:lnTo>
                  <a:lnTo>
                    <a:pt x="1626" y="168"/>
                  </a:lnTo>
                  <a:lnTo>
                    <a:pt x="1622" y="174"/>
                  </a:lnTo>
                  <a:lnTo>
                    <a:pt x="1616" y="218"/>
                  </a:lnTo>
                  <a:lnTo>
                    <a:pt x="1612" y="224"/>
                  </a:lnTo>
                  <a:lnTo>
                    <a:pt x="1606" y="228"/>
                  </a:lnTo>
                  <a:lnTo>
                    <a:pt x="1544" y="244"/>
                  </a:lnTo>
                  <a:lnTo>
                    <a:pt x="1536" y="246"/>
                  </a:lnTo>
                  <a:lnTo>
                    <a:pt x="1532" y="252"/>
                  </a:lnTo>
                  <a:lnTo>
                    <a:pt x="1530" y="258"/>
                  </a:lnTo>
                  <a:lnTo>
                    <a:pt x="1528" y="264"/>
                  </a:lnTo>
                  <a:lnTo>
                    <a:pt x="1526" y="272"/>
                  </a:lnTo>
                  <a:lnTo>
                    <a:pt x="1526" y="306"/>
                  </a:lnTo>
                  <a:lnTo>
                    <a:pt x="1524" y="310"/>
                  </a:lnTo>
                  <a:lnTo>
                    <a:pt x="1522" y="308"/>
                  </a:lnTo>
                  <a:lnTo>
                    <a:pt x="1516" y="304"/>
                  </a:lnTo>
                  <a:lnTo>
                    <a:pt x="1508" y="302"/>
                  </a:lnTo>
                  <a:lnTo>
                    <a:pt x="1494" y="296"/>
                  </a:lnTo>
                  <a:lnTo>
                    <a:pt x="1488" y="296"/>
                  </a:lnTo>
                  <a:lnTo>
                    <a:pt x="1482" y="300"/>
                  </a:lnTo>
                  <a:lnTo>
                    <a:pt x="1472" y="316"/>
                  </a:lnTo>
                  <a:lnTo>
                    <a:pt x="1468" y="320"/>
                  </a:lnTo>
                  <a:lnTo>
                    <a:pt x="1464" y="320"/>
                  </a:lnTo>
                  <a:lnTo>
                    <a:pt x="1462" y="318"/>
                  </a:lnTo>
                  <a:lnTo>
                    <a:pt x="1458" y="314"/>
                  </a:lnTo>
                  <a:lnTo>
                    <a:pt x="1458" y="308"/>
                  </a:lnTo>
                  <a:lnTo>
                    <a:pt x="1456" y="304"/>
                  </a:lnTo>
                  <a:lnTo>
                    <a:pt x="1452" y="298"/>
                  </a:lnTo>
                  <a:lnTo>
                    <a:pt x="1444" y="290"/>
                  </a:lnTo>
                  <a:lnTo>
                    <a:pt x="1438" y="286"/>
                  </a:lnTo>
                  <a:lnTo>
                    <a:pt x="1434" y="284"/>
                  </a:lnTo>
                  <a:lnTo>
                    <a:pt x="1428" y="286"/>
                  </a:lnTo>
                  <a:lnTo>
                    <a:pt x="1426" y="292"/>
                  </a:lnTo>
                  <a:lnTo>
                    <a:pt x="1420" y="306"/>
                  </a:lnTo>
                  <a:lnTo>
                    <a:pt x="1418" y="322"/>
                  </a:lnTo>
                  <a:lnTo>
                    <a:pt x="1418" y="336"/>
                  </a:lnTo>
                  <a:lnTo>
                    <a:pt x="1418" y="352"/>
                  </a:lnTo>
                  <a:lnTo>
                    <a:pt x="1418" y="374"/>
                  </a:lnTo>
                  <a:lnTo>
                    <a:pt x="1416" y="382"/>
                  </a:lnTo>
                  <a:lnTo>
                    <a:pt x="1414" y="388"/>
                  </a:lnTo>
                  <a:lnTo>
                    <a:pt x="1412" y="388"/>
                  </a:lnTo>
                  <a:lnTo>
                    <a:pt x="1408" y="388"/>
                  </a:lnTo>
                  <a:lnTo>
                    <a:pt x="1404" y="384"/>
                  </a:lnTo>
                  <a:lnTo>
                    <a:pt x="1402" y="380"/>
                  </a:lnTo>
                  <a:lnTo>
                    <a:pt x="1400" y="372"/>
                  </a:lnTo>
                  <a:lnTo>
                    <a:pt x="1400" y="364"/>
                  </a:lnTo>
                  <a:lnTo>
                    <a:pt x="1406" y="340"/>
                  </a:lnTo>
                  <a:lnTo>
                    <a:pt x="1408" y="334"/>
                  </a:lnTo>
                  <a:lnTo>
                    <a:pt x="1406" y="326"/>
                  </a:lnTo>
                  <a:lnTo>
                    <a:pt x="1402" y="312"/>
                  </a:lnTo>
                  <a:lnTo>
                    <a:pt x="1398" y="296"/>
                  </a:lnTo>
                  <a:lnTo>
                    <a:pt x="1398" y="292"/>
                  </a:lnTo>
                  <a:lnTo>
                    <a:pt x="1396" y="286"/>
                  </a:lnTo>
                  <a:lnTo>
                    <a:pt x="1392" y="282"/>
                  </a:lnTo>
                  <a:lnTo>
                    <a:pt x="1376" y="278"/>
                  </a:lnTo>
                  <a:lnTo>
                    <a:pt x="1362" y="274"/>
                  </a:lnTo>
                  <a:lnTo>
                    <a:pt x="1348" y="274"/>
                  </a:lnTo>
                  <a:lnTo>
                    <a:pt x="1342" y="276"/>
                  </a:lnTo>
                  <a:lnTo>
                    <a:pt x="1338" y="282"/>
                  </a:lnTo>
                  <a:lnTo>
                    <a:pt x="1322" y="336"/>
                  </a:lnTo>
                  <a:lnTo>
                    <a:pt x="1320" y="342"/>
                  </a:lnTo>
                  <a:lnTo>
                    <a:pt x="1316" y="348"/>
                  </a:lnTo>
                  <a:lnTo>
                    <a:pt x="1308" y="360"/>
                  </a:lnTo>
                  <a:lnTo>
                    <a:pt x="1304" y="366"/>
                  </a:lnTo>
                  <a:lnTo>
                    <a:pt x="1304" y="372"/>
                  </a:lnTo>
                  <a:lnTo>
                    <a:pt x="1304" y="380"/>
                  </a:lnTo>
                  <a:lnTo>
                    <a:pt x="1308" y="384"/>
                  </a:lnTo>
                  <a:lnTo>
                    <a:pt x="1310" y="392"/>
                  </a:lnTo>
                  <a:lnTo>
                    <a:pt x="1310" y="400"/>
                  </a:lnTo>
                  <a:lnTo>
                    <a:pt x="1310" y="414"/>
                  </a:lnTo>
                  <a:lnTo>
                    <a:pt x="1310" y="426"/>
                  </a:lnTo>
                  <a:lnTo>
                    <a:pt x="1312" y="432"/>
                  </a:lnTo>
                  <a:lnTo>
                    <a:pt x="1316" y="436"/>
                  </a:lnTo>
                  <a:lnTo>
                    <a:pt x="1334" y="454"/>
                  </a:lnTo>
                  <a:lnTo>
                    <a:pt x="1338" y="460"/>
                  </a:lnTo>
                  <a:lnTo>
                    <a:pt x="1336" y="468"/>
                  </a:lnTo>
                  <a:lnTo>
                    <a:pt x="1324" y="484"/>
                  </a:lnTo>
                  <a:lnTo>
                    <a:pt x="1322" y="486"/>
                  </a:lnTo>
                  <a:lnTo>
                    <a:pt x="1320" y="486"/>
                  </a:lnTo>
                  <a:lnTo>
                    <a:pt x="1318" y="486"/>
                  </a:lnTo>
                  <a:lnTo>
                    <a:pt x="1314" y="484"/>
                  </a:lnTo>
                  <a:lnTo>
                    <a:pt x="1296" y="466"/>
                  </a:lnTo>
                  <a:lnTo>
                    <a:pt x="1284" y="456"/>
                  </a:lnTo>
                  <a:lnTo>
                    <a:pt x="1258" y="436"/>
                  </a:lnTo>
                  <a:lnTo>
                    <a:pt x="1252" y="432"/>
                  </a:lnTo>
                  <a:lnTo>
                    <a:pt x="1244" y="432"/>
                  </a:lnTo>
                  <a:lnTo>
                    <a:pt x="1230" y="432"/>
                  </a:lnTo>
                  <a:lnTo>
                    <a:pt x="1214" y="432"/>
                  </a:lnTo>
                  <a:lnTo>
                    <a:pt x="1212" y="432"/>
                  </a:lnTo>
                  <a:lnTo>
                    <a:pt x="1208" y="432"/>
                  </a:lnTo>
                  <a:lnTo>
                    <a:pt x="1206" y="434"/>
                  </a:lnTo>
                  <a:lnTo>
                    <a:pt x="1204" y="436"/>
                  </a:lnTo>
                  <a:lnTo>
                    <a:pt x="1204" y="440"/>
                  </a:lnTo>
                  <a:lnTo>
                    <a:pt x="1204" y="452"/>
                  </a:lnTo>
                  <a:lnTo>
                    <a:pt x="1202" y="460"/>
                  </a:lnTo>
                  <a:lnTo>
                    <a:pt x="1198" y="466"/>
                  </a:lnTo>
                  <a:lnTo>
                    <a:pt x="1192" y="468"/>
                  </a:lnTo>
                  <a:lnTo>
                    <a:pt x="1186" y="466"/>
                  </a:lnTo>
                  <a:lnTo>
                    <a:pt x="1180" y="464"/>
                  </a:lnTo>
                  <a:lnTo>
                    <a:pt x="1174" y="462"/>
                  </a:lnTo>
                  <a:lnTo>
                    <a:pt x="1166" y="464"/>
                  </a:lnTo>
                  <a:lnTo>
                    <a:pt x="1162" y="466"/>
                  </a:lnTo>
                  <a:lnTo>
                    <a:pt x="1146" y="474"/>
                  </a:lnTo>
                  <a:lnTo>
                    <a:pt x="1142" y="476"/>
                  </a:lnTo>
                  <a:lnTo>
                    <a:pt x="1134" y="478"/>
                  </a:lnTo>
                  <a:lnTo>
                    <a:pt x="1126" y="480"/>
                  </a:lnTo>
                  <a:lnTo>
                    <a:pt x="1124" y="480"/>
                  </a:lnTo>
                  <a:lnTo>
                    <a:pt x="1116" y="478"/>
                  </a:lnTo>
                  <a:lnTo>
                    <a:pt x="1110" y="476"/>
                  </a:lnTo>
                  <a:lnTo>
                    <a:pt x="1104" y="472"/>
                  </a:lnTo>
                  <a:lnTo>
                    <a:pt x="1098" y="474"/>
                  </a:lnTo>
                  <a:lnTo>
                    <a:pt x="1092" y="476"/>
                  </a:lnTo>
                  <a:lnTo>
                    <a:pt x="1078" y="484"/>
                  </a:lnTo>
                  <a:lnTo>
                    <a:pt x="1062" y="496"/>
                  </a:lnTo>
                  <a:lnTo>
                    <a:pt x="1050" y="504"/>
                  </a:lnTo>
                  <a:lnTo>
                    <a:pt x="1024" y="516"/>
                  </a:lnTo>
                  <a:lnTo>
                    <a:pt x="1012" y="520"/>
                  </a:lnTo>
                  <a:lnTo>
                    <a:pt x="1008" y="522"/>
                  </a:lnTo>
                  <a:lnTo>
                    <a:pt x="1004" y="526"/>
                  </a:lnTo>
                  <a:lnTo>
                    <a:pt x="1000" y="540"/>
                  </a:lnTo>
                  <a:lnTo>
                    <a:pt x="996" y="546"/>
                  </a:lnTo>
                  <a:lnTo>
                    <a:pt x="992" y="548"/>
                  </a:lnTo>
                  <a:lnTo>
                    <a:pt x="988" y="546"/>
                  </a:lnTo>
                  <a:lnTo>
                    <a:pt x="982" y="542"/>
                  </a:lnTo>
                  <a:lnTo>
                    <a:pt x="974" y="534"/>
                  </a:lnTo>
                  <a:lnTo>
                    <a:pt x="972" y="530"/>
                  </a:lnTo>
                  <a:lnTo>
                    <a:pt x="972" y="526"/>
                  </a:lnTo>
                  <a:lnTo>
                    <a:pt x="974" y="524"/>
                  </a:lnTo>
                  <a:lnTo>
                    <a:pt x="982" y="514"/>
                  </a:lnTo>
                  <a:lnTo>
                    <a:pt x="986" y="508"/>
                  </a:lnTo>
                  <a:lnTo>
                    <a:pt x="988" y="502"/>
                  </a:lnTo>
                  <a:lnTo>
                    <a:pt x="988" y="498"/>
                  </a:lnTo>
                  <a:lnTo>
                    <a:pt x="986" y="492"/>
                  </a:lnTo>
                  <a:lnTo>
                    <a:pt x="980" y="486"/>
                  </a:lnTo>
                  <a:lnTo>
                    <a:pt x="976" y="484"/>
                  </a:lnTo>
                  <a:lnTo>
                    <a:pt x="964" y="480"/>
                  </a:lnTo>
                  <a:lnTo>
                    <a:pt x="950" y="480"/>
                  </a:lnTo>
                  <a:lnTo>
                    <a:pt x="946" y="480"/>
                  </a:lnTo>
                  <a:lnTo>
                    <a:pt x="944" y="480"/>
                  </a:lnTo>
                  <a:lnTo>
                    <a:pt x="942" y="482"/>
                  </a:lnTo>
                  <a:lnTo>
                    <a:pt x="942" y="484"/>
                  </a:lnTo>
                  <a:lnTo>
                    <a:pt x="942" y="488"/>
                  </a:lnTo>
                  <a:lnTo>
                    <a:pt x="944" y="492"/>
                  </a:lnTo>
                  <a:lnTo>
                    <a:pt x="948" y="500"/>
                  </a:lnTo>
                  <a:lnTo>
                    <a:pt x="948" y="508"/>
                  </a:lnTo>
                  <a:lnTo>
                    <a:pt x="948" y="520"/>
                  </a:lnTo>
                  <a:lnTo>
                    <a:pt x="950" y="528"/>
                  </a:lnTo>
                  <a:lnTo>
                    <a:pt x="952" y="536"/>
                  </a:lnTo>
                  <a:lnTo>
                    <a:pt x="954" y="542"/>
                  </a:lnTo>
                  <a:lnTo>
                    <a:pt x="956" y="548"/>
                  </a:lnTo>
                  <a:lnTo>
                    <a:pt x="956" y="556"/>
                  </a:lnTo>
                  <a:lnTo>
                    <a:pt x="952" y="570"/>
                  </a:lnTo>
                  <a:lnTo>
                    <a:pt x="948" y="574"/>
                  </a:lnTo>
                  <a:lnTo>
                    <a:pt x="946" y="574"/>
                  </a:lnTo>
                  <a:lnTo>
                    <a:pt x="944" y="572"/>
                  </a:lnTo>
                  <a:lnTo>
                    <a:pt x="938" y="570"/>
                  </a:lnTo>
                  <a:lnTo>
                    <a:pt x="930" y="568"/>
                  </a:lnTo>
                  <a:lnTo>
                    <a:pt x="928" y="568"/>
                  </a:lnTo>
                  <a:lnTo>
                    <a:pt x="920" y="570"/>
                  </a:lnTo>
                  <a:lnTo>
                    <a:pt x="914" y="572"/>
                  </a:lnTo>
                  <a:lnTo>
                    <a:pt x="902" y="582"/>
                  </a:lnTo>
                  <a:lnTo>
                    <a:pt x="896" y="584"/>
                  </a:lnTo>
                  <a:lnTo>
                    <a:pt x="884" y="592"/>
                  </a:lnTo>
                  <a:lnTo>
                    <a:pt x="882" y="598"/>
                  </a:lnTo>
                  <a:lnTo>
                    <a:pt x="884" y="604"/>
                  </a:lnTo>
                  <a:lnTo>
                    <a:pt x="896" y="630"/>
                  </a:lnTo>
                  <a:lnTo>
                    <a:pt x="898" y="634"/>
                  </a:lnTo>
                  <a:lnTo>
                    <a:pt x="894" y="632"/>
                  </a:lnTo>
                  <a:lnTo>
                    <a:pt x="888" y="628"/>
                  </a:lnTo>
                  <a:lnTo>
                    <a:pt x="882" y="626"/>
                  </a:lnTo>
                  <a:lnTo>
                    <a:pt x="868" y="626"/>
                  </a:lnTo>
                  <a:lnTo>
                    <a:pt x="860" y="626"/>
                  </a:lnTo>
                  <a:lnTo>
                    <a:pt x="854" y="624"/>
                  </a:lnTo>
                  <a:lnTo>
                    <a:pt x="848" y="620"/>
                  </a:lnTo>
                  <a:lnTo>
                    <a:pt x="842" y="620"/>
                  </a:lnTo>
                  <a:lnTo>
                    <a:pt x="840" y="622"/>
                  </a:lnTo>
                  <a:lnTo>
                    <a:pt x="842" y="630"/>
                  </a:lnTo>
                  <a:lnTo>
                    <a:pt x="842" y="632"/>
                  </a:lnTo>
                  <a:lnTo>
                    <a:pt x="836" y="630"/>
                  </a:lnTo>
                  <a:lnTo>
                    <a:pt x="818" y="624"/>
                  </a:lnTo>
                  <a:lnTo>
                    <a:pt x="812" y="622"/>
                  </a:lnTo>
                  <a:lnTo>
                    <a:pt x="808" y="616"/>
                  </a:lnTo>
                  <a:lnTo>
                    <a:pt x="804" y="604"/>
                  </a:lnTo>
                  <a:lnTo>
                    <a:pt x="804" y="598"/>
                  </a:lnTo>
                  <a:lnTo>
                    <a:pt x="806" y="592"/>
                  </a:lnTo>
                  <a:lnTo>
                    <a:pt x="810" y="588"/>
                  </a:lnTo>
                  <a:lnTo>
                    <a:pt x="812" y="582"/>
                  </a:lnTo>
                  <a:lnTo>
                    <a:pt x="810" y="578"/>
                  </a:lnTo>
                  <a:lnTo>
                    <a:pt x="804" y="574"/>
                  </a:lnTo>
                  <a:lnTo>
                    <a:pt x="800" y="572"/>
                  </a:lnTo>
                  <a:lnTo>
                    <a:pt x="786" y="562"/>
                  </a:lnTo>
                  <a:lnTo>
                    <a:pt x="778" y="554"/>
                  </a:lnTo>
                  <a:lnTo>
                    <a:pt x="768" y="544"/>
                  </a:lnTo>
                  <a:lnTo>
                    <a:pt x="766" y="540"/>
                  </a:lnTo>
                  <a:lnTo>
                    <a:pt x="768" y="538"/>
                  </a:lnTo>
                  <a:lnTo>
                    <a:pt x="772" y="540"/>
                  </a:lnTo>
                  <a:lnTo>
                    <a:pt x="778" y="544"/>
                  </a:lnTo>
                  <a:lnTo>
                    <a:pt x="784" y="546"/>
                  </a:lnTo>
                  <a:lnTo>
                    <a:pt x="790" y="548"/>
                  </a:lnTo>
                  <a:lnTo>
                    <a:pt x="794" y="548"/>
                  </a:lnTo>
                  <a:lnTo>
                    <a:pt x="800" y="550"/>
                  </a:lnTo>
                  <a:lnTo>
                    <a:pt x="806" y="556"/>
                  </a:lnTo>
                  <a:lnTo>
                    <a:pt x="808" y="560"/>
                  </a:lnTo>
                  <a:lnTo>
                    <a:pt x="812" y="566"/>
                  </a:lnTo>
                  <a:lnTo>
                    <a:pt x="820" y="570"/>
                  </a:lnTo>
                  <a:lnTo>
                    <a:pt x="842" y="576"/>
                  </a:lnTo>
                  <a:lnTo>
                    <a:pt x="850" y="576"/>
                  </a:lnTo>
                  <a:lnTo>
                    <a:pt x="858" y="576"/>
                  </a:lnTo>
                  <a:lnTo>
                    <a:pt x="872" y="570"/>
                  </a:lnTo>
                  <a:lnTo>
                    <a:pt x="888" y="564"/>
                  </a:lnTo>
                  <a:lnTo>
                    <a:pt x="892" y="562"/>
                  </a:lnTo>
                  <a:lnTo>
                    <a:pt x="898" y="558"/>
                  </a:lnTo>
                  <a:lnTo>
                    <a:pt x="902" y="550"/>
                  </a:lnTo>
                  <a:lnTo>
                    <a:pt x="906" y="536"/>
                  </a:lnTo>
                  <a:lnTo>
                    <a:pt x="906" y="530"/>
                  </a:lnTo>
                  <a:lnTo>
                    <a:pt x="904" y="524"/>
                  </a:lnTo>
                  <a:lnTo>
                    <a:pt x="876" y="496"/>
                  </a:lnTo>
                  <a:lnTo>
                    <a:pt x="864" y="486"/>
                  </a:lnTo>
                  <a:lnTo>
                    <a:pt x="848" y="474"/>
                  </a:lnTo>
                  <a:lnTo>
                    <a:pt x="836" y="464"/>
                  </a:lnTo>
                  <a:lnTo>
                    <a:pt x="826" y="456"/>
                  </a:lnTo>
                  <a:lnTo>
                    <a:pt x="820" y="452"/>
                  </a:lnTo>
                  <a:lnTo>
                    <a:pt x="814" y="448"/>
                  </a:lnTo>
                  <a:lnTo>
                    <a:pt x="800" y="444"/>
                  </a:lnTo>
                  <a:lnTo>
                    <a:pt x="788" y="440"/>
                  </a:lnTo>
                  <a:lnTo>
                    <a:pt x="784" y="438"/>
                  </a:lnTo>
                  <a:lnTo>
                    <a:pt x="782" y="432"/>
                  </a:lnTo>
                  <a:lnTo>
                    <a:pt x="782" y="430"/>
                  </a:lnTo>
                  <a:lnTo>
                    <a:pt x="782" y="426"/>
                  </a:lnTo>
                  <a:lnTo>
                    <a:pt x="780" y="424"/>
                  </a:lnTo>
                  <a:lnTo>
                    <a:pt x="778" y="422"/>
                  </a:lnTo>
                  <a:lnTo>
                    <a:pt x="774" y="422"/>
                  </a:lnTo>
                  <a:lnTo>
                    <a:pt x="770" y="422"/>
                  </a:lnTo>
                  <a:lnTo>
                    <a:pt x="754" y="422"/>
                  </a:lnTo>
                  <a:lnTo>
                    <a:pt x="752" y="422"/>
                  </a:lnTo>
                  <a:lnTo>
                    <a:pt x="742" y="422"/>
                  </a:lnTo>
                  <a:lnTo>
                    <a:pt x="738" y="416"/>
                  </a:lnTo>
                  <a:lnTo>
                    <a:pt x="734" y="412"/>
                  </a:lnTo>
                  <a:lnTo>
                    <a:pt x="734" y="406"/>
                  </a:lnTo>
                  <a:lnTo>
                    <a:pt x="736" y="394"/>
                  </a:lnTo>
                  <a:lnTo>
                    <a:pt x="740" y="390"/>
                  </a:lnTo>
                  <a:lnTo>
                    <a:pt x="740" y="384"/>
                  </a:lnTo>
                  <a:lnTo>
                    <a:pt x="738" y="378"/>
                  </a:lnTo>
                  <a:lnTo>
                    <a:pt x="728" y="368"/>
                  </a:lnTo>
                  <a:lnTo>
                    <a:pt x="720" y="358"/>
                  </a:lnTo>
                  <a:lnTo>
                    <a:pt x="716" y="358"/>
                  </a:lnTo>
                  <a:lnTo>
                    <a:pt x="714" y="356"/>
                  </a:lnTo>
                  <a:lnTo>
                    <a:pt x="710" y="358"/>
                  </a:lnTo>
                  <a:lnTo>
                    <a:pt x="708" y="358"/>
                  </a:lnTo>
                  <a:lnTo>
                    <a:pt x="700" y="368"/>
                  </a:lnTo>
                  <a:lnTo>
                    <a:pt x="694" y="370"/>
                  </a:lnTo>
                  <a:lnTo>
                    <a:pt x="686" y="370"/>
                  </a:lnTo>
                  <a:lnTo>
                    <a:pt x="682" y="366"/>
                  </a:lnTo>
                  <a:lnTo>
                    <a:pt x="670" y="362"/>
                  </a:lnTo>
                  <a:lnTo>
                    <a:pt x="656" y="362"/>
                  </a:lnTo>
                  <a:lnTo>
                    <a:pt x="654" y="362"/>
                  </a:lnTo>
                  <a:lnTo>
                    <a:pt x="646" y="364"/>
                  </a:lnTo>
                  <a:lnTo>
                    <a:pt x="640" y="368"/>
                  </a:lnTo>
                  <a:lnTo>
                    <a:pt x="632" y="376"/>
                  </a:lnTo>
                  <a:lnTo>
                    <a:pt x="626" y="380"/>
                  </a:lnTo>
                  <a:lnTo>
                    <a:pt x="620" y="382"/>
                  </a:lnTo>
                  <a:lnTo>
                    <a:pt x="610" y="382"/>
                  </a:lnTo>
                  <a:lnTo>
                    <a:pt x="606" y="384"/>
                  </a:lnTo>
                  <a:lnTo>
                    <a:pt x="600" y="388"/>
                  </a:lnTo>
                  <a:lnTo>
                    <a:pt x="596" y="390"/>
                  </a:lnTo>
                  <a:lnTo>
                    <a:pt x="592" y="392"/>
                  </a:lnTo>
                  <a:lnTo>
                    <a:pt x="586" y="394"/>
                  </a:lnTo>
                  <a:lnTo>
                    <a:pt x="584" y="400"/>
                  </a:lnTo>
                  <a:lnTo>
                    <a:pt x="578" y="414"/>
                  </a:lnTo>
                  <a:lnTo>
                    <a:pt x="574" y="420"/>
                  </a:lnTo>
                  <a:lnTo>
                    <a:pt x="568" y="422"/>
                  </a:lnTo>
                  <a:lnTo>
                    <a:pt x="556" y="422"/>
                  </a:lnTo>
                  <a:lnTo>
                    <a:pt x="548" y="424"/>
                  </a:lnTo>
                  <a:lnTo>
                    <a:pt x="544" y="430"/>
                  </a:lnTo>
                  <a:lnTo>
                    <a:pt x="540" y="444"/>
                  </a:lnTo>
                  <a:lnTo>
                    <a:pt x="538" y="456"/>
                  </a:lnTo>
                  <a:lnTo>
                    <a:pt x="534" y="460"/>
                  </a:lnTo>
                  <a:lnTo>
                    <a:pt x="530" y="460"/>
                  </a:lnTo>
                  <a:lnTo>
                    <a:pt x="526" y="460"/>
                  </a:lnTo>
                  <a:lnTo>
                    <a:pt x="518" y="462"/>
                  </a:lnTo>
                  <a:lnTo>
                    <a:pt x="514" y="468"/>
                  </a:lnTo>
                  <a:lnTo>
                    <a:pt x="502" y="484"/>
                  </a:lnTo>
                  <a:lnTo>
                    <a:pt x="500" y="490"/>
                  </a:lnTo>
                  <a:lnTo>
                    <a:pt x="498" y="498"/>
                  </a:lnTo>
                  <a:lnTo>
                    <a:pt x="498" y="502"/>
                  </a:lnTo>
                  <a:lnTo>
                    <a:pt x="496" y="510"/>
                  </a:lnTo>
                  <a:lnTo>
                    <a:pt x="494" y="516"/>
                  </a:lnTo>
                  <a:lnTo>
                    <a:pt x="482" y="532"/>
                  </a:lnTo>
                  <a:lnTo>
                    <a:pt x="474" y="546"/>
                  </a:lnTo>
                  <a:lnTo>
                    <a:pt x="472" y="552"/>
                  </a:lnTo>
                  <a:lnTo>
                    <a:pt x="466" y="566"/>
                  </a:lnTo>
                  <a:lnTo>
                    <a:pt x="462" y="570"/>
                  </a:lnTo>
                  <a:lnTo>
                    <a:pt x="456" y="586"/>
                  </a:lnTo>
                  <a:lnTo>
                    <a:pt x="452" y="590"/>
                  </a:lnTo>
                  <a:lnTo>
                    <a:pt x="444" y="604"/>
                  </a:lnTo>
                  <a:lnTo>
                    <a:pt x="424" y="640"/>
                  </a:lnTo>
                  <a:lnTo>
                    <a:pt x="414" y="652"/>
                  </a:lnTo>
                  <a:lnTo>
                    <a:pt x="406" y="660"/>
                  </a:lnTo>
                  <a:lnTo>
                    <a:pt x="392" y="670"/>
                  </a:lnTo>
                  <a:lnTo>
                    <a:pt x="388" y="672"/>
                  </a:lnTo>
                  <a:lnTo>
                    <a:pt x="382" y="676"/>
                  </a:lnTo>
                  <a:lnTo>
                    <a:pt x="376" y="682"/>
                  </a:lnTo>
                  <a:lnTo>
                    <a:pt x="374" y="688"/>
                  </a:lnTo>
                  <a:lnTo>
                    <a:pt x="366" y="700"/>
                  </a:lnTo>
                  <a:lnTo>
                    <a:pt x="356" y="710"/>
                  </a:lnTo>
                  <a:lnTo>
                    <a:pt x="352" y="714"/>
                  </a:lnTo>
                  <a:lnTo>
                    <a:pt x="350" y="720"/>
                  </a:lnTo>
                  <a:lnTo>
                    <a:pt x="346" y="732"/>
                  </a:lnTo>
                  <a:lnTo>
                    <a:pt x="344" y="736"/>
                  </a:lnTo>
                  <a:lnTo>
                    <a:pt x="342" y="744"/>
                  </a:lnTo>
                  <a:lnTo>
                    <a:pt x="340" y="752"/>
                  </a:lnTo>
                  <a:lnTo>
                    <a:pt x="340" y="756"/>
                  </a:lnTo>
                  <a:lnTo>
                    <a:pt x="342" y="764"/>
                  </a:lnTo>
                  <a:lnTo>
                    <a:pt x="344" y="770"/>
                  </a:lnTo>
                  <a:lnTo>
                    <a:pt x="346" y="776"/>
                  </a:lnTo>
                  <a:lnTo>
                    <a:pt x="348" y="784"/>
                  </a:lnTo>
                  <a:lnTo>
                    <a:pt x="350" y="792"/>
                  </a:lnTo>
                  <a:lnTo>
                    <a:pt x="350" y="794"/>
                  </a:lnTo>
                  <a:lnTo>
                    <a:pt x="350" y="810"/>
                  </a:lnTo>
                  <a:lnTo>
                    <a:pt x="350" y="814"/>
                  </a:lnTo>
                  <a:lnTo>
                    <a:pt x="352" y="820"/>
                  </a:lnTo>
                  <a:lnTo>
                    <a:pt x="356" y="826"/>
                  </a:lnTo>
                  <a:lnTo>
                    <a:pt x="364" y="828"/>
                  </a:lnTo>
                  <a:lnTo>
                    <a:pt x="370" y="830"/>
                  </a:lnTo>
                  <a:lnTo>
                    <a:pt x="378" y="832"/>
                  </a:lnTo>
                  <a:lnTo>
                    <a:pt x="382" y="832"/>
                  </a:lnTo>
                  <a:lnTo>
                    <a:pt x="390" y="830"/>
                  </a:lnTo>
                  <a:lnTo>
                    <a:pt x="396" y="828"/>
                  </a:lnTo>
                  <a:lnTo>
                    <a:pt x="412" y="816"/>
                  </a:lnTo>
                  <a:lnTo>
                    <a:pt x="424" y="808"/>
                  </a:lnTo>
                  <a:lnTo>
                    <a:pt x="430" y="804"/>
                  </a:lnTo>
                  <a:lnTo>
                    <a:pt x="434" y="802"/>
                  </a:lnTo>
                  <a:lnTo>
                    <a:pt x="438" y="800"/>
                  </a:lnTo>
                  <a:lnTo>
                    <a:pt x="442" y="796"/>
                  </a:lnTo>
                  <a:lnTo>
                    <a:pt x="446" y="790"/>
                  </a:lnTo>
                  <a:lnTo>
                    <a:pt x="454" y="778"/>
                  </a:lnTo>
                  <a:lnTo>
                    <a:pt x="458" y="774"/>
                  </a:lnTo>
                  <a:lnTo>
                    <a:pt x="454" y="778"/>
                  </a:lnTo>
                  <a:lnTo>
                    <a:pt x="446" y="790"/>
                  </a:lnTo>
                  <a:lnTo>
                    <a:pt x="442" y="796"/>
                  </a:lnTo>
                  <a:lnTo>
                    <a:pt x="440" y="808"/>
                  </a:lnTo>
                  <a:lnTo>
                    <a:pt x="442" y="820"/>
                  </a:lnTo>
                  <a:lnTo>
                    <a:pt x="446" y="826"/>
                  </a:lnTo>
                  <a:lnTo>
                    <a:pt x="448" y="832"/>
                  </a:lnTo>
                  <a:lnTo>
                    <a:pt x="448" y="840"/>
                  </a:lnTo>
                  <a:lnTo>
                    <a:pt x="448" y="844"/>
                  </a:lnTo>
                  <a:lnTo>
                    <a:pt x="452" y="860"/>
                  </a:lnTo>
                  <a:lnTo>
                    <a:pt x="456" y="874"/>
                  </a:lnTo>
                  <a:lnTo>
                    <a:pt x="458" y="886"/>
                  </a:lnTo>
                  <a:lnTo>
                    <a:pt x="460" y="892"/>
                  </a:lnTo>
                  <a:lnTo>
                    <a:pt x="464" y="896"/>
                  </a:lnTo>
                  <a:lnTo>
                    <a:pt x="466" y="902"/>
                  </a:lnTo>
                  <a:lnTo>
                    <a:pt x="468" y="906"/>
                  </a:lnTo>
                  <a:lnTo>
                    <a:pt x="470" y="910"/>
                  </a:lnTo>
                  <a:lnTo>
                    <a:pt x="476" y="910"/>
                  </a:lnTo>
                  <a:lnTo>
                    <a:pt x="480" y="910"/>
                  </a:lnTo>
                  <a:lnTo>
                    <a:pt x="486" y="910"/>
                  </a:lnTo>
                  <a:lnTo>
                    <a:pt x="488" y="906"/>
                  </a:lnTo>
                  <a:lnTo>
                    <a:pt x="490" y="902"/>
                  </a:lnTo>
                  <a:lnTo>
                    <a:pt x="492" y="896"/>
                  </a:lnTo>
                  <a:lnTo>
                    <a:pt x="498" y="892"/>
                  </a:lnTo>
                  <a:lnTo>
                    <a:pt x="506" y="892"/>
                  </a:lnTo>
                  <a:lnTo>
                    <a:pt x="510" y="892"/>
                  </a:lnTo>
                  <a:lnTo>
                    <a:pt x="516" y="890"/>
                  </a:lnTo>
                  <a:lnTo>
                    <a:pt x="520" y="884"/>
                  </a:lnTo>
                  <a:lnTo>
                    <a:pt x="524" y="878"/>
                  </a:lnTo>
                  <a:lnTo>
                    <a:pt x="526" y="872"/>
                  </a:lnTo>
                  <a:lnTo>
                    <a:pt x="528" y="864"/>
                  </a:lnTo>
                  <a:lnTo>
                    <a:pt x="528" y="840"/>
                  </a:lnTo>
                  <a:lnTo>
                    <a:pt x="528" y="824"/>
                  </a:lnTo>
                  <a:lnTo>
                    <a:pt x="528" y="822"/>
                  </a:lnTo>
                  <a:lnTo>
                    <a:pt x="528" y="816"/>
                  </a:lnTo>
                  <a:lnTo>
                    <a:pt x="532" y="814"/>
                  </a:lnTo>
                  <a:lnTo>
                    <a:pt x="544" y="810"/>
                  </a:lnTo>
                  <a:lnTo>
                    <a:pt x="550" y="806"/>
                  </a:lnTo>
                  <a:lnTo>
                    <a:pt x="554" y="802"/>
                  </a:lnTo>
                  <a:lnTo>
                    <a:pt x="556" y="796"/>
                  </a:lnTo>
                  <a:lnTo>
                    <a:pt x="556" y="792"/>
                  </a:lnTo>
                  <a:lnTo>
                    <a:pt x="556" y="784"/>
                  </a:lnTo>
                  <a:lnTo>
                    <a:pt x="554" y="776"/>
                  </a:lnTo>
                  <a:lnTo>
                    <a:pt x="550" y="772"/>
                  </a:lnTo>
                  <a:lnTo>
                    <a:pt x="542" y="760"/>
                  </a:lnTo>
                  <a:lnTo>
                    <a:pt x="538" y="754"/>
                  </a:lnTo>
                  <a:lnTo>
                    <a:pt x="536" y="746"/>
                  </a:lnTo>
                  <a:lnTo>
                    <a:pt x="536" y="732"/>
                  </a:lnTo>
                  <a:lnTo>
                    <a:pt x="536" y="716"/>
                  </a:lnTo>
                  <a:lnTo>
                    <a:pt x="536" y="704"/>
                  </a:lnTo>
                  <a:lnTo>
                    <a:pt x="538" y="696"/>
                  </a:lnTo>
                  <a:lnTo>
                    <a:pt x="542" y="690"/>
                  </a:lnTo>
                  <a:lnTo>
                    <a:pt x="550" y="682"/>
                  </a:lnTo>
                  <a:lnTo>
                    <a:pt x="562" y="672"/>
                  </a:lnTo>
                  <a:lnTo>
                    <a:pt x="572" y="662"/>
                  </a:lnTo>
                  <a:lnTo>
                    <a:pt x="590" y="652"/>
                  </a:lnTo>
                  <a:lnTo>
                    <a:pt x="594" y="646"/>
                  </a:lnTo>
                  <a:lnTo>
                    <a:pt x="600" y="640"/>
                  </a:lnTo>
                  <a:lnTo>
                    <a:pt x="602" y="634"/>
                  </a:lnTo>
                  <a:lnTo>
                    <a:pt x="604" y="628"/>
                  </a:lnTo>
                  <a:lnTo>
                    <a:pt x="600" y="622"/>
                  </a:lnTo>
                  <a:lnTo>
                    <a:pt x="598" y="616"/>
                  </a:lnTo>
                  <a:lnTo>
                    <a:pt x="600" y="610"/>
                  </a:lnTo>
                  <a:lnTo>
                    <a:pt x="602" y="604"/>
                  </a:lnTo>
                  <a:lnTo>
                    <a:pt x="612" y="592"/>
                  </a:lnTo>
                  <a:lnTo>
                    <a:pt x="620" y="584"/>
                  </a:lnTo>
                  <a:lnTo>
                    <a:pt x="624" y="580"/>
                  </a:lnTo>
                  <a:lnTo>
                    <a:pt x="630" y="576"/>
                  </a:lnTo>
                  <a:lnTo>
                    <a:pt x="634" y="578"/>
                  </a:lnTo>
                  <a:lnTo>
                    <a:pt x="640" y="582"/>
                  </a:lnTo>
                  <a:lnTo>
                    <a:pt x="648" y="594"/>
                  </a:lnTo>
                  <a:lnTo>
                    <a:pt x="652" y="600"/>
                  </a:lnTo>
                  <a:lnTo>
                    <a:pt x="652" y="608"/>
                  </a:lnTo>
                  <a:lnTo>
                    <a:pt x="652" y="614"/>
                  </a:lnTo>
                  <a:lnTo>
                    <a:pt x="638" y="640"/>
                  </a:lnTo>
                  <a:lnTo>
                    <a:pt x="634" y="646"/>
                  </a:lnTo>
                  <a:lnTo>
                    <a:pt x="628" y="650"/>
                  </a:lnTo>
                  <a:lnTo>
                    <a:pt x="612" y="662"/>
                  </a:lnTo>
                  <a:lnTo>
                    <a:pt x="606" y="666"/>
                  </a:lnTo>
                  <a:lnTo>
                    <a:pt x="604" y="674"/>
                  </a:lnTo>
                  <a:lnTo>
                    <a:pt x="598" y="688"/>
                  </a:lnTo>
                  <a:lnTo>
                    <a:pt x="596" y="704"/>
                  </a:lnTo>
                  <a:lnTo>
                    <a:pt x="596" y="726"/>
                  </a:lnTo>
                  <a:lnTo>
                    <a:pt x="596" y="734"/>
                  </a:lnTo>
                  <a:lnTo>
                    <a:pt x="600" y="742"/>
                  </a:lnTo>
                  <a:lnTo>
                    <a:pt x="602" y="748"/>
                  </a:lnTo>
                  <a:lnTo>
                    <a:pt x="610" y="760"/>
                  </a:lnTo>
                  <a:lnTo>
                    <a:pt x="620" y="770"/>
                  </a:lnTo>
                  <a:lnTo>
                    <a:pt x="626" y="772"/>
                  </a:lnTo>
                  <a:lnTo>
                    <a:pt x="634" y="774"/>
                  </a:lnTo>
                  <a:lnTo>
                    <a:pt x="636" y="774"/>
                  </a:lnTo>
                  <a:lnTo>
                    <a:pt x="652" y="772"/>
                  </a:lnTo>
                  <a:lnTo>
                    <a:pt x="676" y="766"/>
                  </a:lnTo>
                  <a:lnTo>
                    <a:pt x="690" y="764"/>
                  </a:lnTo>
                  <a:lnTo>
                    <a:pt x="694" y="764"/>
                  </a:lnTo>
                  <a:lnTo>
                    <a:pt x="700" y="764"/>
                  </a:lnTo>
                  <a:lnTo>
                    <a:pt x="704" y="766"/>
                  </a:lnTo>
                  <a:lnTo>
                    <a:pt x="708" y="768"/>
                  </a:lnTo>
                  <a:lnTo>
                    <a:pt x="712" y="774"/>
                  </a:lnTo>
                  <a:lnTo>
                    <a:pt x="714" y="782"/>
                  </a:lnTo>
                  <a:lnTo>
                    <a:pt x="714" y="786"/>
                  </a:lnTo>
                  <a:lnTo>
                    <a:pt x="712" y="790"/>
                  </a:lnTo>
                  <a:lnTo>
                    <a:pt x="708" y="794"/>
                  </a:lnTo>
                  <a:lnTo>
                    <a:pt x="704" y="794"/>
                  </a:lnTo>
                  <a:lnTo>
                    <a:pt x="700" y="792"/>
                  </a:lnTo>
                  <a:lnTo>
                    <a:pt x="686" y="792"/>
                  </a:lnTo>
                  <a:lnTo>
                    <a:pt x="672" y="792"/>
                  </a:lnTo>
                  <a:lnTo>
                    <a:pt x="658" y="796"/>
                  </a:lnTo>
                  <a:lnTo>
                    <a:pt x="642" y="800"/>
                  </a:lnTo>
                  <a:lnTo>
                    <a:pt x="638" y="804"/>
                  </a:lnTo>
                  <a:lnTo>
                    <a:pt x="634" y="808"/>
                  </a:lnTo>
                  <a:lnTo>
                    <a:pt x="634" y="818"/>
                  </a:lnTo>
                  <a:lnTo>
                    <a:pt x="636" y="822"/>
                  </a:lnTo>
                  <a:lnTo>
                    <a:pt x="640" y="828"/>
                  </a:lnTo>
                  <a:lnTo>
                    <a:pt x="644" y="832"/>
                  </a:lnTo>
                  <a:lnTo>
                    <a:pt x="644" y="838"/>
                  </a:lnTo>
                  <a:lnTo>
                    <a:pt x="644" y="842"/>
                  </a:lnTo>
                  <a:lnTo>
                    <a:pt x="642" y="850"/>
                  </a:lnTo>
                  <a:lnTo>
                    <a:pt x="638" y="854"/>
                  </a:lnTo>
                  <a:lnTo>
                    <a:pt x="636" y="856"/>
                  </a:lnTo>
                  <a:lnTo>
                    <a:pt x="634" y="858"/>
                  </a:lnTo>
                  <a:lnTo>
                    <a:pt x="632" y="858"/>
                  </a:lnTo>
                  <a:lnTo>
                    <a:pt x="628" y="858"/>
                  </a:lnTo>
                  <a:lnTo>
                    <a:pt x="622" y="856"/>
                  </a:lnTo>
                  <a:lnTo>
                    <a:pt x="610" y="852"/>
                  </a:lnTo>
                  <a:lnTo>
                    <a:pt x="606" y="854"/>
                  </a:lnTo>
                  <a:lnTo>
                    <a:pt x="602" y="858"/>
                  </a:lnTo>
                  <a:lnTo>
                    <a:pt x="600" y="864"/>
                  </a:lnTo>
                  <a:lnTo>
                    <a:pt x="598" y="872"/>
                  </a:lnTo>
                  <a:lnTo>
                    <a:pt x="596" y="880"/>
                  </a:lnTo>
                  <a:lnTo>
                    <a:pt x="596" y="882"/>
                  </a:lnTo>
                  <a:lnTo>
                    <a:pt x="596" y="890"/>
                  </a:lnTo>
                  <a:lnTo>
                    <a:pt x="596" y="898"/>
                  </a:lnTo>
                  <a:lnTo>
                    <a:pt x="596" y="902"/>
                  </a:lnTo>
                  <a:lnTo>
                    <a:pt x="596" y="910"/>
                  </a:lnTo>
                  <a:lnTo>
                    <a:pt x="592" y="910"/>
                  </a:lnTo>
                  <a:lnTo>
                    <a:pt x="586" y="912"/>
                  </a:lnTo>
                  <a:lnTo>
                    <a:pt x="582" y="916"/>
                  </a:lnTo>
                  <a:lnTo>
                    <a:pt x="578" y="920"/>
                  </a:lnTo>
                  <a:lnTo>
                    <a:pt x="576" y="926"/>
                  </a:lnTo>
                  <a:lnTo>
                    <a:pt x="574" y="928"/>
                  </a:lnTo>
                  <a:lnTo>
                    <a:pt x="568" y="930"/>
                  </a:lnTo>
                  <a:lnTo>
                    <a:pt x="564" y="930"/>
                  </a:lnTo>
                  <a:lnTo>
                    <a:pt x="552" y="930"/>
                  </a:lnTo>
                  <a:lnTo>
                    <a:pt x="540" y="932"/>
                  </a:lnTo>
                  <a:lnTo>
                    <a:pt x="516" y="938"/>
                  </a:lnTo>
                  <a:lnTo>
                    <a:pt x="500" y="944"/>
                  </a:lnTo>
                  <a:lnTo>
                    <a:pt x="496" y="946"/>
                  </a:lnTo>
                  <a:lnTo>
                    <a:pt x="488" y="950"/>
                  </a:lnTo>
                  <a:lnTo>
                    <a:pt x="482" y="946"/>
                  </a:lnTo>
                  <a:lnTo>
                    <a:pt x="476" y="944"/>
                  </a:lnTo>
                  <a:lnTo>
                    <a:pt x="468" y="942"/>
                  </a:lnTo>
                  <a:lnTo>
                    <a:pt x="462" y="944"/>
                  </a:lnTo>
                  <a:lnTo>
                    <a:pt x="456" y="946"/>
                  </a:lnTo>
                  <a:lnTo>
                    <a:pt x="450" y="946"/>
                  </a:lnTo>
                  <a:lnTo>
                    <a:pt x="444" y="944"/>
                  </a:lnTo>
                  <a:lnTo>
                    <a:pt x="440" y="940"/>
                  </a:lnTo>
                  <a:lnTo>
                    <a:pt x="440" y="934"/>
                  </a:lnTo>
                  <a:lnTo>
                    <a:pt x="436" y="932"/>
                  </a:lnTo>
                  <a:lnTo>
                    <a:pt x="432" y="930"/>
                  </a:lnTo>
                  <a:lnTo>
                    <a:pt x="428" y="930"/>
                  </a:lnTo>
                  <a:lnTo>
                    <a:pt x="424" y="930"/>
                  </a:lnTo>
                  <a:lnTo>
                    <a:pt x="422" y="928"/>
                  </a:lnTo>
                  <a:lnTo>
                    <a:pt x="420" y="924"/>
                  </a:lnTo>
                  <a:lnTo>
                    <a:pt x="420" y="922"/>
                  </a:lnTo>
                  <a:lnTo>
                    <a:pt x="420" y="918"/>
                  </a:lnTo>
                  <a:lnTo>
                    <a:pt x="420" y="902"/>
                  </a:lnTo>
                  <a:lnTo>
                    <a:pt x="420" y="898"/>
                  </a:lnTo>
                  <a:lnTo>
                    <a:pt x="422" y="894"/>
                  </a:lnTo>
                  <a:lnTo>
                    <a:pt x="424" y="890"/>
                  </a:lnTo>
                  <a:lnTo>
                    <a:pt x="430" y="890"/>
                  </a:lnTo>
                  <a:lnTo>
                    <a:pt x="434" y="886"/>
                  </a:lnTo>
                  <a:lnTo>
                    <a:pt x="436" y="882"/>
                  </a:lnTo>
                  <a:lnTo>
                    <a:pt x="434" y="882"/>
                  </a:lnTo>
                  <a:lnTo>
                    <a:pt x="430" y="880"/>
                  </a:lnTo>
                  <a:lnTo>
                    <a:pt x="430" y="876"/>
                  </a:lnTo>
                  <a:lnTo>
                    <a:pt x="430" y="864"/>
                  </a:lnTo>
                  <a:lnTo>
                    <a:pt x="430" y="860"/>
                  </a:lnTo>
                  <a:lnTo>
                    <a:pt x="428" y="858"/>
                  </a:lnTo>
                  <a:lnTo>
                    <a:pt x="428" y="856"/>
                  </a:lnTo>
                  <a:lnTo>
                    <a:pt x="426" y="854"/>
                  </a:lnTo>
                  <a:lnTo>
                    <a:pt x="422" y="856"/>
                  </a:lnTo>
                  <a:lnTo>
                    <a:pt x="418" y="858"/>
                  </a:lnTo>
                  <a:lnTo>
                    <a:pt x="406" y="862"/>
                  </a:lnTo>
                  <a:lnTo>
                    <a:pt x="400" y="864"/>
                  </a:lnTo>
                  <a:lnTo>
                    <a:pt x="398" y="868"/>
                  </a:lnTo>
                  <a:lnTo>
                    <a:pt x="394" y="874"/>
                  </a:lnTo>
                  <a:lnTo>
                    <a:pt x="392" y="882"/>
                  </a:lnTo>
                  <a:lnTo>
                    <a:pt x="392" y="890"/>
                  </a:lnTo>
                  <a:lnTo>
                    <a:pt x="392" y="892"/>
                  </a:lnTo>
                  <a:lnTo>
                    <a:pt x="392" y="900"/>
                  </a:lnTo>
                  <a:lnTo>
                    <a:pt x="396" y="906"/>
                  </a:lnTo>
                  <a:lnTo>
                    <a:pt x="404" y="918"/>
                  </a:lnTo>
                  <a:lnTo>
                    <a:pt x="406" y="922"/>
                  </a:lnTo>
                  <a:lnTo>
                    <a:pt x="410" y="930"/>
                  </a:lnTo>
                  <a:lnTo>
                    <a:pt x="406" y="936"/>
                  </a:lnTo>
                  <a:lnTo>
                    <a:pt x="404" y="942"/>
                  </a:lnTo>
                  <a:lnTo>
                    <a:pt x="400" y="954"/>
                  </a:lnTo>
                  <a:lnTo>
                    <a:pt x="398" y="958"/>
                  </a:lnTo>
                  <a:lnTo>
                    <a:pt x="396" y="958"/>
                  </a:lnTo>
                  <a:lnTo>
                    <a:pt x="386" y="958"/>
                  </a:lnTo>
                  <a:lnTo>
                    <a:pt x="380" y="960"/>
                  </a:lnTo>
                  <a:lnTo>
                    <a:pt x="376" y="960"/>
                  </a:lnTo>
                  <a:lnTo>
                    <a:pt x="364" y="964"/>
                  </a:lnTo>
                  <a:lnTo>
                    <a:pt x="358" y="966"/>
                  </a:lnTo>
                  <a:lnTo>
                    <a:pt x="352" y="970"/>
                  </a:lnTo>
                  <a:lnTo>
                    <a:pt x="346" y="976"/>
                  </a:lnTo>
                  <a:lnTo>
                    <a:pt x="336" y="992"/>
                  </a:lnTo>
                  <a:lnTo>
                    <a:pt x="326" y="1004"/>
                  </a:lnTo>
                  <a:lnTo>
                    <a:pt x="320" y="1008"/>
                  </a:lnTo>
                  <a:lnTo>
                    <a:pt x="316" y="1012"/>
                  </a:lnTo>
                  <a:lnTo>
                    <a:pt x="312" y="1018"/>
                  </a:lnTo>
                  <a:lnTo>
                    <a:pt x="306" y="1024"/>
                  </a:lnTo>
                  <a:lnTo>
                    <a:pt x="298" y="1034"/>
                  </a:lnTo>
                  <a:lnTo>
                    <a:pt x="296" y="1040"/>
                  </a:lnTo>
                  <a:lnTo>
                    <a:pt x="292" y="1046"/>
                  </a:lnTo>
                  <a:lnTo>
                    <a:pt x="288" y="1048"/>
                  </a:lnTo>
                  <a:lnTo>
                    <a:pt x="282" y="1050"/>
                  </a:lnTo>
                  <a:lnTo>
                    <a:pt x="278" y="1054"/>
                  </a:lnTo>
                  <a:lnTo>
                    <a:pt x="276" y="1060"/>
                  </a:lnTo>
                  <a:lnTo>
                    <a:pt x="272" y="1064"/>
                  </a:lnTo>
                  <a:lnTo>
                    <a:pt x="264" y="1066"/>
                  </a:lnTo>
                  <a:lnTo>
                    <a:pt x="260" y="1066"/>
                  </a:lnTo>
                  <a:lnTo>
                    <a:pt x="256" y="1066"/>
                  </a:lnTo>
                  <a:lnTo>
                    <a:pt x="252" y="1062"/>
                  </a:lnTo>
                  <a:lnTo>
                    <a:pt x="252" y="1058"/>
                  </a:lnTo>
                  <a:lnTo>
                    <a:pt x="248" y="1058"/>
                  </a:lnTo>
                  <a:lnTo>
                    <a:pt x="244" y="1058"/>
                  </a:lnTo>
                  <a:lnTo>
                    <a:pt x="242" y="1062"/>
                  </a:lnTo>
                  <a:lnTo>
                    <a:pt x="242" y="1072"/>
                  </a:lnTo>
                  <a:lnTo>
                    <a:pt x="242" y="1076"/>
                  </a:lnTo>
                  <a:lnTo>
                    <a:pt x="238" y="1076"/>
                  </a:lnTo>
                  <a:lnTo>
                    <a:pt x="228" y="1076"/>
                  </a:lnTo>
                  <a:lnTo>
                    <a:pt x="218" y="1076"/>
                  </a:lnTo>
                  <a:lnTo>
                    <a:pt x="206" y="1080"/>
                  </a:lnTo>
                  <a:lnTo>
                    <a:pt x="202" y="1082"/>
                  </a:lnTo>
                  <a:lnTo>
                    <a:pt x="196" y="1086"/>
                  </a:lnTo>
                  <a:lnTo>
                    <a:pt x="194" y="1092"/>
                  </a:lnTo>
                  <a:lnTo>
                    <a:pt x="196" y="1096"/>
                  </a:lnTo>
                  <a:lnTo>
                    <a:pt x="202" y="1100"/>
                  </a:lnTo>
                  <a:lnTo>
                    <a:pt x="206" y="1102"/>
                  </a:lnTo>
                  <a:lnTo>
                    <a:pt x="214" y="1106"/>
                  </a:lnTo>
                  <a:lnTo>
                    <a:pt x="222" y="1106"/>
                  </a:lnTo>
                  <a:lnTo>
                    <a:pt x="226" y="1106"/>
                  </a:lnTo>
                  <a:lnTo>
                    <a:pt x="230" y="1108"/>
                  </a:lnTo>
                  <a:lnTo>
                    <a:pt x="234" y="1110"/>
                  </a:lnTo>
                  <a:lnTo>
                    <a:pt x="234" y="1116"/>
                  </a:lnTo>
                  <a:lnTo>
                    <a:pt x="238" y="1120"/>
                  </a:lnTo>
                  <a:lnTo>
                    <a:pt x="242" y="1126"/>
                  </a:lnTo>
                  <a:lnTo>
                    <a:pt x="242" y="1134"/>
                  </a:lnTo>
                  <a:lnTo>
                    <a:pt x="242" y="1138"/>
                  </a:lnTo>
                  <a:lnTo>
                    <a:pt x="244" y="1142"/>
                  </a:lnTo>
                  <a:lnTo>
                    <a:pt x="248" y="1146"/>
                  </a:lnTo>
                  <a:lnTo>
                    <a:pt x="252" y="1148"/>
                  </a:lnTo>
                  <a:lnTo>
                    <a:pt x="252" y="1154"/>
                  </a:lnTo>
                  <a:lnTo>
                    <a:pt x="252" y="1156"/>
                  </a:lnTo>
                  <a:lnTo>
                    <a:pt x="250" y="1172"/>
                  </a:lnTo>
                  <a:lnTo>
                    <a:pt x="244" y="1196"/>
                  </a:lnTo>
                  <a:lnTo>
                    <a:pt x="242" y="1204"/>
                  </a:lnTo>
                  <a:lnTo>
                    <a:pt x="234" y="1202"/>
                  </a:lnTo>
                  <a:lnTo>
                    <a:pt x="192" y="1194"/>
                  </a:lnTo>
                  <a:lnTo>
                    <a:pt x="176" y="1194"/>
                  </a:lnTo>
                  <a:lnTo>
                    <a:pt x="162" y="1194"/>
                  </a:lnTo>
                  <a:lnTo>
                    <a:pt x="150" y="1194"/>
                  </a:lnTo>
                  <a:lnTo>
                    <a:pt x="140" y="1194"/>
                  </a:lnTo>
                  <a:lnTo>
                    <a:pt x="134" y="1196"/>
                  </a:lnTo>
                  <a:lnTo>
                    <a:pt x="130" y="1198"/>
                  </a:lnTo>
                  <a:lnTo>
                    <a:pt x="128" y="1204"/>
                  </a:lnTo>
                  <a:lnTo>
                    <a:pt x="128" y="1212"/>
                  </a:lnTo>
                  <a:lnTo>
                    <a:pt x="132" y="1226"/>
                  </a:lnTo>
                  <a:lnTo>
                    <a:pt x="134" y="1234"/>
                  </a:lnTo>
                  <a:lnTo>
                    <a:pt x="130" y="1234"/>
                  </a:lnTo>
                  <a:lnTo>
                    <a:pt x="128" y="1234"/>
                  </a:lnTo>
                  <a:lnTo>
                    <a:pt x="128" y="1236"/>
                  </a:lnTo>
                  <a:lnTo>
                    <a:pt x="128" y="1240"/>
                  </a:lnTo>
                  <a:lnTo>
                    <a:pt x="132" y="1246"/>
                  </a:lnTo>
                  <a:lnTo>
                    <a:pt x="134" y="1254"/>
                  </a:lnTo>
                  <a:lnTo>
                    <a:pt x="134" y="1262"/>
                  </a:lnTo>
                  <a:lnTo>
                    <a:pt x="134" y="1264"/>
                  </a:lnTo>
                  <a:lnTo>
                    <a:pt x="134" y="1272"/>
                  </a:lnTo>
                  <a:lnTo>
                    <a:pt x="132" y="1280"/>
                  </a:lnTo>
                  <a:lnTo>
                    <a:pt x="128" y="1286"/>
                  </a:lnTo>
                  <a:lnTo>
                    <a:pt x="128" y="1292"/>
                  </a:lnTo>
                  <a:lnTo>
                    <a:pt x="130" y="1298"/>
                  </a:lnTo>
                  <a:lnTo>
                    <a:pt x="134" y="1304"/>
                  </a:lnTo>
                  <a:lnTo>
                    <a:pt x="134" y="1310"/>
                  </a:lnTo>
                  <a:lnTo>
                    <a:pt x="134" y="1314"/>
                  </a:lnTo>
                  <a:lnTo>
                    <a:pt x="136" y="1316"/>
                  </a:lnTo>
                  <a:lnTo>
                    <a:pt x="138" y="1320"/>
                  </a:lnTo>
                  <a:lnTo>
                    <a:pt x="140" y="1322"/>
                  </a:lnTo>
                  <a:lnTo>
                    <a:pt x="142" y="1322"/>
                  </a:lnTo>
                  <a:lnTo>
                    <a:pt x="146" y="1322"/>
                  </a:lnTo>
                  <a:lnTo>
                    <a:pt x="154" y="1322"/>
                  </a:lnTo>
                  <a:lnTo>
                    <a:pt x="160" y="1322"/>
                  </a:lnTo>
                  <a:lnTo>
                    <a:pt x="164" y="1322"/>
                  </a:lnTo>
                  <a:lnTo>
                    <a:pt x="170" y="1326"/>
                  </a:lnTo>
                  <a:lnTo>
                    <a:pt x="178" y="1334"/>
                  </a:lnTo>
                  <a:lnTo>
                    <a:pt x="184" y="1338"/>
                  </a:lnTo>
                  <a:lnTo>
                    <a:pt x="192" y="1338"/>
                  </a:lnTo>
                  <a:lnTo>
                    <a:pt x="206" y="1334"/>
                  </a:lnTo>
                  <a:lnTo>
                    <a:pt x="220" y="1328"/>
                  </a:lnTo>
                  <a:lnTo>
                    <a:pt x="234" y="1324"/>
                  </a:lnTo>
                  <a:lnTo>
                    <a:pt x="242" y="1320"/>
                  </a:lnTo>
                  <a:lnTo>
                    <a:pt x="246" y="1314"/>
                  </a:lnTo>
                  <a:lnTo>
                    <a:pt x="248" y="1308"/>
                  </a:lnTo>
                  <a:lnTo>
                    <a:pt x="258" y="1296"/>
                  </a:lnTo>
                  <a:lnTo>
                    <a:pt x="266" y="1288"/>
                  </a:lnTo>
                  <a:lnTo>
                    <a:pt x="270" y="1282"/>
                  </a:lnTo>
                  <a:lnTo>
                    <a:pt x="272" y="1276"/>
                  </a:lnTo>
                  <a:lnTo>
                    <a:pt x="274" y="1264"/>
                  </a:lnTo>
                  <a:lnTo>
                    <a:pt x="280" y="1250"/>
                  </a:lnTo>
                  <a:lnTo>
                    <a:pt x="282" y="1244"/>
                  </a:lnTo>
                  <a:lnTo>
                    <a:pt x="288" y="1238"/>
                  </a:lnTo>
                  <a:lnTo>
                    <a:pt x="304" y="1228"/>
                  </a:lnTo>
                  <a:lnTo>
                    <a:pt x="310" y="1224"/>
                  </a:lnTo>
                  <a:lnTo>
                    <a:pt x="316" y="1216"/>
                  </a:lnTo>
                  <a:lnTo>
                    <a:pt x="318" y="1212"/>
                  </a:lnTo>
                  <a:lnTo>
                    <a:pt x="322" y="1206"/>
                  </a:lnTo>
                  <a:lnTo>
                    <a:pt x="326" y="1204"/>
                  </a:lnTo>
                  <a:lnTo>
                    <a:pt x="340" y="1204"/>
                  </a:lnTo>
                  <a:lnTo>
                    <a:pt x="342" y="1204"/>
                  </a:lnTo>
                  <a:lnTo>
                    <a:pt x="350" y="1202"/>
                  </a:lnTo>
                  <a:lnTo>
                    <a:pt x="358" y="1200"/>
                  </a:lnTo>
                  <a:lnTo>
                    <a:pt x="374" y="1188"/>
                  </a:lnTo>
                  <a:lnTo>
                    <a:pt x="380" y="1186"/>
                  </a:lnTo>
                  <a:lnTo>
                    <a:pt x="386" y="1184"/>
                  </a:lnTo>
                  <a:lnTo>
                    <a:pt x="390" y="1182"/>
                  </a:lnTo>
                  <a:lnTo>
                    <a:pt x="396" y="1180"/>
                  </a:lnTo>
                  <a:lnTo>
                    <a:pt x="402" y="1178"/>
                  </a:lnTo>
                  <a:lnTo>
                    <a:pt x="408" y="1178"/>
                  </a:lnTo>
                  <a:lnTo>
                    <a:pt x="412" y="1180"/>
                  </a:lnTo>
                  <a:lnTo>
                    <a:pt x="420" y="1186"/>
                  </a:lnTo>
                  <a:lnTo>
                    <a:pt x="424" y="1192"/>
                  </a:lnTo>
                  <a:lnTo>
                    <a:pt x="436" y="1208"/>
                  </a:lnTo>
                  <a:lnTo>
                    <a:pt x="444" y="1220"/>
                  </a:lnTo>
                  <a:lnTo>
                    <a:pt x="446" y="1226"/>
                  </a:lnTo>
                  <a:lnTo>
                    <a:pt x="450" y="1232"/>
                  </a:lnTo>
                  <a:lnTo>
                    <a:pt x="456" y="1236"/>
                  </a:lnTo>
                  <a:lnTo>
                    <a:pt x="482" y="1250"/>
                  </a:lnTo>
                  <a:lnTo>
                    <a:pt x="488" y="1254"/>
                  </a:lnTo>
                  <a:lnTo>
                    <a:pt x="492" y="1260"/>
                  </a:lnTo>
                  <a:lnTo>
                    <a:pt x="502" y="1274"/>
                  </a:lnTo>
                  <a:lnTo>
                    <a:pt x="506" y="1282"/>
                  </a:lnTo>
                  <a:lnTo>
                    <a:pt x="506" y="1290"/>
                  </a:lnTo>
                  <a:lnTo>
                    <a:pt x="506" y="1304"/>
                  </a:lnTo>
                  <a:lnTo>
                    <a:pt x="506" y="1312"/>
                  </a:lnTo>
                  <a:lnTo>
                    <a:pt x="508" y="1316"/>
                  </a:lnTo>
                  <a:lnTo>
                    <a:pt x="510" y="1316"/>
                  </a:lnTo>
                  <a:lnTo>
                    <a:pt x="512" y="1316"/>
                  </a:lnTo>
                  <a:lnTo>
                    <a:pt x="514" y="1312"/>
                  </a:lnTo>
                  <a:lnTo>
                    <a:pt x="518" y="1302"/>
                  </a:lnTo>
                  <a:lnTo>
                    <a:pt x="522" y="1294"/>
                  </a:lnTo>
                  <a:lnTo>
                    <a:pt x="524" y="1288"/>
                  </a:lnTo>
                  <a:lnTo>
                    <a:pt x="526" y="1282"/>
                  </a:lnTo>
                  <a:lnTo>
                    <a:pt x="528" y="1274"/>
                  </a:lnTo>
                  <a:lnTo>
                    <a:pt x="528" y="1270"/>
                  </a:lnTo>
                  <a:lnTo>
                    <a:pt x="528" y="1268"/>
                  </a:lnTo>
                  <a:lnTo>
                    <a:pt x="530" y="1266"/>
                  </a:lnTo>
                  <a:lnTo>
                    <a:pt x="532" y="1266"/>
                  </a:lnTo>
                  <a:lnTo>
                    <a:pt x="534" y="1266"/>
                  </a:lnTo>
                  <a:lnTo>
                    <a:pt x="540" y="1268"/>
                  </a:lnTo>
                  <a:lnTo>
                    <a:pt x="552" y="1272"/>
                  </a:lnTo>
                  <a:lnTo>
                    <a:pt x="554" y="1272"/>
                  </a:lnTo>
                  <a:lnTo>
                    <a:pt x="554" y="1270"/>
                  </a:lnTo>
                  <a:lnTo>
                    <a:pt x="552" y="1266"/>
                  </a:lnTo>
                  <a:lnTo>
                    <a:pt x="534" y="1248"/>
                  </a:lnTo>
                  <a:lnTo>
                    <a:pt x="520" y="1240"/>
                  </a:lnTo>
                  <a:lnTo>
                    <a:pt x="516" y="1236"/>
                  </a:lnTo>
                  <a:lnTo>
                    <a:pt x="504" y="1228"/>
                  </a:lnTo>
                  <a:lnTo>
                    <a:pt x="494" y="1216"/>
                  </a:lnTo>
                  <a:lnTo>
                    <a:pt x="484" y="1200"/>
                  </a:lnTo>
                  <a:lnTo>
                    <a:pt x="476" y="1188"/>
                  </a:lnTo>
                  <a:lnTo>
                    <a:pt x="472" y="1182"/>
                  </a:lnTo>
                  <a:lnTo>
                    <a:pt x="470" y="1174"/>
                  </a:lnTo>
                  <a:lnTo>
                    <a:pt x="468" y="1166"/>
                  </a:lnTo>
                  <a:lnTo>
                    <a:pt x="468" y="1164"/>
                  </a:lnTo>
                  <a:lnTo>
                    <a:pt x="470" y="1158"/>
                  </a:lnTo>
                  <a:lnTo>
                    <a:pt x="474" y="1156"/>
                  </a:lnTo>
                  <a:lnTo>
                    <a:pt x="478" y="1154"/>
                  </a:lnTo>
                  <a:lnTo>
                    <a:pt x="482" y="1156"/>
                  </a:lnTo>
                  <a:lnTo>
                    <a:pt x="488" y="1156"/>
                  </a:lnTo>
                  <a:lnTo>
                    <a:pt x="496" y="1162"/>
                  </a:lnTo>
                  <a:lnTo>
                    <a:pt x="502" y="1168"/>
                  </a:lnTo>
                  <a:lnTo>
                    <a:pt x="508" y="1176"/>
                  </a:lnTo>
                  <a:lnTo>
                    <a:pt x="510" y="1182"/>
                  </a:lnTo>
                  <a:lnTo>
                    <a:pt x="516" y="1196"/>
                  </a:lnTo>
                  <a:lnTo>
                    <a:pt x="520" y="1204"/>
                  </a:lnTo>
                  <a:lnTo>
                    <a:pt x="524" y="1208"/>
                  </a:lnTo>
                  <a:lnTo>
                    <a:pt x="540" y="1220"/>
                  </a:lnTo>
                  <a:lnTo>
                    <a:pt x="548" y="1224"/>
                  </a:lnTo>
                  <a:lnTo>
                    <a:pt x="552" y="1230"/>
                  </a:lnTo>
                  <a:lnTo>
                    <a:pt x="560" y="1238"/>
                  </a:lnTo>
                  <a:lnTo>
                    <a:pt x="564" y="1244"/>
                  </a:lnTo>
                  <a:lnTo>
                    <a:pt x="566" y="1248"/>
                  </a:lnTo>
                  <a:lnTo>
                    <a:pt x="570" y="1260"/>
                  </a:lnTo>
                  <a:lnTo>
                    <a:pt x="572" y="1266"/>
                  </a:lnTo>
                  <a:lnTo>
                    <a:pt x="576" y="1272"/>
                  </a:lnTo>
                  <a:lnTo>
                    <a:pt x="580" y="1280"/>
                  </a:lnTo>
                  <a:lnTo>
                    <a:pt x="584" y="1286"/>
                  </a:lnTo>
                  <a:lnTo>
                    <a:pt x="588" y="1290"/>
                  </a:lnTo>
                  <a:lnTo>
                    <a:pt x="594" y="1292"/>
                  </a:lnTo>
                  <a:lnTo>
                    <a:pt x="598" y="1292"/>
                  </a:lnTo>
                  <a:lnTo>
                    <a:pt x="602" y="1294"/>
                  </a:lnTo>
                  <a:lnTo>
                    <a:pt x="602" y="1296"/>
                  </a:lnTo>
                  <a:lnTo>
                    <a:pt x="602" y="1298"/>
                  </a:lnTo>
                  <a:lnTo>
                    <a:pt x="598" y="1304"/>
                  </a:lnTo>
                  <a:lnTo>
                    <a:pt x="596" y="1310"/>
                  </a:lnTo>
                  <a:lnTo>
                    <a:pt x="596" y="1314"/>
                  </a:lnTo>
                  <a:lnTo>
                    <a:pt x="598" y="1320"/>
                  </a:lnTo>
                  <a:lnTo>
                    <a:pt x="604" y="1326"/>
                  </a:lnTo>
                  <a:lnTo>
                    <a:pt x="608" y="1328"/>
                  </a:lnTo>
                  <a:lnTo>
                    <a:pt x="616" y="1330"/>
                  </a:lnTo>
                  <a:lnTo>
                    <a:pt x="620" y="1326"/>
                  </a:lnTo>
                  <a:lnTo>
                    <a:pt x="624" y="1322"/>
                  </a:lnTo>
                  <a:lnTo>
                    <a:pt x="626" y="1316"/>
                  </a:lnTo>
                  <a:lnTo>
                    <a:pt x="628" y="1312"/>
                  </a:lnTo>
                  <a:lnTo>
                    <a:pt x="632" y="1308"/>
                  </a:lnTo>
                  <a:lnTo>
                    <a:pt x="638" y="1306"/>
                  </a:lnTo>
                  <a:lnTo>
                    <a:pt x="640" y="1304"/>
                  </a:lnTo>
                  <a:lnTo>
                    <a:pt x="642" y="1302"/>
                  </a:lnTo>
                  <a:lnTo>
                    <a:pt x="640" y="1300"/>
                  </a:lnTo>
                  <a:lnTo>
                    <a:pt x="640" y="1296"/>
                  </a:lnTo>
                  <a:lnTo>
                    <a:pt x="632" y="1288"/>
                  </a:lnTo>
                  <a:lnTo>
                    <a:pt x="628" y="1282"/>
                  </a:lnTo>
                  <a:lnTo>
                    <a:pt x="626" y="1278"/>
                  </a:lnTo>
                  <a:lnTo>
                    <a:pt x="624" y="1272"/>
                  </a:lnTo>
                  <a:lnTo>
                    <a:pt x="620" y="1268"/>
                  </a:lnTo>
                  <a:lnTo>
                    <a:pt x="620" y="1266"/>
                  </a:lnTo>
                  <a:lnTo>
                    <a:pt x="620" y="1264"/>
                  </a:lnTo>
                  <a:lnTo>
                    <a:pt x="624" y="1260"/>
                  </a:lnTo>
                  <a:lnTo>
                    <a:pt x="638" y="1256"/>
                  </a:lnTo>
                  <a:lnTo>
                    <a:pt x="652" y="1254"/>
                  </a:lnTo>
                  <a:lnTo>
                    <a:pt x="656" y="1254"/>
                  </a:lnTo>
                  <a:lnTo>
                    <a:pt x="664" y="1254"/>
                  </a:lnTo>
                  <a:lnTo>
                    <a:pt x="668" y="1260"/>
                  </a:lnTo>
                  <a:lnTo>
                    <a:pt x="670" y="1266"/>
                  </a:lnTo>
                  <a:lnTo>
                    <a:pt x="674" y="1272"/>
                  </a:lnTo>
                  <a:lnTo>
                    <a:pt x="678" y="1280"/>
                  </a:lnTo>
                  <a:lnTo>
                    <a:pt x="680" y="1284"/>
                  </a:lnTo>
                  <a:lnTo>
                    <a:pt x="688" y="1300"/>
                  </a:lnTo>
                  <a:lnTo>
                    <a:pt x="690" y="1304"/>
                  </a:lnTo>
                  <a:lnTo>
                    <a:pt x="698" y="1318"/>
                  </a:lnTo>
                  <a:lnTo>
                    <a:pt x="700" y="1324"/>
                  </a:lnTo>
                  <a:lnTo>
                    <a:pt x="704" y="1328"/>
                  </a:lnTo>
                  <a:lnTo>
                    <a:pt x="712" y="1330"/>
                  </a:lnTo>
                  <a:lnTo>
                    <a:pt x="734" y="1330"/>
                  </a:lnTo>
                  <a:lnTo>
                    <a:pt x="748" y="1330"/>
                  </a:lnTo>
                  <a:lnTo>
                    <a:pt x="760" y="1334"/>
                  </a:lnTo>
                  <a:lnTo>
                    <a:pt x="774" y="1338"/>
                  </a:lnTo>
                  <a:lnTo>
                    <a:pt x="782" y="1338"/>
                  </a:lnTo>
                  <a:lnTo>
                    <a:pt x="788" y="1338"/>
                  </a:lnTo>
                  <a:lnTo>
                    <a:pt x="794" y="1334"/>
                  </a:lnTo>
                  <a:lnTo>
                    <a:pt x="802" y="1332"/>
                  </a:lnTo>
                  <a:lnTo>
                    <a:pt x="808" y="1334"/>
                  </a:lnTo>
                  <a:lnTo>
                    <a:pt x="814" y="1338"/>
                  </a:lnTo>
                  <a:lnTo>
                    <a:pt x="820" y="1340"/>
                  </a:lnTo>
                  <a:lnTo>
                    <a:pt x="824" y="1348"/>
                  </a:lnTo>
                  <a:lnTo>
                    <a:pt x="826" y="1354"/>
                  </a:lnTo>
                  <a:lnTo>
                    <a:pt x="828" y="1360"/>
                  </a:lnTo>
                  <a:lnTo>
                    <a:pt x="828" y="1368"/>
                  </a:lnTo>
                  <a:lnTo>
                    <a:pt x="814" y="1402"/>
                  </a:lnTo>
                  <a:lnTo>
                    <a:pt x="810" y="1408"/>
                  </a:lnTo>
                  <a:lnTo>
                    <a:pt x="806" y="1410"/>
                  </a:lnTo>
                  <a:lnTo>
                    <a:pt x="802" y="1412"/>
                  </a:lnTo>
                  <a:lnTo>
                    <a:pt x="798" y="1416"/>
                  </a:lnTo>
                  <a:lnTo>
                    <a:pt x="796" y="1422"/>
                  </a:lnTo>
                  <a:lnTo>
                    <a:pt x="792" y="1428"/>
                  </a:lnTo>
                  <a:lnTo>
                    <a:pt x="786" y="1434"/>
                  </a:lnTo>
                  <a:lnTo>
                    <a:pt x="780" y="1438"/>
                  </a:lnTo>
                  <a:lnTo>
                    <a:pt x="774" y="1438"/>
                  </a:lnTo>
                  <a:lnTo>
                    <a:pt x="760" y="1438"/>
                  </a:lnTo>
                  <a:lnTo>
                    <a:pt x="754" y="1438"/>
                  </a:lnTo>
                  <a:lnTo>
                    <a:pt x="748" y="1434"/>
                  </a:lnTo>
                  <a:lnTo>
                    <a:pt x="742" y="1430"/>
                  </a:lnTo>
                  <a:lnTo>
                    <a:pt x="734" y="1430"/>
                  </a:lnTo>
                  <a:lnTo>
                    <a:pt x="712" y="1436"/>
                  </a:lnTo>
                  <a:lnTo>
                    <a:pt x="704" y="1438"/>
                  </a:lnTo>
                  <a:lnTo>
                    <a:pt x="696" y="1436"/>
                  </a:lnTo>
                  <a:lnTo>
                    <a:pt x="682" y="1432"/>
                  </a:lnTo>
                  <a:lnTo>
                    <a:pt x="666" y="1428"/>
                  </a:lnTo>
                  <a:lnTo>
                    <a:pt x="662" y="1428"/>
                  </a:lnTo>
                  <a:lnTo>
                    <a:pt x="656" y="1428"/>
                  </a:lnTo>
                  <a:lnTo>
                    <a:pt x="650" y="1424"/>
                  </a:lnTo>
                  <a:lnTo>
                    <a:pt x="638" y="1416"/>
                  </a:lnTo>
                  <a:lnTo>
                    <a:pt x="632" y="1412"/>
                  </a:lnTo>
                  <a:lnTo>
                    <a:pt x="626" y="1410"/>
                  </a:lnTo>
                  <a:lnTo>
                    <a:pt x="618" y="1410"/>
                  </a:lnTo>
                  <a:lnTo>
                    <a:pt x="614" y="1410"/>
                  </a:lnTo>
                  <a:lnTo>
                    <a:pt x="598" y="1412"/>
                  </a:lnTo>
                  <a:lnTo>
                    <a:pt x="584" y="1416"/>
                  </a:lnTo>
                  <a:lnTo>
                    <a:pt x="578" y="1420"/>
                  </a:lnTo>
                  <a:lnTo>
                    <a:pt x="576" y="1428"/>
                  </a:lnTo>
                  <a:lnTo>
                    <a:pt x="576" y="1430"/>
                  </a:lnTo>
                  <a:lnTo>
                    <a:pt x="574" y="1438"/>
                  </a:lnTo>
                  <a:lnTo>
                    <a:pt x="570" y="1442"/>
                  </a:lnTo>
                  <a:lnTo>
                    <a:pt x="554" y="1446"/>
                  </a:lnTo>
                  <a:lnTo>
                    <a:pt x="548" y="1446"/>
                  </a:lnTo>
                  <a:lnTo>
                    <a:pt x="542" y="1442"/>
                  </a:lnTo>
                  <a:lnTo>
                    <a:pt x="534" y="1434"/>
                  </a:lnTo>
                  <a:lnTo>
                    <a:pt x="522" y="1424"/>
                  </a:lnTo>
                  <a:lnTo>
                    <a:pt x="512" y="1414"/>
                  </a:lnTo>
                  <a:lnTo>
                    <a:pt x="508" y="1410"/>
                  </a:lnTo>
                  <a:lnTo>
                    <a:pt x="500" y="1410"/>
                  </a:lnTo>
                  <a:lnTo>
                    <a:pt x="476" y="1410"/>
                  </a:lnTo>
                  <a:lnTo>
                    <a:pt x="470" y="1408"/>
                  </a:lnTo>
                  <a:lnTo>
                    <a:pt x="462" y="1406"/>
                  </a:lnTo>
                  <a:lnTo>
                    <a:pt x="456" y="1404"/>
                  </a:lnTo>
                  <a:lnTo>
                    <a:pt x="442" y="1396"/>
                  </a:lnTo>
                  <a:lnTo>
                    <a:pt x="436" y="1394"/>
                  </a:lnTo>
                  <a:lnTo>
                    <a:pt x="424" y="1386"/>
                  </a:lnTo>
                  <a:lnTo>
                    <a:pt x="422" y="1380"/>
                  </a:lnTo>
                  <a:lnTo>
                    <a:pt x="424" y="1374"/>
                  </a:lnTo>
                  <a:lnTo>
                    <a:pt x="434" y="1358"/>
                  </a:lnTo>
                  <a:lnTo>
                    <a:pt x="436" y="1350"/>
                  </a:lnTo>
                  <a:lnTo>
                    <a:pt x="436" y="1344"/>
                  </a:lnTo>
                  <a:lnTo>
                    <a:pt x="434" y="1338"/>
                  </a:lnTo>
                  <a:lnTo>
                    <a:pt x="428" y="1332"/>
                  </a:lnTo>
                  <a:lnTo>
                    <a:pt x="422" y="1328"/>
                  </a:lnTo>
                  <a:lnTo>
                    <a:pt x="418" y="1326"/>
                  </a:lnTo>
                  <a:lnTo>
                    <a:pt x="406" y="1322"/>
                  </a:lnTo>
                  <a:lnTo>
                    <a:pt x="402" y="1322"/>
                  </a:lnTo>
                  <a:lnTo>
                    <a:pt x="400" y="1324"/>
                  </a:lnTo>
                  <a:lnTo>
                    <a:pt x="400" y="1328"/>
                  </a:lnTo>
                  <a:lnTo>
                    <a:pt x="400" y="1324"/>
                  </a:lnTo>
                  <a:lnTo>
                    <a:pt x="398" y="1324"/>
                  </a:lnTo>
                  <a:lnTo>
                    <a:pt x="396" y="1326"/>
                  </a:lnTo>
                  <a:lnTo>
                    <a:pt x="390" y="1330"/>
                  </a:lnTo>
                  <a:lnTo>
                    <a:pt x="382" y="1332"/>
                  </a:lnTo>
                  <a:lnTo>
                    <a:pt x="378" y="1332"/>
                  </a:lnTo>
                  <a:lnTo>
                    <a:pt x="362" y="1332"/>
                  </a:lnTo>
                  <a:lnTo>
                    <a:pt x="320" y="1332"/>
                  </a:lnTo>
                  <a:lnTo>
                    <a:pt x="312" y="1332"/>
                  </a:lnTo>
                  <a:lnTo>
                    <a:pt x="304" y="1334"/>
                  </a:lnTo>
                  <a:lnTo>
                    <a:pt x="270" y="1348"/>
                  </a:lnTo>
                  <a:lnTo>
                    <a:pt x="254" y="1354"/>
                  </a:lnTo>
                  <a:lnTo>
                    <a:pt x="250" y="1358"/>
                  </a:lnTo>
                  <a:lnTo>
                    <a:pt x="244" y="1360"/>
                  </a:lnTo>
                  <a:lnTo>
                    <a:pt x="242" y="1362"/>
                  </a:lnTo>
                  <a:lnTo>
                    <a:pt x="242" y="1364"/>
                  </a:lnTo>
                  <a:lnTo>
                    <a:pt x="242" y="1362"/>
                  </a:lnTo>
                  <a:lnTo>
                    <a:pt x="240" y="1362"/>
                  </a:lnTo>
                  <a:lnTo>
                    <a:pt x="238" y="1360"/>
                  </a:lnTo>
                  <a:lnTo>
                    <a:pt x="224" y="1360"/>
                  </a:lnTo>
                  <a:lnTo>
                    <a:pt x="220" y="1360"/>
                  </a:lnTo>
                  <a:lnTo>
                    <a:pt x="208" y="1360"/>
                  </a:lnTo>
                  <a:lnTo>
                    <a:pt x="196" y="1356"/>
                  </a:lnTo>
                  <a:lnTo>
                    <a:pt x="190" y="1354"/>
                  </a:lnTo>
                  <a:lnTo>
                    <a:pt x="188" y="1354"/>
                  </a:lnTo>
                  <a:lnTo>
                    <a:pt x="184" y="1354"/>
                  </a:lnTo>
                  <a:lnTo>
                    <a:pt x="182" y="1356"/>
                  </a:lnTo>
                  <a:lnTo>
                    <a:pt x="180" y="1358"/>
                  </a:lnTo>
                  <a:lnTo>
                    <a:pt x="168" y="1374"/>
                  </a:lnTo>
                  <a:lnTo>
                    <a:pt x="158" y="1386"/>
                  </a:lnTo>
                  <a:lnTo>
                    <a:pt x="150" y="1394"/>
                  </a:lnTo>
                  <a:lnTo>
                    <a:pt x="140" y="1406"/>
                  </a:lnTo>
                  <a:lnTo>
                    <a:pt x="130" y="1422"/>
                  </a:lnTo>
                  <a:lnTo>
                    <a:pt x="122" y="1436"/>
                  </a:lnTo>
                  <a:lnTo>
                    <a:pt x="116" y="1460"/>
                  </a:lnTo>
                  <a:lnTo>
                    <a:pt x="114" y="1466"/>
                  </a:lnTo>
                  <a:lnTo>
                    <a:pt x="108" y="1472"/>
                  </a:lnTo>
                  <a:lnTo>
                    <a:pt x="82" y="1484"/>
                  </a:lnTo>
                  <a:lnTo>
                    <a:pt x="70" y="1492"/>
                  </a:lnTo>
                  <a:lnTo>
                    <a:pt x="66" y="1498"/>
                  </a:lnTo>
                  <a:lnTo>
                    <a:pt x="62" y="1502"/>
                  </a:lnTo>
                  <a:lnTo>
                    <a:pt x="52" y="1514"/>
                  </a:lnTo>
                  <a:lnTo>
                    <a:pt x="32" y="1550"/>
                  </a:lnTo>
                  <a:lnTo>
                    <a:pt x="24" y="1564"/>
                  </a:lnTo>
                  <a:lnTo>
                    <a:pt x="12" y="1598"/>
                  </a:lnTo>
                  <a:lnTo>
                    <a:pt x="8" y="1606"/>
                  </a:lnTo>
                  <a:lnTo>
                    <a:pt x="10" y="1614"/>
                  </a:lnTo>
                  <a:lnTo>
                    <a:pt x="16" y="1626"/>
                  </a:lnTo>
                  <a:lnTo>
                    <a:pt x="18" y="1642"/>
                  </a:lnTo>
                  <a:lnTo>
                    <a:pt x="18" y="1666"/>
                  </a:lnTo>
                  <a:lnTo>
                    <a:pt x="16" y="1672"/>
                  </a:lnTo>
                  <a:lnTo>
                    <a:pt x="12" y="1678"/>
                  </a:lnTo>
                  <a:lnTo>
                    <a:pt x="8" y="1684"/>
                  </a:lnTo>
                  <a:lnTo>
                    <a:pt x="6" y="1692"/>
                  </a:lnTo>
                  <a:lnTo>
                    <a:pt x="0" y="1706"/>
                  </a:lnTo>
                  <a:lnTo>
                    <a:pt x="0" y="1712"/>
                  </a:lnTo>
                  <a:lnTo>
                    <a:pt x="0" y="1720"/>
                  </a:lnTo>
                  <a:lnTo>
                    <a:pt x="6" y="1744"/>
                  </a:lnTo>
                  <a:lnTo>
                    <a:pt x="8" y="1750"/>
                  </a:lnTo>
                  <a:lnTo>
                    <a:pt x="12" y="1752"/>
                  </a:lnTo>
                  <a:lnTo>
                    <a:pt x="18" y="1752"/>
                  </a:lnTo>
                  <a:lnTo>
                    <a:pt x="20" y="1752"/>
                  </a:lnTo>
                  <a:lnTo>
                    <a:pt x="18" y="1752"/>
                  </a:lnTo>
                  <a:lnTo>
                    <a:pt x="20" y="1760"/>
                  </a:lnTo>
                  <a:lnTo>
                    <a:pt x="24" y="1764"/>
                  </a:lnTo>
                  <a:lnTo>
                    <a:pt x="26" y="1768"/>
                  </a:lnTo>
                  <a:lnTo>
                    <a:pt x="30" y="1770"/>
                  </a:lnTo>
                  <a:lnTo>
                    <a:pt x="32" y="1768"/>
                  </a:lnTo>
                  <a:lnTo>
                    <a:pt x="30" y="1770"/>
                  </a:lnTo>
                  <a:lnTo>
                    <a:pt x="30" y="1772"/>
                  </a:lnTo>
                  <a:lnTo>
                    <a:pt x="32" y="1772"/>
                  </a:lnTo>
                  <a:lnTo>
                    <a:pt x="36" y="1774"/>
                  </a:lnTo>
                  <a:lnTo>
                    <a:pt x="40" y="1778"/>
                  </a:lnTo>
                  <a:lnTo>
                    <a:pt x="52" y="1804"/>
                  </a:lnTo>
                  <a:lnTo>
                    <a:pt x="56" y="1810"/>
                  </a:lnTo>
                  <a:lnTo>
                    <a:pt x="60" y="1816"/>
                  </a:lnTo>
                  <a:lnTo>
                    <a:pt x="72" y="1824"/>
                  </a:lnTo>
                  <a:lnTo>
                    <a:pt x="84" y="1832"/>
                  </a:lnTo>
                  <a:lnTo>
                    <a:pt x="94" y="1838"/>
                  </a:lnTo>
                  <a:lnTo>
                    <a:pt x="102" y="1844"/>
                  </a:lnTo>
                  <a:lnTo>
                    <a:pt x="128" y="1864"/>
                  </a:lnTo>
                  <a:lnTo>
                    <a:pt x="136" y="1868"/>
                  </a:lnTo>
                  <a:lnTo>
                    <a:pt x="142" y="1870"/>
                  </a:lnTo>
                  <a:lnTo>
                    <a:pt x="146" y="1870"/>
                  </a:lnTo>
                  <a:lnTo>
                    <a:pt x="152" y="1868"/>
                  </a:lnTo>
                  <a:lnTo>
                    <a:pt x="154" y="1868"/>
                  </a:lnTo>
                  <a:lnTo>
                    <a:pt x="154" y="1866"/>
                  </a:lnTo>
                  <a:lnTo>
                    <a:pt x="154" y="1868"/>
                  </a:lnTo>
                  <a:lnTo>
                    <a:pt x="158" y="1868"/>
                  </a:lnTo>
                  <a:lnTo>
                    <a:pt x="162" y="1870"/>
                  </a:lnTo>
                  <a:lnTo>
                    <a:pt x="166" y="1870"/>
                  </a:lnTo>
                  <a:lnTo>
                    <a:pt x="182" y="1868"/>
                  </a:lnTo>
                  <a:lnTo>
                    <a:pt x="206" y="1862"/>
                  </a:lnTo>
                  <a:lnTo>
                    <a:pt x="218" y="1860"/>
                  </a:lnTo>
                  <a:lnTo>
                    <a:pt x="224" y="1860"/>
                  </a:lnTo>
                  <a:lnTo>
                    <a:pt x="232" y="1860"/>
                  </a:lnTo>
                  <a:lnTo>
                    <a:pt x="244" y="1860"/>
                  </a:lnTo>
                  <a:lnTo>
                    <a:pt x="260" y="1856"/>
                  </a:lnTo>
                  <a:lnTo>
                    <a:pt x="274" y="1852"/>
                  </a:lnTo>
                  <a:lnTo>
                    <a:pt x="282" y="1850"/>
                  </a:lnTo>
                  <a:lnTo>
                    <a:pt x="288" y="1844"/>
                  </a:lnTo>
                  <a:lnTo>
                    <a:pt x="294" y="1842"/>
                  </a:lnTo>
                  <a:lnTo>
                    <a:pt x="300" y="1838"/>
                  </a:lnTo>
                  <a:lnTo>
                    <a:pt x="306" y="1838"/>
                  </a:lnTo>
                  <a:lnTo>
                    <a:pt x="312" y="1840"/>
                  </a:lnTo>
                  <a:lnTo>
                    <a:pt x="320" y="1840"/>
                  </a:lnTo>
                  <a:lnTo>
                    <a:pt x="322" y="1840"/>
                  </a:lnTo>
                  <a:lnTo>
                    <a:pt x="330" y="1842"/>
                  </a:lnTo>
                  <a:lnTo>
                    <a:pt x="334" y="1846"/>
                  </a:lnTo>
                  <a:lnTo>
                    <a:pt x="346" y="1862"/>
                  </a:lnTo>
                  <a:lnTo>
                    <a:pt x="352" y="1868"/>
                  </a:lnTo>
                  <a:lnTo>
                    <a:pt x="358" y="1870"/>
                  </a:lnTo>
                  <a:lnTo>
                    <a:pt x="362" y="1870"/>
                  </a:lnTo>
                  <a:lnTo>
                    <a:pt x="370" y="1870"/>
                  </a:lnTo>
                  <a:lnTo>
                    <a:pt x="378" y="1874"/>
                  </a:lnTo>
                  <a:lnTo>
                    <a:pt x="384" y="1876"/>
                  </a:lnTo>
                  <a:lnTo>
                    <a:pt x="388" y="1878"/>
                  </a:lnTo>
                  <a:lnTo>
                    <a:pt x="392" y="1878"/>
                  </a:lnTo>
                  <a:lnTo>
                    <a:pt x="392" y="1876"/>
                  </a:lnTo>
                  <a:lnTo>
                    <a:pt x="392" y="1878"/>
                  </a:lnTo>
                  <a:lnTo>
                    <a:pt x="394" y="1878"/>
                  </a:lnTo>
                  <a:lnTo>
                    <a:pt x="398" y="1878"/>
                  </a:lnTo>
                  <a:lnTo>
                    <a:pt x="404" y="1880"/>
                  </a:lnTo>
                  <a:lnTo>
                    <a:pt x="408" y="1884"/>
                  </a:lnTo>
                  <a:lnTo>
                    <a:pt x="410" y="1890"/>
                  </a:lnTo>
                  <a:lnTo>
                    <a:pt x="410" y="1896"/>
                  </a:lnTo>
                  <a:lnTo>
                    <a:pt x="410" y="1900"/>
                  </a:lnTo>
                  <a:lnTo>
                    <a:pt x="410" y="1908"/>
                  </a:lnTo>
                  <a:lnTo>
                    <a:pt x="410" y="1916"/>
                  </a:lnTo>
                  <a:lnTo>
                    <a:pt x="410" y="1920"/>
                  </a:lnTo>
                  <a:lnTo>
                    <a:pt x="410" y="1936"/>
                  </a:lnTo>
                  <a:lnTo>
                    <a:pt x="410" y="1950"/>
                  </a:lnTo>
                  <a:lnTo>
                    <a:pt x="412" y="1956"/>
                  </a:lnTo>
                  <a:lnTo>
                    <a:pt x="414" y="1964"/>
                  </a:lnTo>
                  <a:lnTo>
                    <a:pt x="434" y="1990"/>
                  </a:lnTo>
                  <a:lnTo>
                    <a:pt x="438" y="1994"/>
                  </a:lnTo>
                  <a:lnTo>
                    <a:pt x="440" y="1994"/>
                  </a:lnTo>
                  <a:lnTo>
                    <a:pt x="442" y="1994"/>
                  </a:lnTo>
                  <a:lnTo>
                    <a:pt x="440" y="1996"/>
                  </a:lnTo>
                  <a:lnTo>
                    <a:pt x="440" y="1998"/>
                  </a:lnTo>
                  <a:lnTo>
                    <a:pt x="444" y="2002"/>
                  </a:lnTo>
                  <a:lnTo>
                    <a:pt x="452" y="2014"/>
                  </a:lnTo>
                  <a:lnTo>
                    <a:pt x="456" y="2020"/>
                  </a:lnTo>
                  <a:lnTo>
                    <a:pt x="458" y="2026"/>
                  </a:lnTo>
                  <a:lnTo>
                    <a:pt x="458" y="2034"/>
                  </a:lnTo>
                  <a:lnTo>
                    <a:pt x="458" y="2038"/>
                  </a:lnTo>
                  <a:lnTo>
                    <a:pt x="458" y="2046"/>
                  </a:lnTo>
                  <a:lnTo>
                    <a:pt x="460" y="2054"/>
                  </a:lnTo>
                  <a:lnTo>
                    <a:pt x="468" y="2096"/>
                  </a:lnTo>
                  <a:lnTo>
                    <a:pt x="472" y="2112"/>
                  </a:lnTo>
                  <a:lnTo>
                    <a:pt x="476" y="2124"/>
                  </a:lnTo>
                  <a:lnTo>
                    <a:pt x="478" y="2134"/>
                  </a:lnTo>
                  <a:lnTo>
                    <a:pt x="472" y="2144"/>
                  </a:lnTo>
                  <a:lnTo>
                    <a:pt x="462" y="2166"/>
                  </a:lnTo>
                  <a:lnTo>
                    <a:pt x="460" y="2172"/>
                  </a:lnTo>
                  <a:lnTo>
                    <a:pt x="458" y="2180"/>
                  </a:lnTo>
                  <a:lnTo>
                    <a:pt x="458" y="2204"/>
                  </a:lnTo>
                  <a:lnTo>
                    <a:pt x="460" y="2212"/>
                  </a:lnTo>
                  <a:lnTo>
                    <a:pt x="460" y="2210"/>
                  </a:lnTo>
                  <a:lnTo>
                    <a:pt x="460" y="2212"/>
                  </a:lnTo>
                  <a:lnTo>
                    <a:pt x="456" y="2220"/>
                  </a:lnTo>
                  <a:lnTo>
                    <a:pt x="452" y="2234"/>
                  </a:lnTo>
                  <a:lnTo>
                    <a:pt x="450" y="2242"/>
                  </a:lnTo>
                  <a:lnTo>
                    <a:pt x="452" y="2248"/>
                  </a:lnTo>
                  <a:lnTo>
                    <a:pt x="484" y="2302"/>
                  </a:lnTo>
                  <a:lnTo>
                    <a:pt x="488" y="2308"/>
                  </a:lnTo>
                  <a:lnTo>
                    <a:pt x="488" y="2314"/>
                  </a:lnTo>
                  <a:lnTo>
                    <a:pt x="490" y="2328"/>
                  </a:lnTo>
                  <a:lnTo>
                    <a:pt x="496" y="2380"/>
                  </a:lnTo>
                  <a:lnTo>
                    <a:pt x="500" y="2386"/>
                  </a:lnTo>
                  <a:lnTo>
                    <a:pt x="504" y="2392"/>
                  </a:lnTo>
                  <a:lnTo>
                    <a:pt x="520" y="2402"/>
                  </a:lnTo>
                  <a:lnTo>
                    <a:pt x="528" y="2406"/>
                  </a:lnTo>
                  <a:lnTo>
                    <a:pt x="528" y="2404"/>
                  </a:lnTo>
                  <a:lnTo>
                    <a:pt x="528" y="2406"/>
                  </a:lnTo>
                  <a:lnTo>
                    <a:pt x="532" y="2414"/>
                  </a:lnTo>
                  <a:lnTo>
                    <a:pt x="534" y="2420"/>
                  </a:lnTo>
                  <a:lnTo>
                    <a:pt x="540" y="2434"/>
                  </a:lnTo>
                  <a:lnTo>
                    <a:pt x="546" y="2458"/>
                  </a:lnTo>
                  <a:lnTo>
                    <a:pt x="548" y="2474"/>
                  </a:lnTo>
                  <a:lnTo>
                    <a:pt x="548" y="2478"/>
                  </a:lnTo>
                  <a:lnTo>
                    <a:pt x="548" y="2486"/>
                  </a:lnTo>
                  <a:lnTo>
                    <a:pt x="552" y="2492"/>
                  </a:lnTo>
                  <a:lnTo>
                    <a:pt x="562" y="2508"/>
                  </a:lnTo>
                  <a:lnTo>
                    <a:pt x="568" y="2512"/>
                  </a:lnTo>
                  <a:lnTo>
                    <a:pt x="574" y="2514"/>
                  </a:lnTo>
                  <a:lnTo>
                    <a:pt x="598" y="2508"/>
                  </a:lnTo>
                  <a:lnTo>
                    <a:pt x="614" y="2504"/>
                  </a:lnTo>
                  <a:lnTo>
                    <a:pt x="638" y="2498"/>
                  </a:lnTo>
                  <a:lnTo>
                    <a:pt x="654" y="2496"/>
                  </a:lnTo>
                  <a:lnTo>
                    <a:pt x="676" y="2496"/>
                  </a:lnTo>
                  <a:lnTo>
                    <a:pt x="684" y="2494"/>
                  </a:lnTo>
                  <a:lnTo>
                    <a:pt x="690" y="2490"/>
                  </a:lnTo>
                  <a:lnTo>
                    <a:pt x="748" y="2424"/>
                  </a:lnTo>
                  <a:lnTo>
                    <a:pt x="756" y="2410"/>
                  </a:lnTo>
                  <a:lnTo>
                    <a:pt x="770" y="2376"/>
                  </a:lnTo>
                  <a:lnTo>
                    <a:pt x="770" y="2370"/>
                  </a:lnTo>
                  <a:lnTo>
                    <a:pt x="770" y="2368"/>
                  </a:lnTo>
                  <a:lnTo>
                    <a:pt x="768" y="2368"/>
                  </a:lnTo>
                  <a:lnTo>
                    <a:pt x="770" y="2368"/>
                  </a:lnTo>
                  <a:lnTo>
                    <a:pt x="772" y="2366"/>
                  </a:lnTo>
                  <a:lnTo>
                    <a:pt x="772" y="2364"/>
                  </a:lnTo>
                  <a:lnTo>
                    <a:pt x="774" y="2358"/>
                  </a:lnTo>
                  <a:lnTo>
                    <a:pt x="778" y="2354"/>
                  </a:lnTo>
                  <a:lnTo>
                    <a:pt x="806" y="2334"/>
                  </a:lnTo>
                  <a:lnTo>
                    <a:pt x="810" y="2328"/>
                  </a:lnTo>
                  <a:lnTo>
                    <a:pt x="814" y="2322"/>
                  </a:lnTo>
                  <a:lnTo>
                    <a:pt x="818" y="2308"/>
                  </a:lnTo>
                  <a:lnTo>
                    <a:pt x="820" y="2300"/>
                  </a:lnTo>
                  <a:lnTo>
                    <a:pt x="820" y="2292"/>
                  </a:lnTo>
                  <a:lnTo>
                    <a:pt x="814" y="2268"/>
                  </a:lnTo>
                  <a:lnTo>
                    <a:pt x="814" y="2260"/>
                  </a:lnTo>
                  <a:lnTo>
                    <a:pt x="816" y="2254"/>
                  </a:lnTo>
                  <a:lnTo>
                    <a:pt x="826" y="2238"/>
                  </a:lnTo>
                  <a:lnTo>
                    <a:pt x="832" y="2232"/>
                  </a:lnTo>
                  <a:lnTo>
                    <a:pt x="838" y="2228"/>
                  </a:lnTo>
                  <a:lnTo>
                    <a:pt x="874" y="2206"/>
                  </a:lnTo>
                  <a:lnTo>
                    <a:pt x="880" y="2202"/>
                  </a:lnTo>
                  <a:lnTo>
                    <a:pt x="884" y="2194"/>
                  </a:lnTo>
                  <a:lnTo>
                    <a:pt x="886" y="2190"/>
                  </a:lnTo>
                  <a:lnTo>
                    <a:pt x="894" y="2176"/>
                  </a:lnTo>
                  <a:lnTo>
                    <a:pt x="896" y="2170"/>
                  </a:lnTo>
                  <a:lnTo>
                    <a:pt x="898" y="2162"/>
                  </a:lnTo>
                  <a:lnTo>
                    <a:pt x="898" y="2156"/>
                  </a:lnTo>
                  <a:lnTo>
                    <a:pt x="892" y="2132"/>
                  </a:lnTo>
                  <a:lnTo>
                    <a:pt x="890" y="2116"/>
                  </a:lnTo>
                  <a:lnTo>
                    <a:pt x="890" y="2112"/>
                  </a:lnTo>
                  <a:lnTo>
                    <a:pt x="890" y="2108"/>
                  </a:lnTo>
                  <a:lnTo>
                    <a:pt x="888" y="2106"/>
                  </a:lnTo>
                  <a:lnTo>
                    <a:pt x="886" y="2108"/>
                  </a:lnTo>
                  <a:lnTo>
                    <a:pt x="888" y="2106"/>
                  </a:lnTo>
                  <a:lnTo>
                    <a:pt x="888" y="2102"/>
                  </a:lnTo>
                  <a:lnTo>
                    <a:pt x="886" y="2098"/>
                  </a:lnTo>
                  <a:lnTo>
                    <a:pt x="882" y="2094"/>
                  </a:lnTo>
                  <a:lnTo>
                    <a:pt x="880" y="2086"/>
                  </a:lnTo>
                  <a:lnTo>
                    <a:pt x="880" y="2054"/>
                  </a:lnTo>
                  <a:lnTo>
                    <a:pt x="880" y="2046"/>
                  </a:lnTo>
                  <a:lnTo>
                    <a:pt x="876" y="2038"/>
                  </a:lnTo>
                  <a:lnTo>
                    <a:pt x="874" y="2032"/>
                  </a:lnTo>
                  <a:lnTo>
                    <a:pt x="872" y="2026"/>
                  </a:lnTo>
                  <a:lnTo>
                    <a:pt x="876" y="2020"/>
                  </a:lnTo>
                  <a:lnTo>
                    <a:pt x="880" y="2016"/>
                  </a:lnTo>
                  <a:lnTo>
                    <a:pt x="880" y="2012"/>
                  </a:lnTo>
                  <a:lnTo>
                    <a:pt x="882" y="2006"/>
                  </a:lnTo>
                  <a:lnTo>
                    <a:pt x="884" y="2000"/>
                  </a:lnTo>
                  <a:lnTo>
                    <a:pt x="894" y="1984"/>
                  </a:lnTo>
                  <a:lnTo>
                    <a:pt x="900" y="1978"/>
                  </a:lnTo>
                  <a:lnTo>
                    <a:pt x="906" y="1974"/>
                  </a:lnTo>
                  <a:lnTo>
                    <a:pt x="912" y="1970"/>
                  </a:lnTo>
                  <a:lnTo>
                    <a:pt x="918" y="1968"/>
                  </a:lnTo>
                  <a:lnTo>
                    <a:pt x="922" y="1960"/>
                  </a:lnTo>
                  <a:lnTo>
                    <a:pt x="934" y="1936"/>
                  </a:lnTo>
                  <a:lnTo>
                    <a:pt x="940" y="1930"/>
                  </a:lnTo>
                  <a:lnTo>
                    <a:pt x="946" y="1924"/>
                  </a:lnTo>
                  <a:lnTo>
                    <a:pt x="970" y="1912"/>
                  </a:lnTo>
                  <a:lnTo>
                    <a:pt x="984" y="1902"/>
                  </a:lnTo>
                  <a:lnTo>
                    <a:pt x="1012" y="1874"/>
                  </a:lnTo>
                  <a:lnTo>
                    <a:pt x="1016" y="1868"/>
                  </a:lnTo>
                  <a:lnTo>
                    <a:pt x="1020" y="1862"/>
                  </a:lnTo>
                  <a:lnTo>
                    <a:pt x="1044" y="1808"/>
                  </a:lnTo>
                  <a:lnTo>
                    <a:pt x="1048" y="1792"/>
                  </a:lnTo>
                  <a:lnTo>
                    <a:pt x="1054" y="1770"/>
                  </a:lnTo>
                  <a:lnTo>
                    <a:pt x="1054" y="1766"/>
                  </a:lnTo>
                  <a:lnTo>
                    <a:pt x="1054" y="1764"/>
                  </a:lnTo>
                  <a:lnTo>
                    <a:pt x="1050" y="1764"/>
                  </a:lnTo>
                  <a:lnTo>
                    <a:pt x="1048" y="1764"/>
                  </a:lnTo>
                  <a:lnTo>
                    <a:pt x="976" y="1780"/>
                  </a:lnTo>
                  <a:lnTo>
                    <a:pt x="968" y="1780"/>
                  </a:lnTo>
                  <a:lnTo>
                    <a:pt x="960" y="1778"/>
                  </a:lnTo>
                  <a:lnTo>
                    <a:pt x="956" y="1774"/>
                  </a:lnTo>
                  <a:lnTo>
                    <a:pt x="944" y="1766"/>
                  </a:lnTo>
                  <a:lnTo>
                    <a:pt x="934" y="1754"/>
                  </a:lnTo>
                  <a:lnTo>
                    <a:pt x="904" y="1710"/>
                  </a:lnTo>
                  <a:lnTo>
                    <a:pt x="898" y="1704"/>
                  </a:lnTo>
                  <a:lnTo>
                    <a:pt x="892" y="1700"/>
                  </a:lnTo>
                  <a:lnTo>
                    <a:pt x="886" y="1696"/>
                  </a:lnTo>
                  <a:lnTo>
                    <a:pt x="880" y="1692"/>
                  </a:lnTo>
                  <a:lnTo>
                    <a:pt x="876" y="1686"/>
                  </a:lnTo>
                  <a:lnTo>
                    <a:pt x="864" y="1670"/>
                  </a:lnTo>
                  <a:lnTo>
                    <a:pt x="860" y="1664"/>
                  </a:lnTo>
                  <a:lnTo>
                    <a:pt x="858" y="1656"/>
                  </a:lnTo>
                  <a:lnTo>
                    <a:pt x="852" y="1642"/>
                  </a:lnTo>
                  <a:lnTo>
                    <a:pt x="848" y="1626"/>
                  </a:lnTo>
                  <a:lnTo>
                    <a:pt x="842" y="1602"/>
                  </a:lnTo>
                  <a:lnTo>
                    <a:pt x="840" y="1596"/>
                  </a:lnTo>
                  <a:lnTo>
                    <a:pt x="834" y="1590"/>
                  </a:lnTo>
                  <a:lnTo>
                    <a:pt x="826" y="1582"/>
                  </a:lnTo>
                  <a:lnTo>
                    <a:pt x="822" y="1574"/>
                  </a:lnTo>
                  <a:lnTo>
                    <a:pt x="818" y="1568"/>
                  </a:lnTo>
                  <a:lnTo>
                    <a:pt x="814" y="1544"/>
                  </a:lnTo>
                  <a:lnTo>
                    <a:pt x="808" y="1530"/>
                  </a:lnTo>
                  <a:lnTo>
                    <a:pt x="796" y="1504"/>
                  </a:lnTo>
                  <a:lnTo>
                    <a:pt x="786" y="1492"/>
                  </a:lnTo>
                  <a:lnTo>
                    <a:pt x="768" y="1474"/>
                  </a:lnTo>
                  <a:lnTo>
                    <a:pt x="766" y="1470"/>
                  </a:lnTo>
                  <a:lnTo>
                    <a:pt x="770" y="1472"/>
                  </a:lnTo>
                  <a:lnTo>
                    <a:pt x="794" y="1484"/>
                  </a:lnTo>
                  <a:lnTo>
                    <a:pt x="798" y="1484"/>
                  </a:lnTo>
                  <a:lnTo>
                    <a:pt x="800" y="1484"/>
                  </a:lnTo>
                  <a:lnTo>
                    <a:pt x="804" y="1482"/>
                  </a:lnTo>
                  <a:lnTo>
                    <a:pt x="804" y="1480"/>
                  </a:lnTo>
                  <a:lnTo>
                    <a:pt x="808" y="1476"/>
                  </a:lnTo>
                  <a:lnTo>
                    <a:pt x="810" y="1474"/>
                  </a:lnTo>
                  <a:lnTo>
                    <a:pt x="810" y="1472"/>
                  </a:lnTo>
                  <a:lnTo>
                    <a:pt x="812" y="1474"/>
                  </a:lnTo>
                  <a:lnTo>
                    <a:pt x="814" y="1476"/>
                  </a:lnTo>
                  <a:lnTo>
                    <a:pt x="818" y="1480"/>
                  </a:lnTo>
                  <a:lnTo>
                    <a:pt x="824" y="1494"/>
                  </a:lnTo>
                  <a:lnTo>
                    <a:pt x="856" y="1550"/>
                  </a:lnTo>
                  <a:lnTo>
                    <a:pt x="866" y="1562"/>
                  </a:lnTo>
                  <a:lnTo>
                    <a:pt x="874" y="1570"/>
                  </a:lnTo>
                  <a:lnTo>
                    <a:pt x="878" y="1576"/>
                  </a:lnTo>
                  <a:lnTo>
                    <a:pt x="882" y="1584"/>
                  </a:lnTo>
                  <a:lnTo>
                    <a:pt x="886" y="1598"/>
                  </a:lnTo>
                  <a:lnTo>
                    <a:pt x="892" y="1614"/>
                  </a:lnTo>
                  <a:lnTo>
                    <a:pt x="898" y="1636"/>
                  </a:lnTo>
                  <a:lnTo>
                    <a:pt x="900" y="1644"/>
                  </a:lnTo>
                  <a:lnTo>
                    <a:pt x="904" y="1650"/>
                  </a:lnTo>
                  <a:lnTo>
                    <a:pt x="924" y="1668"/>
                  </a:lnTo>
                  <a:lnTo>
                    <a:pt x="928" y="1674"/>
                  </a:lnTo>
                  <a:lnTo>
                    <a:pt x="928" y="1678"/>
                  </a:lnTo>
                  <a:lnTo>
                    <a:pt x="928" y="1684"/>
                  </a:lnTo>
                  <a:lnTo>
                    <a:pt x="932" y="1690"/>
                  </a:lnTo>
                  <a:lnTo>
                    <a:pt x="936" y="1696"/>
                  </a:lnTo>
                  <a:lnTo>
                    <a:pt x="942" y="1710"/>
                  </a:lnTo>
                  <a:lnTo>
                    <a:pt x="954" y="1736"/>
                  </a:lnTo>
                  <a:lnTo>
                    <a:pt x="960" y="1740"/>
                  </a:lnTo>
                  <a:lnTo>
                    <a:pt x="966" y="1740"/>
                  </a:lnTo>
                  <a:lnTo>
                    <a:pt x="980" y="1736"/>
                  </a:lnTo>
                  <a:lnTo>
                    <a:pt x="996" y="1732"/>
                  </a:lnTo>
                  <a:lnTo>
                    <a:pt x="1000" y="1732"/>
                  </a:lnTo>
                  <a:lnTo>
                    <a:pt x="1006" y="1732"/>
                  </a:lnTo>
                  <a:lnTo>
                    <a:pt x="1012" y="1728"/>
                  </a:lnTo>
                  <a:lnTo>
                    <a:pt x="1020" y="1718"/>
                  </a:lnTo>
                  <a:lnTo>
                    <a:pt x="1028" y="1714"/>
                  </a:lnTo>
                  <a:lnTo>
                    <a:pt x="1034" y="1710"/>
                  </a:lnTo>
                  <a:lnTo>
                    <a:pt x="1048" y="1706"/>
                  </a:lnTo>
                  <a:lnTo>
                    <a:pt x="1064" y="1700"/>
                  </a:lnTo>
                  <a:lnTo>
                    <a:pt x="1088" y="1688"/>
                  </a:lnTo>
                  <a:lnTo>
                    <a:pt x="1096" y="1684"/>
                  </a:lnTo>
                  <a:lnTo>
                    <a:pt x="1102" y="1680"/>
                  </a:lnTo>
                  <a:lnTo>
                    <a:pt x="1128" y="1668"/>
                  </a:lnTo>
                  <a:lnTo>
                    <a:pt x="1134" y="1664"/>
                  </a:lnTo>
                  <a:lnTo>
                    <a:pt x="1140" y="1658"/>
                  </a:lnTo>
                  <a:lnTo>
                    <a:pt x="1158" y="1632"/>
                  </a:lnTo>
                  <a:lnTo>
                    <a:pt x="1168" y="1618"/>
                  </a:lnTo>
                  <a:lnTo>
                    <a:pt x="1170" y="1612"/>
                  </a:lnTo>
                  <a:lnTo>
                    <a:pt x="1180" y="1600"/>
                  </a:lnTo>
                  <a:lnTo>
                    <a:pt x="1188" y="1592"/>
                  </a:lnTo>
                  <a:lnTo>
                    <a:pt x="1188" y="1588"/>
                  </a:lnTo>
                  <a:lnTo>
                    <a:pt x="1190" y="1586"/>
                  </a:lnTo>
                  <a:lnTo>
                    <a:pt x="1188" y="1584"/>
                  </a:lnTo>
                  <a:lnTo>
                    <a:pt x="1186" y="1582"/>
                  </a:lnTo>
                  <a:lnTo>
                    <a:pt x="1160" y="1562"/>
                  </a:lnTo>
                  <a:lnTo>
                    <a:pt x="1154" y="1558"/>
                  </a:lnTo>
                  <a:lnTo>
                    <a:pt x="1148" y="1556"/>
                  </a:lnTo>
                  <a:lnTo>
                    <a:pt x="1144" y="1554"/>
                  </a:lnTo>
                  <a:lnTo>
                    <a:pt x="1140" y="1548"/>
                  </a:lnTo>
                  <a:lnTo>
                    <a:pt x="1138" y="1544"/>
                  </a:lnTo>
                  <a:lnTo>
                    <a:pt x="1132" y="1540"/>
                  </a:lnTo>
                  <a:lnTo>
                    <a:pt x="1126" y="1538"/>
                  </a:lnTo>
                  <a:lnTo>
                    <a:pt x="1102" y="1544"/>
                  </a:lnTo>
                  <a:lnTo>
                    <a:pt x="1096" y="1544"/>
                  </a:lnTo>
                  <a:lnTo>
                    <a:pt x="1088" y="1542"/>
                  </a:lnTo>
                  <a:lnTo>
                    <a:pt x="1082" y="1540"/>
                  </a:lnTo>
                  <a:lnTo>
                    <a:pt x="1076" y="1536"/>
                  </a:lnTo>
                  <a:lnTo>
                    <a:pt x="1070" y="1536"/>
                  </a:lnTo>
                  <a:lnTo>
                    <a:pt x="1058" y="1534"/>
                  </a:lnTo>
                  <a:lnTo>
                    <a:pt x="1054" y="1530"/>
                  </a:lnTo>
                  <a:lnTo>
                    <a:pt x="1048" y="1526"/>
                  </a:lnTo>
                  <a:lnTo>
                    <a:pt x="1044" y="1520"/>
                  </a:lnTo>
                  <a:lnTo>
                    <a:pt x="1040" y="1506"/>
                  </a:lnTo>
                  <a:lnTo>
                    <a:pt x="1036" y="1498"/>
                  </a:lnTo>
                  <a:lnTo>
                    <a:pt x="1032" y="1492"/>
                  </a:lnTo>
                  <a:lnTo>
                    <a:pt x="1022" y="1484"/>
                  </a:lnTo>
                  <a:lnTo>
                    <a:pt x="1018" y="1478"/>
                  </a:lnTo>
                  <a:lnTo>
                    <a:pt x="1018" y="1472"/>
                  </a:lnTo>
                  <a:lnTo>
                    <a:pt x="1018" y="1468"/>
                  </a:lnTo>
                  <a:lnTo>
                    <a:pt x="1022" y="1462"/>
                  </a:lnTo>
                  <a:lnTo>
                    <a:pt x="1026" y="1458"/>
                  </a:lnTo>
                  <a:lnTo>
                    <a:pt x="1026" y="1452"/>
                  </a:lnTo>
                  <a:lnTo>
                    <a:pt x="1028" y="1452"/>
                  </a:lnTo>
                  <a:lnTo>
                    <a:pt x="1032" y="1454"/>
                  </a:lnTo>
                  <a:lnTo>
                    <a:pt x="1040" y="1462"/>
                  </a:lnTo>
                  <a:lnTo>
                    <a:pt x="1052" y="1474"/>
                  </a:lnTo>
                  <a:lnTo>
                    <a:pt x="1060" y="1482"/>
                  </a:lnTo>
                  <a:lnTo>
                    <a:pt x="1072" y="1492"/>
                  </a:lnTo>
                  <a:lnTo>
                    <a:pt x="1088" y="1504"/>
                  </a:lnTo>
                  <a:lnTo>
                    <a:pt x="1102" y="1510"/>
                  </a:lnTo>
                  <a:lnTo>
                    <a:pt x="1116" y="1514"/>
                  </a:lnTo>
                  <a:lnTo>
                    <a:pt x="1124" y="1516"/>
                  </a:lnTo>
                  <a:lnTo>
                    <a:pt x="1132" y="1514"/>
                  </a:lnTo>
                  <a:lnTo>
                    <a:pt x="1136" y="1510"/>
                  </a:lnTo>
                  <a:lnTo>
                    <a:pt x="1144" y="1510"/>
                  </a:lnTo>
                  <a:lnTo>
                    <a:pt x="1150" y="1514"/>
                  </a:lnTo>
                  <a:lnTo>
                    <a:pt x="1158" y="1522"/>
                  </a:lnTo>
                  <a:lnTo>
                    <a:pt x="1164" y="1526"/>
                  </a:lnTo>
                  <a:lnTo>
                    <a:pt x="1172" y="1530"/>
                  </a:lnTo>
                  <a:lnTo>
                    <a:pt x="1206" y="1544"/>
                  </a:lnTo>
                  <a:lnTo>
                    <a:pt x="1218" y="1546"/>
                  </a:lnTo>
                  <a:lnTo>
                    <a:pt x="1222" y="1546"/>
                  </a:lnTo>
                  <a:lnTo>
                    <a:pt x="1230" y="1544"/>
                  </a:lnTo>
                  <a:lnTo>
                    <a:pt x="1244" y="1538"/>
                  </a:lnTo>
                  <a:lnTo>
                    <a:pt x="1260" y="1536"/>
                  </a:lnTo>
                  <a:lnTo>
                    <a:pt x="1292" y="1536"/>
                  </a:lnTo>
                  <a:lnTo>
                    <a:pt x="1300" y="1538"/>
                  </a:lnTo>
                  <a:lnTo>
                    <a:pt x="1306" y="1544"/>
                  </a:lnTo>
                  <a:lnTo>
                    <a:pt x="1316" y="1558"/>
                  </a:lnTo>
                  <a:lnTo>
                    <a:pt x="1320" y="1566"/>
                  </a:lnTo>
                  <a:lnTo>
                    <a:pt x="1326" y="1572"/>
                  </a:lnTo>
                  <a:lnTo>
                    <a:pt x="1336" y="1588"/>
                  </a:lnTo>
                  <a:lnTo>
                    <a:pt x="1346" y="1602"/>
                  </a:lnTo>
                  <a:lnTo>
                    <a:pt x="1354" y="1610"/>
                  </a:lnTo>
                  <a:lnTo>
                    <a:pt x="1360" y="1612"/>
                  </a:lnTo>
                  <a:lnTo>
                    <a:pt x="1366" y="1610"/>
                  </a:lnTo>
                  <a:lnTo>
                    <a:pt x="1382" y="1600"/>
                  </a:lnTo>
                  <a:lnTo>
                    <a:pt x="1386" y="1598"/>
                  </a:lnTo>
                  <a:lnTo>
                    <a:pt x="1388" y="1600"/>
                  </a:lnTo>
                  <a:lnTo>
                    <a:pt x="1390" y="1600"/>
                  </a:lnTo>
                  <a:lnTo>
                    <a:pt x="1390" y="1604"/>
                  </a:lnTo>
                  <a:lnTo>
                    <a:pt x="1398" y="1676"/>
                  </a:lnTo>
                  <a:lnTo>
                    <a:pt x="1402" y="1692"/>
                  </a:lnTo>
                  <a:lnTo>
                    <a:pt x="1408" y="1714"/>
                  </a:lnTo>
                  <a:lnTo>
                    <a:pt x="1414" y="1730"/>
                  </a:lnTo>
                  <a:lnTo>
                    <a:pt x="1434" y="1764"/>
                  </a:lnTo>
                  <a:lnTo>
                    <a:pt x="1442" y="1778"/>
                  </a:lnTo>
                  <a:lnTo>
                    <a:pt x="1444" y="1784"/>
                  </a:lnTo>
                  <a:lnTo>
                    <a:pt x="1452" y="1798"/>
                  </a:lnTo>
                  <a:lnTo>
                    <a:pt x="1464" y="1814"/>
                  </a:lnTo>
                  <a:lnTo>
                    <a:pt x="1466" y="1816"/>
                  </a:lnTo>
                  <a:lnTo>
                    <a:pt x="1468" y="1816"/>
                  </a:lnTo>
                  <a:lnTo>
                    <a:pt x="1470" y="1816"/>
                  </a:lnTo>
                  <a:lnTo>
                    <a:pt x="1472" y="1814"/>
                  </a:lnTo>
                  <a:lnTo>
                    <a:pt x="1474" y="1808"/>
                  </a:lnTo>
                  <a:lnTo>
                    <a:pt x="1484" y="1796"/>
                  </a:lnTo>
                  <a:lnTo>
                    <a:pt x="1492" y="1786"/>
                  </a:lnTo>
                  <a:lnTo>
                    <a:pt x="1500" y="1774"/>
                  </a:lnTo>
                  <a:lnTo>
                    <a:pt x="1504" y="1768"/>
                  </a:lnTo>
                  <a:lnTo>
                    <a:pt x="1506" y="1762"/>
                  </a:lnTo>
                  <a:lnTo>
                    <a:pt x="1506" y="1754"/>
                  </a:lnTo>
                  <a:lnTo>
                    <a:pt x="1506" y="1730"/>
                  </a:lnTo>
                  <a:lnTo>
                    <a:pt x="1510" y="1716"/>
                  </a:lnTo>
                  <a:lnTo>
                    <a:pt x="1514" y="1700"/>
                  </a:lnTo>
                  <a:lnTo>
                    <a:pt x="1518" y="1694"/>
                  </a:lnTo>
                  <a:lnTo>
                    <a:pt x="1522" y="1688"/>
                  </a:lnTo>
                  <a:lnTo>
                    <a:pt x="1540" y="1670"/>
                  </a:lnTo>
                  <a:lnTo>
                    <a:pt x="1554" y="1660"/>
                  </a:lnTo>
                  <a:lnTo>
                    <a:pt x="1578" y="1648"/>
                  </a:lnTo>
                  <a:lnTo>
                    <a:pt x="1590" y="1638"/>
                  </a:lnTo>
                  <a:lnTo>
                    <a:pt x="1598" y="1630"/>
                  </a:lnTo>
                  <a:lnTo>
                    <a:pt x="1604" y="1624"/>
                  </a:lnTo>
                  <a:lnTo>
                    <a:pt x="1608" y="1618"/>
                  </a:lnTo>
                  <a:lnTo>
                    <a:pt x="1612" y="1604"/>
                  </a:lnTo>
                  <a:lnTo>
                    <a:pt x="1616" y="1598"/>
                  </a:lnTo>
                  <a:lnTo>
                    <a:pt x="1622" y="1596"/>
                  </a:lnTo>
                  <a:lnTo>
                    <a:pt x="1636" y="1596"/>
                  </a:lnTo>
                  <a:lnTo>
                    <a:pt x="1644" y="1596"/>
                  </a:lnTo>
                  <a:lnTo>
                    <a:pt x="1652" y="1592"/>
                  </a:lnTo>
                  <a:lnTo>
                    <a:pt x="1666" y="1588"/>
                  </a:lnTo>
                  <a:lnTo>
                    <a:pt x="1676" y="1586"/>
                  </a:lnTo>
                  <a:lnTo>
                    <a:pt x="1686" y="1588"/>
                  </a:lnTo>
                  <a:lnTo>
                    <a:pt x="1688" y="1590"/>
                  </a:lnTo>
                  <a:lnTo>
                    <a:pt x="1694" y="1594"/>
                  </a:lnTo>
                  <a:lnTo>
                    <a:pt x="1700" y="1598"/>
                  </a:lnTo>
                  <a:lnTo>
                    <a:pt x="1702" y="1604"/>
                  </a:lnTo>
                  <a:lnTo>
                    <a:pt x="1706" y="1612"/>
                  </a:lnTo>
                  <a:lnTo>
                    <a:pt x="1708" y="1618"/>
                  </a:lnTo>
                  <a:lnTo>
                    <a:pt x="1714" y="1632"/>
                  </a:lnTo>
                  <a:lnTo>
                    <a:pt x="1728" y="1676"/>
                  </a:lnTo>
                  <a:lnTo>
                    <a:pt x="1732" y="1682"/>
                  </a:lnTo>
                  <a:lnTo>
                    <a:pt x="1738" y="1688"/>
                  </a:lnTo>
                  <a:lnTo>
                    <a:pt x="1744" y="1690"/>
                  </a:lnTo>
                  <a:lnTo>
                    <a:pt x="1750" y="1692"/>
                  </a:lnTo>
                  <a:lnTo>
                    <a:pt x="1758" y="1690"/>
                  </a:lnTo>
                  <a:lnTo>
                    <a:pt x="1764" y="1688"/>
                  </a:lnTo>
                  <a:lnTo>
                    <a:pt x="1770" y="1686"/>
                  </a:lnTo>
                  <a:lnTo>
                    <a:pt x="1776" y="1688"/>
                  </a:lnTo>
                  <a:lnTo>
                    <a:pt x="1780" y="1694"/>
                  </a:lnTo>
                  <a:lnTo>
                    <a:pt x="1782" y="1700"/>
                  </a:lnTo>
                  <a:lnTo>
                    <a:pt x="1788" y="1716"/>
                  </a:lnTo>
                  <a:lnTo>
                    <a:pt x="1790" y="1730"/>
                  </a:lnTo>
                  <a:lnTo>
                    <a:pt x="1790" y="1754"/>
                  </a:lnTo>
                  <a:lnTo>
                    <a:pt x="1790" y="1770"/>
                  </a:lnTo>
                  <a:lnTo>
                    <a:pt x="1790" y="1802"/>
                  </a:lnTo>
                  <a:lnTo>
                    <a:pt x="1792" y="1810"/>
                  </a:lnTo>
                  <a:lnTo>
                    <a:pt x="1796" y="1816"/>
                  </a:lnTo>
                  <a:lnTo>
                    <a:pt x="1804" y="1824"/>
                  </a:lnTo>
                  <a:lnTo>
                    <a:pt x="1814" y="1838"/>
                  </a:lnTo>
                  <a:lnTo>
                    <a:pt x="1816" y="1842"/>
                  </a:lnTo>
                  <a:lnTo>
                    <a:pt x="1822" y="1858"/>
                  </a:lnTo>
                  <a:lnTo>
                    <a:pt x="1826" y="1862"/>
                  </a:lnTo>
                  <a:lnTo>
                    <a:pt x="1834" y="1876"/>
                  </a:lnTo>
                  <a:lnTo>
                    <a:pt x="1842" y="1884"/>
                  </a:lnTo>
                  <a:lnTo>
                    <a:pt x="1854" y="1894"/>
                  </a:lnTo>
                  <a:lnTo>
                    <a:pt x="1872" y="1912"/>
                  </a:lnTo>
                  <a:lnTo>
                    <a:pt x="1878" y="1916"/>
                  </a:lnTo>
                  <a:lnTo>
                    <a:pt x="1880" y="1914"/>
                  </a:lnTo>
                  <a:lnTo>
                    <a:pt x="1884" y="1914"/>
                  </a:lnTo>
                  <a:lnTo>
                    <a:pt x="1886" y="1908"/>
                  </a:lnTo>
                  <a:lnTo>
                    <a:pt x="1886" y="1900"/>
                  </a:lnTo>
                  <a:lnTo>
                    <a:pt x="1880" y="1886"/>
                  </a:lnTo>
                  <a:lnTo>
                    <a:pt x="1874" y="1872"/>
                  </a:lnTo>
                  <a:lnTo>
                    <a:pt x="1872" y="1866"/>
                  </a:lnTo>
                  <a:lnTo>
                    <a:pt x="1862" y="1854"/>
                  </a:lnTo>
                  <a:lnTo>
                    <a:pt x="1854" y="1846"/>
                  </a:lnTo>
                  <a:lnTo>
                    <a:pt x="1842" y="1836"/>
                  </a:lnTo>
                  <a:lnTo>
                    <a:pt x="1836" y="1834"/>
                  </a:lnTo>
                  <a:lnTo>
                    <a:pt x="1824" y="1826"/>
                  </a:lnTo>
                  <a:lnTo>
                    <a:pt x="1820" y="1820"/>
                  </a:lnTo>
                  <a:lnTo>
                    <a:pt x="1818" y="1812"/>
                  </a:lnTo>
                  <a:lnTo>
                    <a:pt x="1812" y="1790"/>
                  </a:lnTo>
                  <a:lnTo>
                    <a:pt x="1810" y="1774"/>
                  </a:lnTo>
                  <a:lnTo>
                    <a:pt x="1810" y="1770"/>
                  </a:lnTo>
                  <a:lnTo>
                    <a:pt x="1812" y="1754"/>
                  </a:lnTo>
                  <a:lnTo>
                    <a:pt x="1816" y="1740"/>
                  </a:lnTo>
                  <a:lnTo>
                    <a:pt x="1818" y="1736"/>
                  </a:lnTo>
                  <a:lnTo>
                    <a:pt x="1820" y="1734"/>
                  </a:lnTo>
                  <a:lnTo>
                    <a:pt x="1824" y="1734"/>
                  </a:lnTo>
                  <a:lnTo>
                    <a:pt x="1826" y="1734"/>
                  </a:lnTo>
                  <a:lnTo>
                    <a:pt x="1842" y="1740"/>
                  </a:lnTo>
                  <a:lnTo>
                    <a:pt x="1848" y="1742"/>
                  </a:lnTo>
                  <a:lnTo>
                    <a:pt x="1854" y="1746"/>
                  </a:lnTo>
                  <a:lnTo>
                    <a:pt x="1858" y="1752"/>
                  </a:lnTo>
                  <a:lnTo>
                    <a:pt x="1864" y="1758"/>
                  </a:lnTo>
                  <a:lnTo>
                    <a:pt x="1872" y="1766"/>
                  </a:lnTo>
                  <a:lnTo>
                    <a:pt x="1884" y="1776"/>
                  </a:lnTo>
                  <a:lnTo>
                    <a:pt x="1888" y="1782"/>
                  </a:lnTo>
                  <a:lnTo>
                    <a:pt x="1894" y="1780"/>
                  </a:lnTo>
                  <a:lnTo>
                    <a:pt x="1898" y="1782"/>
                  </a:lnTo>
                  <a:lnTo>
                    <a:pt x="1902" y="1788"/>
                  </a:lnTo>
                  <a:lnTo>
                    <a:pt x="1904" y="1794"/>
                  </a:lnTo>
                  <a:lnTo>
                    <a:pt x="1906" y="1796"/>
                  </a:lnTo>
                  <a:lnTo>
                    <a:pt x="1908" y="1798"/>
                  </a:lnTo>
                  <a:lnTo>
                    <a:pt x="1912" y="1798"/>
                  </a:lnTo>
                  <a:lnTo>
                    <a:pt x="1914" y="1796"/>
                  </a:lnTo>
                  <a:lnTo>
                    <a:pt x="1940" y="1776"/>
                  </a:lnTo>
                  <a:lnTo>
                    <a:pt x="1952" y="1766"/>
                  </a:lnTo>
                  <a:lnTo>
                    <a:pt x="1962" y="1758"/>
                  </a:lnTo>
                  <a:lnTo>
                    <a:pt x="1964" y="1752"/>
                  </a:lnTo>
                  <a:lnTo>
                    <a:pt x="1964" y="1744"/>
                  </a:lnTo>
                  <a:lnTo>
                    <a:pt x="1950" y="1690"/>
                  </a:lnTo>
                  <a:lnTo>
                    <a:pt x="1946" y="1684"/>
                  </a:lnTo>
                  <a:lnTo>
                    <a:pt x="1942" y="1678"/>
                  </a:lnTo>
                  <a:lnTo>
                    <a:pt x="1932" y="1666"/>
                  </a:lnTo>
                  <a:lnTo>
                    <a:pt x="1922" y="1650"/>
                  </a:lnTo>
                  <a:lnTo>
                    <a:pt x="1914" y="1636"/>
                  </a:lnTo>
                  <a:lnTo>
                    <a:pt x="1912" y="1632"/>
                  </a:lnTo>
                  <a:lnTo>
                    <a:pt x="1910" y="1626"/>
                  </a:lnTo>
                  <a:lnTo>
                    <a:pt x="1912" y="1620"/>
                  </a:lnTo>
                  <a:lnTo>
                    <a:pt x="1924" y="1612"/>
                  </a:lnTo>
                  <a:lnTo>
                    <a:pt x="1930" y="1608"/>
                  </a:lnTo>
                  <a:lnTo>
                    <a:pt x="1942" y="1606"/>
                  </a:lnTo>
                  <a:lnTo>
                    <a:pt x="1948" y="1606"/>
                  </a:lnTo>
                  <a:lnTo>
                    <a:pt x="1954" y="1610"/>
                  </a:lnTo>
                  <a:lnTo>
                    <a:pt x="1970" y="1620"/>
                  </a:lnTo>
                  <a:lnTo>
                    <a:pt x="1972" y="1622"/>
                  </a:lnTo>
                  <a:lnTo>
                    <a:pt x="1974" y="1620"/>
                  </a:lnTo>
                  <a:lnTo>
                    <a:pt x="1976" y="1620"/>
                  </a:lnTo>
                  <a:lnTo>
                    <a:pt x="1976" y="1616"/>
                  </a:lnTo>
                  <a:lnTo>
                    <a:pt x="1976" y="1614"/>
                  </a:lnTo>
                  <a:lnTo>
                    <a:pt x="1978" y="1606"/>
                  </a:lnTo>
                  <a:lnTo>
                    <a:pt x="1984" y="1604"/>
                  </a:lnTo>
                  <a:lnTo>
                    <a:pt x="2008" y="1598"/>
                  </a:lnTo>
                  <a:lnTo>
                    <a:pt x="2014" y="1594"/>
                  </a:lnTo>
                  <a:lnTo>
                    <a:pt x="2020" y="1590"/>
                  </a:lnTo>
                  <a:lnTo>
                    <a:pt x="2024" y="1586"/>
                  </a:lnTo>
                  <a:lnTo>
                    <a:pt x="2030" y="1586"/>
                  </a:lnTo>
                  <a:lnTo>
                    <a:pt x="2040" y="1586"/>
                  </a:lnTo>
                  <a:lnTo>
                    <a:pt x="2052" y="1582"/>
                  </a:lnTo>
                  <a:lnTo>
                    <a:pt x="2056" y="1580"/>
                  </a:lnTo>
                  <a:lnTo>
                    <a:pt x="2072" y="1572"/>
                  </a:lnTo>
                  <a:lnTo>
                    <a:pt x="2076" y="1570"/>
                  </a:lnTo>
                  <a:lnTo>
                    <a:pt x="2090" y="1562"/>
                  </a:lnTo>
                  <a:lnTo>
                    <a:pt x="2106" y="1550"/>
                  </a:lnTo>
                  <a:lnTo>
                    <a:pt x="2112" y="1546"/>
                  </a:lnTo>
                  <a:lnTo>
                    <a:pt x="2116" y="1540"/>
                  </a:lnTo>
                  <a:lnTo>
                    <a:pt x="2120" y="1534"/>
                  </a:lnTo>
                  <a:lnTo>
                    <a:pt x="2126" y="1520"/>
                  </a:lnTo>
                  <a:lnTo>
                    <a:pt x="2130" y="1514"/>
                  </a:lnTo>
                  <a:lnTo>
                    <a:pt x="2138" y="1500"/>
                  </a:lnTo>
                  <a:lnTo>
                    <a:pt x="2148" y="1484"/>
                  </a:lnTo>
                  <a:lnTo>
                    <a:pt x="2150" y="1478"/>
                  </a:lnTo>
                  <a:lnTo>
                    <a:pt x="2152" y="1470"/>
                  </a:lnTo>
                  <a:lnTo>
                    <a:pt x="2152" y="1466"/>
                  </a:lnTo>
                  <a:lnTo>
                    <a:pt x="2150" y="1460"/>
                  </a:lnTo>
                  <a:lnTo>
                    <a:pt x="2148" y="1454"/>
                  </a:lnTo>
                  <a:lnTo>
                    <a:pt x="2146" y="1448"/>
                  </a:lnTo>
                  <a:lnTo>
                    <a:pt x="2148" y="1444"/>
                  </a:lnTo>
                  <a:lnTo>
                    <a:pt x="2150" y="1438"/>
                  </a:lnTo>
                  <a:lnTo>
                    <a:pt x="2148" y="1432"/>
                  </a:lnTo>
                  <a:lnTo>
                    <a:pt x="2146" y="1426"/>
                  </a:lnTo>
                  <a:lnTo>
                    <a:pt x="2140" y="1412"/>
                  </a:lnTo>
                  <a:lnTo>
                    <a:pt x="2126" y="1378"/>
                  </a:lnTo>
                  <a:lnTo>
                    <a:pt x="2122" y="1366"/>
                  </a:lnTo>
                  <a:lnTo>
                    <a:pt x="2124" y="1360"/>
                  </a:lnTo>
                  <a:lnTo>
                    <a:pt x="2128" y="1354"/>
                  </a:lnTo>
                  <a:lnTo>
                    <a:pt x="2136" y="1346"/>
                  </a:lnTo>
                  <a:lnTo>
                    <a:pt x="2150" y="1338"/>
                  </a:lnTo>
                  <a:lnTo>
                    <a:pt x="2154" y="1334"/>
                  </a:lnTo>
                  <a:lnTo>
                    <a:pt x="2160" y="1330"/>
                  </a:lnTo>
                  <a:lnTo>
                    <a:pt x="2162" y="1326"/>
                  </a:lnTo>
                  <a:lnTo>
                    <a:pt x="2160" y="1322"/>
                  </a:lnTo>
                  <a:lnTo>
                    <a:pt x="2154" y="1322"/>
                  </a:lnTo>
                  <a:lnTo>
                    <a:pt x="2140" y="1322"/>
                  </a:lnTo>
                  <a:lnTo>
                    <a:pt x="2128" y="1322"/>
                  </a:lnTo>
                  <a:lnTo>
                    <a:pt x="2118" y="1322"/>
                  </a:lnTo>
                  <a:lnTo>
                    <a:pt x="2114" y="1320"/>
                  </a:lnTo>
                  <a:lnTo>
                    <a:pt x="2110" y="1314"/>
                  </a:lnTo>
                  <a:lnTo>
                    <a:pt x="2106" y="1308"/>
                  </a:lnTo>
                  <a:lnTo>
                    <a:pt x="2098" y="1296"/>
                  </a:lnTo>
                  <a:lnTo>
                    <a:pt x="2096" y="1294"/>
                  </a:lnTo>
                  <a:lnTo>
                    <a:pt x="2096" y="1292"/>
                  </a:lnTo>
                  <a:lnTo>
                    <a:pt x="2100" y="1288"/>
                  </a:lnTo>
                  <a:lnTo>
                    <a:pt x="2106" y="1286"/>
                  </a:lnTo>
                  <a:lnTo>
                    <a:pt x="2120" y="1278"/>
                  </a:lnTo>
                  <a:lnTo>
                    <a:pt x="2126" y="1276"/>
                  </a:lnTo>
                  <a:lnTo>
                    <a:pt x="2138" y="1266"/>
                  </a:lnTo>
                  <a:lnTo>
                    <a:pt x="2146" y="1258"/>
                  </a:lnTo>
                  <a:lnTo>
                    <a:pt x="2152" y="1254"/>
                  </a:lnTo>
                  <a:lnTo>
                    <a:pt x="2158" y="1252"/>
                  </a:lnTo>
                  <a:lnTo>
                    <a:pt x="2158" y="1254"/>
                  </a:lnTo>
                  <a:lnTo>
                    <a:pt x="2160" y="1254"/>
                  </a:lnTo>
                  <a:lnTo>
                    <a:pt x="2158" y="1260"/>
                  </a:lnTo>
                  <a:lnTo>
                    <a:pt x="2156" y="1266"/>
                  </a:lnTo>
                  <a:lnTo>
                    <a:pt x="2154" y="1272"/>
                  </a:lnTo>
                  <a:lnTo>
                    <a:pt x="2158" y="1278"/>
                  </a:lnTo>
                  <a:lnTo>
                    <a:pt x="2162" y="1280"/>
                  </a:lnTo>
                  <a:lnTo>
                    <a:pt x="2166" y="1282"/>
                  </a:lnTo>
                  <a:lnTo>
                    <a:pt x="2180" y="1280"/>
                  </a:lnTo>
                  <a:lnTo>
                    <a:pt x="2194" y="1274"/>
                  </a:lnTo>
                  <a:lnTo>
                    <a:pt x="2202" y="1274"/>
                  </a:lnTo>
                  <a:lnTo>
                    <a:pt x="2208" y="1276"/>
                  </a:lnTo>
                  <a:lnTo>
                    <a:pt x="2214" y="1278"/>
                  </a:lnTo>
                  <a:lnTo>
                    <a:pt x="2220" y="1284"/>
                  </a:lnTo>
                  <a:lnTo>
                    <a:pt x="2224" y="1290"/>
                  </a:lnTo>
                  <a:lnTo>
                    <a:pt x="2228" y="1294"/>
                  </a:lnTo>
                  <a:lnTo>
                    <a:pt x="2230" y="1306"/>
                  </a:lnTo>
                  <a:lnTo>
                    <a:pt x="2230" y="1320"/>
                  </a:lnTo>
                  <a:lnTo>
                    <a:pt x="2230" y="1332"/>
                  </a:lnTo>
                  <a:lnTo>
                    <a:pt x="2228" y="1348"/>
                  </a:lnTo>
                  <a:lnTo>
                    <a:pt x="2224" y="1362"/>
                  </a:lnTo>
                  <a:lnTo>
                    <a:pt x="2222" y="1366"/>
                  </a:lnTo>
                  <a:lnTo>
                    <a:pt x="2224" y="1368"/>
                  </a:lnTo>
                  <a:lnTo>
                    <a:pt x="2226" y="1370"/>
                  </a:lnTo>
                  <a:lnTo>
                    <a:pt x="2228" y="1370"/>
                  </a:lnTo>
                  <a:lnTo>
                    <a:pt x="2232" y="1370"/>
                  </a:lnTo>
                  <a:lnTo>
                    <a:pt x="2240" y="1370"/>
                  </a:lnTo>
                  <a:lnTo>
                    <a:pt x="2248" y="1366"/>
                  </a:lnTo>
                  <a:lnTo>
                    <a:pt x="2252" y="1364"/>
                  </a:lnTo>
                  <a:lnTo>
                    <a:pt x="2264" y="1356"/>
                  </a:lnTo>
                  <a:lnTo>
                    <a:pt x="2274" y="1346"/>
                  </a:lnTo>
                  <a:lnTo>
                    <a:pt x="2278" y="1340"/>
                  </a:lnTo>
                  <a:lnTo>
                    <a:pt x="2276" y="1334"/>
                  </a:lnTo>
                  <a:lnTo>
                    <a:pt x="2264" y="1308"/>
                  </a:lnTo>
                  <a:lnTo>
                    <a:pt x="2260" y="1296"/>
                  </a:lnTo>
                  <a:lnTo>
                    <a:pt x="2260" y="1284"/>
                  </a:lnTo>
                  <a:lnTo>
                    <a:pt x="2260" y="1280"/>
                  </a:lnTo>
                  <a:lnTo>
                    <a:pt x="2260" y="1268"/>
                  </a:lnTo>
                  <a:lnTo>
                    <a:pt x="2256" y="1256"/>
                  </a:lnTo>
                  <a:lnTo>
                    <a:pt x="2254" y="1250"/>
                  </a:lnTo>
                  <a:lnTo>
                    <a:pt x="2252" y="1244"/>
                  </a:lnTo>
                  <a:lnTo>
                    <a:pt x="2256" y="1238"/>
                  </a:lnTo>
                  <a:lnTo>
                    <a:pt x="2266" y="1228"/>
                  </a:lnTo>
                  <a:lnTo>
                    <a:pt x="2274" y="1220"/>
                  </a:lnTo>
                  <a:lnTo>
                    <a:pt x="2280" y="1216"/>
                  </a:lnTo>
                  <a:lnTo>
                    <a:pt x="2286" y="1214"/>
                  </a:lnTo>
                  <a:lnTo>
                    <a:pt x="2290" y="1216"/>
                  </a:lnTo>
                  <a:lnTo>
                    <a:pt x="2292" y="1218"/>
                  </a:lnTo>
                  <a:lnTo>
                    <a:pt x="2292" y="1222"/>
                  </a:lnTo>
                  <a:lnTo>
                    <a:pt x="2294" y="1224"/>
                  </a:lnTo>
                  <a:lnTo>
                    <a:pt x="2304" y="1224"/>
                  </a:lnTo>
                  <a:lnTo>
                    <a:pt x="2310" y="1222"/>
                  </a:lnTo>
                  <a:lnTo>
                    <a:pt x="2314" y="1218"/>
                  </a:lnTo>
                  <a:lnTo>
                    <a:pt x="2320" y="1216"/>
                  </a:lnTo>
                  <a:lnTo>
                    <a:pt x="2326" y="1218"/>
                  </a:lnTo>
                  <a:lnTo>
                    <a:pt x="2332" y="1220"/>
                  </a:lnTo>
                  <a:lnTo>
                    <a:pt x="2338" y="1222"/>
                  </a:lnTo>
                  <a:lnTo>
                    <a:pt x="2344" y="1218"/>
                  </a:lnTo>
                  <a:lnTo>
                    <a:pt x="2362" y="1200"/>
                  </a:lnTo>
                  <a:lnTo>
                    <a:pt x="2374" y="1188"/>
                  </a:lnTo>
                  <a:lnTo>
                    <a:pt x="2382" y="1180"/>
                  </a:lnTo>
                  <a:lnTo>
                    <a:pt x="2392" y="1168"/>
                  </a:lnTo>
                  <a:lnTo>
                    <a:pt x="2422" y="1132"/>
                  </a:lnTo>
                  <a:lnTo>
                    <a:pt x="2430" y="1118"/>
                  </a:lnTo>
                  <a:lnTo>
                    <a:pt x="2442" y="1094"/>
                  </a:lnTo>
                  <a:lnTo>
                    <a:pt x="2446" y="1086"/>
                  </a:lnTo>
                  <a:lnTo>
                    <a:pt x="2446" y="1078"/>
                  </a:lnTo>
                  <a:lnTo>
                    <a:pt x="2446" y="1056"/>
                  </a:lnTo>
                  <a:lnTo>
                    <a:pt x="2448" y="1040"/>
                  </a:lnTo>
                  <a:lnTo>
                    <a:pt x="2454" y="996"/>
                  </a:lnTo>
                  <a:lnTo>
                    <a:pt x="2456" y="980"/>
                  </a:lnTo>
                  <a:lnTo>
                    <a:pt x="2456" y="978"/>
                  </a:lnTo>
                  <a:lnTo>
                    <a:pt x="2454" y="970"/>
                  </a:lnTo>
                  <a:lnTo>
                    <a:pt x="2450" y="964"/>
                  </a:lnTo>
                  <a:lnTo>
                    <a:pt x="2442" y="956"/>
                  </a:lnTo>
                  <a:lnTo>
                    <a:pt x="2436" y="952"/>
                  </a:lnTo>
                  <a:lnTo>
                    <a:pt x="2430" y="954"/>
                  </a:lnTo>
                  <a:lnTo>
                    <a:pt x="2414" y="964"/>
                  </a:lnTo>
                  <a:lnTo>
                    <a:pt x="2406" y="968"/>
                  </a:lnTo>
                  <a:lnTo>
                    <a:pt x="2400" y="966"/>
                  </a:lnTo>
                  <a:lnTo>
                    <a:pt x="2394" y="964"/>
                  </a:lnTo>
                  <a:lnTo>
                    <a:pt x="2388" y="958"/>
                  </a:lnTo>
                  <a:lnTo>
                    <a:pt x="2384" y="952"/>
                  </a:lnTo>
                  <a:lnTo>
                    <a:pt x="2382" y="948"/>
                  </a:lnTo>
                  <a:lnTo>
                    <a:pt x="2378" y="942"/>
                  </a:lnTo>
                  <a:lnTo>
                    <a:pt x="2372" y="940"/>
                  </a:lnTo>
                  <a:lnTo>
                    <a:pt x="2370" y="938"/>
                  </a:lnTo>
                  <a:lnTo>
                    <a:pt x="2372" y="936"/>
                  </a:lnTo>
                  <a:lnTo>
                    <a:pt x="2384" y="924"/>
                  </a:lnTo>
                  <a:lnTo>
                    <a:pt x="2402" y="906"/>
                  </a:lnTo>
                  <a:lnTo>
                    <a:pt x="2412" y="896"/>
                  </a:lnTo>
                  <a:lnTo>
                    <a:pt x="2420" y="888"/>
                  </a:lnTo>
                  <a:lnTo>
                    <a:pt x="2424" y="882"/>
                  </a:lnTo>
                  <a:lnTo>
                    <a:pt x="2426" y="876"/>
                  </a:lnTo>
                  <a:lnTo>
                    <a:pt x="2428" y="872"/>
                  </a:lnTo>
                  <a:lnTo>
                    <a:pt x="2432" y="866"/>
                  </a:lnTo>
                  <a:lnTo>
                    <a:pt x="2490" y="808"/>
                  </a:lnTo>
                  <a:lnTo>
                    <a:pt x="2496" y="804"/>
                  </a:lnTo>
                  <a:lnTo>
                    <a:pt x="2504" y="802"/>
                  </a:lnTo>
                  <a:lnTo>
                    <a:pt x="2506" y="802"/>
                  </a:lnTo>
                  <a:lnTo>
                    <a:pt x="2522" y="802"/>
                  </a:lnTo>
                  <a:lnTo>
                    <a:pt x="2556" y="802"/>
                  </a:lnTo>
                  <a:lnTo>
                    <a:pt x="2564" y="802"/>
                  </a:lnTo>
                  <a:lnTo>
                    <a:pt x="2570" y="800"/>
                  </a:lnTo>
                  <a:lnTo>
                    <a:pt x="2576" y="796"/>
                  </a:lnTo>
                  <a:lnTo>
                    <a:pt x="2584" y="794"/>
                  </a:lnTo>
                  <a:lnTo>
                    <a:pt x="2590" y="796"/>
                  </a:lnTo>
                  <a:lnTo>
                    <a:pt x="2604" y="800"/>
                  </a:lnTo>
                  <a:lnTo>
                    <a:pt x="2610" y="804"/>
                  </a:lnTo>
                  <a:lnTo>
                    <a:pt x="2612" y="810"/>
                  </a:lnTo>
                  <a:lnTo>
                    <a:pt x="2612" y="814"/>
                  </a:lnTo>
                  <a:lnTo>
                    <a:pt x="2614" y="818"/>
                  </a:lnTo>
                  <a:lnTo>
                    <a:pt x="2614" y="820"/>
                  </a:lnTo>
                  <a:lnTo>
                    <a:pt x="2618" y="820"/>
                  </a:lnTo>
                  <a:lnTo>
                    <a:pt x="2620" y="822"/>
                  </a:lnTo>
                  <a:lnTo>
                    <a:pt x="2654" y="814"/>
                  </a:lnTo>
                  <a:lnTo>
                    <a:pt x="2666" y="812"/>
                  </a:lnTo>
                  <a:lnTo>
                    <a:pt x="2668" y="812"/>
                  </a:lnTo>
                  <a:lnTo>
                    <a:pt x="2666" y="808"/>
                  </a:lnTo>
                  <a:lnTo>
                    <a:pt x="2664" y="802"/>
                  </a:lnTo>
                  <a:lnTo>
                    <a:pt x="2664" y="796"/>
                  </a:lnTo>
                  <a:lnTo>
                    <a:pt x="2668" y="782"/>
                  </a:lnTo>
                  <a:lnTo>
                    <a:pt x="2674" y="766"/>
                  </a:lnTo>
                  <a:lnTo>
                    <a:pt x="2678" y="752"/>
                  </a:lnTo>
                  <a:lnTo>
                    <a:pt x="2682" y="746"/>
                  </a:lnTo>
                  <a:lnTo>
                    <a:pt x="2688" y="740"/>
                  </a:lnTo>
                  <a:lnTo>
                    <a:pt x="2704" y="730"/>
                  </a:lnTo>
                  <a:lnTo>
                    <a:pt x="2710" y="726"/>
                  </a:lnTo>
                  <a:lnTo>
                    <a:pt x="2718" y="726"/>
                  </a:lnTo>
                  <a:lnTo>
                    <a:pt x="2742" y="732"/>
                  </a:lnTo>
                  <a:lnTo>
                    <a:pt x="2748" y="736"/>
                  </a:lnTo>
                  <a:lnTo>
                    <a:pt x="2754" y="742"/>
                  </a:lnTo>
                  <a:lnTo>
                    <a:pt x="2756" y="746"/>
                  </a:lnTo>
                  <a:lnTo>
                    <a:pt x="2758" y="750"/>
                  </a:lnTo>
                  <a:lnTo>
                    <a:pt x="2760" y="750"/>
                  </a:lnTo>
                  <a:lnTo>
                    <a:pt x="2762" y="750"/>
                  </a:lnTo>
                  <a:lnTo>
                    <a:pt x="2764" y="748"/>
                  </a:lnTo>
                  <a:lnTo>
                    <a:pt x="2774" y="740"/>
                  </a:lnTo>
                  <a:lnTo>
                    <a:pt x="2786" y="730"/>
                  </a:lnTo>
                  <a:lnTo>
                    <a:pt x="2812" y="710"/>
                  </a:lnTo>
                  <a:lnTo>
                    <a:pt x="2814" y="708"/>
                  </a:lnTo>
                  <a:lnTo>
                    <a:pt x="2816" y="708"/>
                  </a:lnTo>
                  <a:lnTo>
                    <a:pt x="2818" y="710"/>
                  </a:lnTo>
                  <a:lnTo>
                    <a:pt x="2818" y="714"/>
                  </a:lnTo>
                  <a:lnTo>
                    <a:pt x="2818" y="736"/>
                  </a:lnTo>
                  <a:lnTo>
                    <a:pt x="2816" y="744"/>
                  </a:lnTo>
                  <a:lnTo>
                    <a:pt x="2812" y="750"/>
                  </a:lnTo>
                  <a:lnTo>
                    <a:pt x="2794" y="768"/>
                  </a:lnTo>
                  <a:lnTo>
                    <a:pt x="2782" y="778"/>
                  </a:lnTo>
                  <a:lnTo>
                    <a:pt x="2776" y="780"/>
                  </a:lnTo>
                  <a:lnTo>
                    <a:pt x="2770" y="784"/>
                  </a:lnTo>
                  <a:lnTo>
                    <a:pt x="2764" y="790"/>
                  </a:lnTo>
                  <a:lnTo>
                    <a:pt x="2754" y="806"/>
                  </a:lnTo>
                  <a:lnTo>
                    <a:pt x="2744" y="818"/>
                  </a:lnTo>
                  <a:lnTo>
                    <a:pt x="2736" y="826"/>
                  </a:lnTo>
                  <a:lnTo>
                    <a:pt x="2724" y="838"/>
                  </a:lnTo>
                  <a:lnTo>
                    <a:pt x="2716" y="846"/>
                  </a:lnTo>
                  <a:lnTo>
                    <a:pt x="2710" y="850"/>
                  </a:lnTo>
                  <a:lnTo>
                    <a:pt x="2706" y="852"/>
                  </a:lnTo>
                  <a:lnTo>
                    <a:pt x="2702" y="854"/>
                  </a:lnTo>
                  <a:lnTo>
                    <a:pt x="2698" y="860"/>
                  </a:lnTo>
                  <a:lnTo>
                    <a:pt x="2684" y="904"/>
                  </a:lnTo>
                  <a:lnTo>
                    <a:pt x="2682" y="910"/>
                  </a:lnTo>
                  <a:lnTo>
                    <a:pt x="2682" y="918"/>
                  </a:lnTo>
                  <a:lnTo>
                    <a:pt x="2700" y="1020"/>
                  </a:lnTo>
                  <a:lnTo>
                    <a:pt x="2700" y="1022"/>
                  </a:lnTo>
                  <a:lnTo>
                    <a:pt x="2702" y="1024"/>
                  </a:lnTo>
                  <a:lnTo>
                    <a:pt x="2704" y="1024"/>
                  </a:lnTo>
                  <a:lnTo>
                    <a:pt x="2706" y="1022"/>
                  </a:lnTo>
                  <a:lnTo>
                    <a:pt x="2726" y="996"/>
                  </a:lnTo>
                  <a:lnTo>
                    <a:pt x="2734" y="984"/>
                  </a:lnTo>
                  <a:lnTo>
                    <a:pt x="2744" y="972"/>
                  </a:lnTo>
                  <a:lnTo>
                    <a:pt x="2746" y="966"/>
                  </a:lnTo>
                  <a:lnTo>
                    <a:pt x="2754" y="952"/>
                  </a:lnTo>
                  <a:lnTo>
                    <a:pt x="2756" y="948"/>
                  </a:lnTo>
                  <a:lnTo>
                    <a:pt x="2760" y="940"/>
                  </a:lnTo>
                  <a:lnTo>
                    <a:pt x="2766" y="936"/>
                  </a:lnTo>
                  <a:lnTo>
                    <a:pt x="2772" y="934"/>
                  </a:lnTo>
                  <a:lnTo>
                    <a:pt x="2776" y="928"/>
                  </a:lnTo>
                  <a:lnTo>
                    <a:pt x="2778" y="922"/>
                  </a:lnTo>
                  <a:lnTo>
                    <a:pt x="2778" y="918"/>
                  </a:lnTo>
                  <a:lnTo>
                    <a:pt x="2780" y="912"/>
                  </a:lnTo>
                  <a:lnTo>
                    <a:pt x="2784" y="906"/>
                  </a:lnTo>
                  <a:lnTo>
                    <a:pt x="2788" y="900"/>
                  </a:lnTo>
                  <a:lnTo>
                    <a:pt x="2790" y="894"/>
                  </a:lnTo>
                  <a:lnTo>
                    <a:pt x="2796" y="870"/>
                  </a:lnTo>
                  <a:lnTo>
                    <a:pt x="2798" y="856"/>
                  </a:lnTo>
                  <a:lnTo>
                    <a:pt x="2796" y="854"/>
                  </a:lnTo>
                  <a:lnTo>
                    <a:pt x="2790" y="852"/>
                  </a:lnTo>
                  <a:lnTo>
                    <a:pt x="2786" y="852"/>
                  </a:lnTo>
                  <a:lnTo>
                    <a:pt x="2784" y="852"/>
                  </a:lnTo>
                  <a:lnTo>
                    <a:pt x="2782" y="850"/>
                  </a:lnTo>
                  <a:lnTo>
                    <a:pt x="2782" y="848"/>
                  </a:lnTo>
                  <a:lnTo>
                    <a:pt x="2782" y="844"/>
                  </a:lnTo>
                  <a:lnTo>
                    <a:pt x="2796" y="810"/>
                  </a:lnTo>
                  <a:lnTo>
                    <a:pt x="2798" y="804"/>
                  </a:lnTo>
                  <a:lnTo>
                    <a:pt x="2804" y="798"/>
                  </a:lnTo>
                  <a:lnTo>
                    <a:pt x="2816" y="790"/>
                  </a:lnTo>
                  <a:lnTo>
                    <a:pt x="2820" y="786"/>
                  </a:lnTo>
                  <a:lnTo>
                    <a:pt x="2832" y="784"/>
                  </a:lnTo>
                  <a:lnTo>
                    <a:pt x="2838" y="784"/>
                  </a:lnTo>
                  <a:lnTo>
                    <a:pt x="2842" y="788"/>
                  </a:lnTo>
                  <a:lnTo>
                    <a:pt x="2844" y="790"/>
                  </a:lnTo>
                  <a:lnTo>
                    <a:pt x="2848" y="790"/>
                  </a:lnTo>
                  <a:lnTo>
                    <a:pt x="2854" y="788"/>
                  </a:lnTo>
                  <a:lnTo>
                    <a:pt x="2870" y="770"/>
                  </a:lnTo>
                  <a:lnTo>
                    <a:pt x="2874" y="768"/>
                  </a:lnTo>
                  <a:lnTo>
                    <a:pt x="2876" y="768"/>
                  </a:lnTo>
                  <a:lnTo>
                    <a:pt x="2880" y="768"/>
                  </a:lnTo>
                  <a:lnTo>
                    <a:pt x="2882" y="770"/>
                  </a:lnTo>
                  <a:lnTo>
                    <a:pt x="2900" y="788"/>
                  </a:lnTo>
                  <a:lnTo>
                    <a:pt x="2902" y="790"/>
                  </a:lnTo>
                  <a:lnTo>
                    <a:pt x="2906" y="790"/>
                  </a:lnTo>
                  <a:lnTo>
                    <a:pt x="2908" y="788"/>
                  </a:lnTo>
                  <a:lnTo>
                    <a:pt x="2908" y="786"/>
                  </a:lnTo>
                  <a:lnTo>
                    <a:pt x="2914" y="772"/>
                  </a:lnTo>
                  <a:lnTo>
                    <a:pt x="2918" y="766"/>
                  </a:lnTo>
                  <a:lnTo>
                    <a:pt x="2924" y="764"/>
                  </a:lnTo>
                  <a:lnTo>
                    <a:pt x="2928" y="764"/>
                  </a:lnTo>
                  <a:lnTo>
                    <a:pt x="2934" y="762"/>
                  </a:lnTo>
                  <a:lnTo>
                    <a:pt x="2940" y="758"/>
                  </a:lnTo>
                  <a:lnTo>
                    <a:pt x="2960" y="732"/>
                  </a:lnTo>
                  <a:lnTo>
                    <a:pt x="2966" y="726"/>
                  </a:lnTo>
                  <a:lnTo>
                    <a:pt x="2972" y="722"/>
                  </a:lnTo>
                  <a:lnTo>
                    <a:pt x="2996" y="708"/>
                  </a:lnTo>
                  <a:lnTo>
                    <a:pt x="3004" y="706"/>
                  </a:lnTo>
                  <a:lnTo>
                    <a:pt x="3012" y="706"/>
                  </a:lnTo>
                  <a:lnTo>
                    <a:pt x="3016" y="706"/>
                  </a:lnTo>
                  <a:lnTo>
                    <a:pt x="3024" y="706"/>
                  </a:lnTo>
                  <a:lnTo>
                    <a:pt x="3030" y="708"/>
                  </a:lnTo>
                  <a:lnTo>
                    <a:pt x="3036" y="712"/>
                  </a:lnTo>
                  <a:lnTo>
                    <a:pt x="3042" y="712"/>
                  </a:lnTo>
                  <a:lnTo>
                    <a:pt x="3044" y="710"/>
                  </a:lnTo>
                  <a:lnTo>
                    <a:pt x="3044" y="698"/>
                  </a:lnTo>
                  <a:lnTo>
                    <a:pt x="3044" y="694"/>
                  </a:lnTo>
                  <a:lnTo>
                    <a:pt x="3040" y="678"/>
                  </a:lnTo>
                  <a:lnTo>
                    <a:pt x="3036" y="664"/>
                  </a:lnTo>
                  <a:lnTo>
                    <a:pt x="3032" y="656"/>
                  </a:lnTo>
                  <a:lnTo>
                    <a:pt x="3028" y="650"/>
                  </a:lnTo>
                  <a:lnTo>
                    <a:pt x="3020" y="642"/>
                  </a:lnTo>
                  <a:lnTo>
                    <a:pt x="3018" y="640"/>
                  </a:lnTo>
                  <a:lnTo>
                    <a:pt x="3018" y="638"/>
                  </a:lnTo>
                  <a:lnTo>
                    <a:pt x="3018" y="634"/>
                  </a:lnTo>
                  <a:lnTo>
                    <a:pt x="3022" y="634"/>
                  </a:lnTo>
                  <a:lnTo>
                    <a:pt x="3026" y="630"/>
                  </a:lnTo>
                  <a:lnTo>
                    <a:pt x="3040" y="624"/>
                  </a:lnTo>
                  <a:lnTo>
                    <a:pt x="3046" y="620"/>
                  </a:lnTo>
                  <a:close/>
                  <a:moveTo>
                    <a:pt x="420" y="930"/>
                  </a:moveTo>
                  <a:lnTo>
                    <a:pt x="420" y="930"/>
                  </a:lnTo>
                  <a:lnTo>
                    <a:pt x="414" y="924"/>
                  </a:lnTo>
                  <a:lnTo>
                    <a:pt x="410" y="920"/>
                  </a:lnTo>
                  <a:lnTo>
                    <a:pt x="414" y="924"/>
                  </a:lnTo>
                  <a:lnTo>
                    <a:pt x="420" y="930"/>
                  </a:lnTo>
                  <a:close/>
                  <a:moveTo>
                    <a:pt x="938" y="1244"/>
                  </a:moveTo>
                  <a:lnTo>
                    <a:pt x="938" y="1244"/>
                  </a:lnTo>
                  <a:lnTo>
                    <a:pt x="934" y="1238"/>
                  </a:lnTo>
                  <a:lnTo>
                    <a:pt x="928" y="1236"/>
                  </a:lnTo>
                  <a:lnTo>
                    <a:pt x="924" y="1234"/>
                  </a:lnTo>
                  <a:lnTo>
                    <a:pt x="914" y="1234"/>
                  </a:lnTo>
                  <a:lnTo>
                    <a:pt x="902" y="1238"/>
                  </a:lnTo>
                  <a:lnTo>
                    <a:pt x="896" y="1240"/>
                  </a:lnTo>
                  <a:lnTo>
                    <a:pt x="890" y="1242"/>
                  </a:lnTo>
                  <a:lnTo>
                    <a:pt x="882" y="1244"/>
                  </a:lnTo>
                  <a:lnTo>
                    <a:pt x="878" y="1244"/>
                  </a:lnTo>
                  <a:lnTo>
                    <a:pt x="864" y="1244"/>
                  </a:lnTo>
                  <a:lnTo>
                    <a:pt x="852" y="1240"/>
                  </a:lnTo>
                  <a:lnTo>
                    <a:pt x="848" y="1238"/>
                  </a:lnTo>
                  <a:lnTo>
                    <a:pt x="836" y="1234"/>
                  </a:lnTo>
                  <a:lnTo>
                    <a:pt x="822" y="1234"/>
                  </a:lnTo>
                  <a:lnTo>
                    <a:pt x="800" y="1234"/>
                  </a:lnTo>
                  <a:lnTo>
                    <a:pt x="786" y="1234"/>
                  </a:lnTo>
                  <a:lnTo>
                    <a:pt x="774" y="1234"/>
                  </a:lnTo>
                  <a:lnTo>
                    <a:pt x="770" y="1234"/>
                  </a:lnTo>
                  <a:lnTo>
                    <a:pt x="764" y="1236"/>
                  </a:lnTo>
                  <a:lnTo>
                    <a:pt x="758" y="1238"/>
                  </a:lnTo>
                  <a:lnTo>
                    <a:pt x="746" y="1248"/>
                  </a:lnTo>
                  <a:lnTo>
                    <a:pt x="740" y="1250"/>
                  </a:lnTo>
                  <a:lnTo>
                    <a:pt x="734" y="1250"/>
                  </a:lnTo>
                  <a:lnTo>
                    <a:pt x="728" y="1248"/>
                  </a:lnTo>
                  <a:lnTo>
                    <a:pt x="722" y="1244"/>
                  </a:lnTo>
                  <a:lnTo>
                    <a:pt x="716" y="1240"/>
                  </a:lnTo>
                  <a:lnTo>
                    <a:pt x="702" y="1236"/>
                  </a:lnTo>
                  <a:lnTo>
                    <a:pt x="696" y="1232"/>
                  </a:lnTo>
                  <a:lnTo>
                    <a:pt x="694" y="1226"/>
                  </a:lnTo>
                  <a:lnTo>
                    <a:pt x="694" y="1222"/>
                  </a:lnTo>
                  <a:lnTo>
                    <a:pt x="696" y="1214"/>
                  </a:lnTo>
                  <a:lnTo>
                    <a:pt x="700" y="1208"/>
                  </a:lnTo>
                  <a:lnTo>
                    <a:pt x="708" y="1200"/>
                  </a:lnTo>
                  <a:lnTo>
                    <a:pt x="714" y="1194"/>
                  </a:lnTo>
                  <a:lnTo>
                    <a:pt x="714" y="1186"/>
                  </a:lnTo>
                  <a:lnTo>
                    <a:pt x="714" y="1172"/>
                  </a:lnTo>
                  <a:lnTo>
                    <a:pt x="714" y="1166"/>
                  </a:lnTo>
                  <a:lnTo>
                    <a:pt x="718" y="1160"/>
                  </a:lnTo>
                  <a:lnTo>
                    <a:pt x="724" y="1156"/>
                  </a:lnTo>
                  <a:lnTo>
                    <a:pt x="728" y="1150"/>
                  </a:lnTo>
                  <a:lnTo>
                    <a:pt x="740" y="1142"/>
                  </a:lnTo>
                  <a:lnTo>
                    <a:pt x="746" y="1140"/>
                  </a:lnTo>
                  <a:lnTo>
                    <a:pt x="754" y="1136"/>
                  </a:lnTo>
                  <a:lnTo>
                    <a:pt x="760" y="1136"/>
                  </a:lnTo>
                  <a:lnTo>
                    <a:pt x="764" y="1136"/>
                  </a:lnTo>
                  <a:lnTo>
                    <a:pt x="772" y="1138"/>
                  </a:lnTo>
                  <a:lnTo>
                    <a:pt x="778" y="1140"/>
                  </a:lnTo>
                  <a:lnTo>
                    <a:pt x="780" y="1146"/>
                  </a:lnTo>
                  <a:lnTo>
                    <a:pt x="778" y="1150"/>
                  </a:lnTo>
                  <a:lnTo>
                    <a:pt x="776" y="1152"/>
                  </a:lnTo>
                  <a:lnTo>
                    <a:pt x="776" y="1156"/>
                  </a:lnTo>
                  <a:lnTo>
                    <a:pt x="778" y="1160"/>
                  </a:lnTo>
                  <a:lnTo>
                    <a:pt x="786" y="1170"/>
                  </a:lnTo>
                  <a:lnTo>
                    <a:pt x="792" y="1172"/>
                  </a:lnTo>
                  <a:lnTo>
                    <a:pt x="800" y="1172"/>
                  </a:lnTo>
                  <a:lnTo>
                    <a:pt x="824" y="1158"/>
                  </a:lnTo>
                  <a:lnTo>
                    <a:pt x="832" y="1156"/>
                  </a:lnTo>
                  <a:lnTo>
                    <a:pt x="838" y="1158"/>
                  </a:lnTo>
                  <a:lnTo>
                    <a:pt x="862" y="1164"/>
                  </a:lnTo>
                  <a:lnTo>
                    <a:pt x="870" y="1166"/>
                  </a:lnTo>
                  <a:lnTo>
                    <a:pt x="874" y="1172"/>
                  </a:lnTo>
                  <a:lnTo>
                    <a:pt x="886" y="1188"/>
                  </a:lnTo>
                  <a:lnTo>
                    <a:pt x="888" y="1194"/>
                  </a:lnTo>
                  <a:lnTo>
                    <a:pt x="890" y="1200"/>
                  </a:lnTo>
                  <a:lnTo>
                    <a:pt x="892" y="1204"/>
                  </a:lnTo>
                  <a:lnTo>
                    <a:pt x="894" y="1210"/>
                  </a:lnTo>
                  <a:lnTo>
                    <a:pt x="900" y="1212"/>
                  </a:lnTo>
                  <a:lnTo>
                    <a:pt x="908" y="1214"/>
                  </a:lnTo>
                  <a:lnTo>
                    <a:pt x="912" y="1214"/>
                  </a:lnTo>
                  <a:lnTo>
                    <a:pt x="918" y="1216"/>
                  </a:lnTo>
                  <a:lnTo>
                    <a:pt x="924" y="1218"/>
                  </a:lnTo>
                  <a:lnTo>
                    <a:pt x="932" y="1232"/>
                  </a:lnTo>
                  <a:lnTo>
                    <a:pt x="936" y="1236"/>
                  </a:lnTo>
                  <a:lnTo>
                    <a:pt x="938" y="1244"/>
                  </a:lnTo>
                  <a:close/>
                  <a:moveTo>
                    <a:pt x="1094" y="1156"/>
                  </a:moveTo>
                  <a:lnTo>
                    <a:pt x="1094" y="1156"/>
                  </a:lnTo>
                  <a:lnTo>
                    <a:pt x="1078" y="1156"/>
                  </a:lnTo>
                  <a:lnTo>
                    <a:pt x="1074" y="1156"/>
                  </a:lnTo>
                  <a:lnTo>
                    <a:pt x="1068" y="1156"/>
                  </a:lnTo>
                  <a:lnTo>
                    <a:pt x="1062" y="1160"/>
                  </a:lnTo>
                  <a:lnTo>
                    <a:pt x="1058" y="1166"/>
                  </a:lnTo>
                  <a:lnTo>
                    <a:pt x="1058" y="1172"/>
                  </a:lnTo>
                  <a:lnTo>
                    <a:pt x="1064" y="1196"/>
                  </a:lnTo>
                  <a:lnTo>
                    <a:pt x="1068" y="1204"/>
                  </a:lnTo>
                  <a:lnTo>
                    <a:pt x="1072" y="1210"/>
                  </a:lnTo>
                  <a:lnTo>
                    <a:pt x="1080" y="1218"/>
                  </a:lnTo>
                  <a:lnTo>
                    <a:pt x="1084" y="1224"/>
                  </a:lnTo>
                  <a:lnTo>
                    <a:pt x="1086" y="1232"/>
                  </a:lnTo>
                  <a:lnTo>
                    <a:pt x="1086" y="1256"/>
                  </a:lnTo>
                  <a:lnTo>
                    <a:pt x="1086" y="1264"/>
                  </a:lnTo>
                  <a:lnTo>
                    <a:pt x="1080" y="1266"/>
                  </a:lnTo>
                  <a:lnTo>
                    <a:pt x="1020" y="1278"/>
                  </a:lnTo>
                  <a:lnTo>
                    <a:pt x="1014" y="1278"/>
                  </a:lnTo>
                  <a:lnTo>
                    <a:pt x="1010" y="1276"/>
                  </a:lnTo>
                  <a:lnTo>
                    <a:pt x="1006" y="1274"/>
                  </a:lnTo>
                  <a:lnTo>
                    <a:pt x="1002" y="1278"/>
                  </a:lnTo>
                  <a:lnTo>
                    <a:pt x="998" y="1280"/>
                  </a:lnTo>
                  <a:lnTo>
                    <a:pt x="990" y="1282"/>
                  </a:lnTo>
                  <a:lnTo>
                    <a:pt x="982" y="1284"/>
                  </a:lnTo>
                  <a:lnTo>
                    <a:pt x="976" y="1284"/>
                  </a:lnTo>
                  <a:lnTo>
                    <a:pt x="972" y="1284"/>
                  </a:lnTo>
                  <a:lnTo>
                    <a:pt x="962" y="1278"/>
                  </a:lnTo>
                  <a:lnTo>
                    <a:pt x="958" y="1272"/>
                  </a:lnTo>
                  <a:lnTo>
                    <a:pt x="954" y="1268"/>
                  </a:lnTo>
                  <a:lnTo>
                    <a:pt x="954" y="1266"/>
                  </a:lnTo>
                  <a:lnTo>
                    <a:pt x="954" y="1264"/>
                  </a:lnTo>
                  <a:lnTo>
                    <a:pt x="960" y="1264"/>
                  </a:lnTo>
                  <a:lnTo>
                    <a:pt x="968" y="1262"/>
                  </a:lnTo>
                  <a:lnTo>
                    <a:pt x="976" y="1260"/>
                  </a:lnTo>
                  <a:lnTo>
                    <a:pt x="980" y="1256"/>
                  </a:lnTo>
                  <a:lnTo>
                    <a:pt x="986" y="1256"/>
                  </a:lnTo>
                  <a:lnTo>
                    <a:pt x="992" y="1258"/>
                  </a:lnTo>
                  <a:lnTo>
                    <a:pt x="996" y="1264"/>
                  </a:lnTo>
                  <a:lnTo>
                    <a:pt x="998" y="1268"/>
                  </a:lnTo>
                  <a:lnTo>
                    <a:pt x="998" y="1270"/>
                  </a:lnTo>
                  <a:lnTo>
                    <a:pt x="1002" y="1266"/>
                  </a:lnTo>
                  <a:lnTo>
                    <a:pt x="1004" y="1260"/>
                  </a:lnTo>
                  <a:lnTo>
                    <a:pt x="1012" y="1248"/>
                  </a:lnTo>
                  <a:lnTo>
                    <a:pt x="1022" y="1240"/>
                  </a:lnTo>
                  <a:lnTo>
                    <a:pt x="1024" y="1234"/>
                  </a:lnTo>
                  <a:lnTo>
                    <a:pt x="1024" y="1226"/>
                  </a:lnTo>
                  <a:lnTo>
                    <a:pt x="1010" y="1202"/>
                  </a:lnTo>
                  <a:lnTo>
                    <a:pt x="1002" y="1188"/>
                  </a:lnTo>
                  <a:lnTo>
                    <a:pt x="974" y="1152"/>
                  </a:lnTo>
                  <a:lnTo>
                    <a:pt x="970" y="1146"/>
                  </a:lnTo>
                  <a:lnTo>
                    <a:pt x="972" y="1138"/>
                  </a:lnTo>
                  <a:lnTo>
                    <a:pt x="984" y="1122"/>
                  </a:lnTo>
                  <a:lnTo>
                    <a:pt x="988" y="1118"/>
                  </a:lnTo>
                  <a:lnTo>
                    <a:pt x="994" y="1112"/>
                  </a:lnTo>
                  <a:lnTo>
                    <a:pt x="1000" y="1110"/>
                  </a:lnTo>
                  <a:lnTo>
                    <a:pt x="1006" y="1108"/>
                  </a:lnTo>
                  <a:lnTo>
                    <a:pt x="1012" y="1112"/>
                  </a:lnTo>
                  <a:lnTo>
                    <a:pt x="1018" y="1114"/>
                  </a:lnTo>
                  <a:lnTo>
                    <a:pt x="1026" y="1116"/>
                  </a:lnTo>
                  <a:lnTo>
                    <a:pt x="1048" y="1116"/>
                  </a:lnTo>
                  <a:lnTo>
                    <a:pt x="1064" y="1116"/>
                  </a:lnTo>
                  <a:lnTo>
                    <a:pt x="1078" y="1116"/>
                  </a:lnTo>
                  <a:lnTo>
                    <a:pt x="1084" y="1118"/>
                  </a:lnTo>
                  <a:lnTo>
                    <a:pt x="1090" y="1122"/>
                  </a:lnTo>
                  <a:lnTo>
                    <a:pt x="1110" y="1148"/>
                  </a:lnTo>
                  <a:lnTo>
                    <a:pt x="1112" y="1152"/>
                  </a:lnTo>
                  <a:lnTo>
                    <a:pt x="1112" y="1154"/>
                  </a:lnTo>
                  <a:lnTo>
                    <a:pt x="1110" y="1154"/>
                  </a:lnTo>
                  <a:lnTo>
                    <a:pt x="1108" y="1156"/>
                  </a:lnTo>
                  <a:lnTo>
                    <a:pt x="1094" y="1156"/>
                  </a:lnTo>
                  <a:close/>
                  <a:moveTo>
                    <a:pt x="1098" y="350"/>
                  </a:moveTo>
                  <a:lnTo>
                    <a:pt x="1098" y="350"/>
                  </a:lnTo>
                  <a:lnTo>
                    <a:pt x="1102" y="354"/>
                  </a:lnTo>
                  <a:lnTo>
                    <a:pt x="1106" y="358"/>
                  </a:lnTo>
                  <a:lnTo>
                    <a:pt x="1108" y="362"/>
                  </a:lnTo>
                  <a:lnTo>
                    <a:pt x="1112" y="366"/>
                  </a:lnTo>
                  <a:lnTo>
                    <a:pt x="1118" y="368"/>
                  </a:lnTo>
                  <a:lnTo>
                    <a:pt x="1124" y="372"/>
                  </a:lnTo>
                  <a:lnTo>
                    <a:pt x="1132" y="372"/>
                  </a:lnTo>
                  <a:lnTo>
                    <a:pt x="1156" y="372"/>
                  </a:lnTo>
                  <a:lnTo>
                    <a:pt x="1158" y="372"/>
                  </a:lnTo>
                  <a:lnTo>
                    <a:pt x="1160" y="370"/>
                  </a:lnTo>
                  <a:lnTo>
                    <a:pt x="1160" y="368"/>
                  </a:lnTo>
                  <a:lnTo>
                    <a:pt x="1158" y="366"/>
                  </a:lnTo>
                  <a:lnTo>
                    <a:pt x="1150" y="358"/>
                  </a:lnTo>
                  <a:lnTo>
                    <a:pt x="1146" y="352"/>
                  </a:lnTo>
                  <a:lnTo>
                    <a:pt x="1142" y="346"/>
                  </a:lnTo>
                  <a:lnTo>
                    <a:pt x="1128" y="302"/>
                  </a:lnTo>
                  <a:lnTo>
                    <a:pt x="1126" y="294"/>
                  </a:lnTo>
                  <a:lnTo>
                    <a:pt x="1128" y="286"/>
                  </a:lnTo>
                  <a:lnTo>
                    <a:pt x="1140" y="262"/>
                  </a:lnTo>
                  <a:lnTo>
                    <a:pt x="1148" y="248"/>
                  </a:lnTo>
                  <a:lnTo>
                    <a:pt x="1180" y="184"/>
                  </a:lnTo>
                  <a:lnTo>
                    <a:pt x="1184" y="178"/>
                  </a:lnTo>
                  <a:lnTo>
                    <a:pt x="1190" y="172"/>
                  </a:lnTo>
                  <a:lnTo>
                    <a:pt x="1216" y="152"/>
                  </a:lnTo>
                  <a:lnTo>
                    <a:pt x="1226" y="140"/>
                  </a:lnTo>
                  <a:lnTo>
                    <a:pt x="1238" y="124"/>
                  </a:lnTo>
                  <a:lnTo>
                    <a:pt x="1244" y="120"/>
                  </a:lnTo>
                  <a:lnTo>
                    <a:pt x="1250" y="116"/>
                  </a:lnTo>
                  <a:lnTo>
                    <a:pt x="1264" y="110"/>
                  </a:lnTo>
                  <a:lnTo>
                    <a:pt x="1278" y="104"/>
                  </a:lnTo>
                  <a:lnTo>
                    <a:pt x="1294" y="94"/>
                  </a:lnTo>
                  <a:lnTo>
                    <a:pt x="1306" y="84"/>
                  </a:lnTo>
                  <a:lnTo>
                    <a:pt x="1334" y="56"/>
                  </a:lnTo>
                  <a:lnTo>
                    <a:pt x="1338" y="50"/>
                  </a:lnTo>
                  <a:lnTo>
                    <a:pt x="1336" y="42"/>
                  </a:lnTo>
                  <a:lnTo>
                    <a:pt x="1334" y="38"/>
                  </a:lnTo>
                  <a:lnTo>
                    <a:pt x="1328" y="32"/>
                  </a:lnTo>
                  <a:lnTo>
                    <a:pt x="1322" y="30"/>
                  </a:lnTo>
                  <a:lnTo>
                    <a:pt x="1308" y="30"/>
                  </a:lnTo>
                  <a:lnTo>
                    <a:pt x="1302" y="32"/>
                  </a:lnTo>
                  <a:lnTo>
                    <a:pt x="1296" y="36"/>
                  </a:lnTo>
                  <a:lnTo>
                    <a:pt x="1286" y="44"/>
                  </a:lnTo>
                  <a:lnTo>
                    <a:pt x="1276" y="54"/>
                  </a:lnTo>
                  <a:lnTo>
                    <a:pt x="1270" y="58"/>
                  </a:lnTo>
                  <a:lnTo>
                    <a:pt x="1264" y="62"/>
                  </a:lnTo>
                  <a:lnTo>
                    <a:pt x="1250" y="66"/>
                  </a:lnTo>
                  <a:lnTo>
                    <a:pt x="1234" y="70"/>
                  </a:lnTo>
                  <a:lnTo>
                    <a:pt x="1220" y="70"/>
                  </a:lnTo>
                  <a:lnTo>
                    <a:pt x="1214" y="70"/>
                  </a:lnTo>
                  <a:lnTo>
                    <a:pt x="1208" y="74"/>
                  </a:lnTo>
                  <a:lnTo>
                    <a:pt x="1198" y="84"/>
                  </a:lnTo>
                  <a:lnTo>
                    <a:pt x="1188" y="94"/>
                  </a:lnTo>
                  <a:lnTo>
                    <a:pt x="1160" y="122"/>
                  </a:lnTo>
                  <a:lnTo>
                    <a:pt x="1146" y="132"/>
                  </a:lnTo>
                  <a:lnTo>
                    <a:pt x="1142" y="134"/>
                  </a:lnTo>
                  <a:lnTo>
                    <a:pt x="1136" y="140"/>
                  </a:lnTo>
                  <a:lnTo>
                    <a:pt x="1134" y="146"/>
                  </a:lnTo>
                  <a:lnTo>
                    <a:pt x="1134" y="160"/>
                  </a:lnTo>
                  <a:lnTo>
                    <a:pt x="1132" y="166"/>
                  </a:lnTo>
                  <a:lnTo>
                    <a:pt x="1128" y="170"/>
                  </a:lnTo>
                  <a:lnTo>
                    <a:pt x="1122" y="174"/>
                  </a:lnTo>
                  <a:lnTo>
                    <a:pt x="1116" y="178"/>
                  </a:lnTo>
                  <a:lnTo>
                    <a:pt x="1110" y="184"/>
                  </a:lnTo>
                  <a:lnTo>
                    <a:pt x="1100" y="200"/>
                  </a:lnTo>
                  <a:lnTo>
                    <a:pt x="1096" y="206"/>
                  </a:lnTo>
                  <a:lnTo>
                    <a:pt x="1096" y="214"/>
                  </a:lnTo>
                  <a:lnTo>
                    <a:pt x="1096" y="218"/>
                  </a:lnTo>
                  <a:lnTo>
                    <a:pt x="1094" y="226"/>
                  </a:lnTo>
                  <a:lnTo>
                    <a:pt x="1092" y="232"/>
                  </a:lnTo>
                  <a:lnTo>
                    <a:pt x="1090" y="238"/>
                  </a:lnTo>
                  <a:lnTo>
                    <a:pt x="1082" y="252"/>
                  </a:lnTo>
                  <a:lnTo>
                    <a:pt x="1080" y="258"/>
                  </a:lnTo>
                  <a:lnTo>
                    <a:pt x="1076" y="266"/>
                  </a:lnTo>
                  <a:lnTo>
                    <a:pt x="1076" y="272"/>
                  </a:lnTo>
                  <a:lnTo>
                    <a:pt x="1076" y="286"/>
                  </a:lnTo>
                  <a:lnTo>
                    <a:pt x="1074" y="294"/>
                  </a:lnTo>
                  <a:lnTo>
                    <a:pt x="1072" y="302"/>
                  </a:lnTo>
                  <a:lnTo>
                    <a:pt x="1070" y="306"/>
                  </a:lnTo>
                  <a:lnTo>
                    <a:pt x="1068" y="314"/>
                  </a:lnTo>
                  <a:lnTo>
                    <a:pt x="1068" y="322"/>
                  </a:lnTo>
                  <a:lnTo>
                    <a:pt x="1074" y="336"/>
                  </a:lnTo>
                  <a:lnTo>
                    <a:pt x="1078" y="342"/>
                  </a:lnTo>
                  <a:lnTo>
                    <a:pt x="1084" y="346"/>
                  </a:lnTo>
                  <a:lnTo>
                    <a:pt x="1098" y="350"/>
                  </a:lnTo>
                  <a:close/>
                  <a:moveTo>
                    <a:pt x="148" y="1002"/>
                  </a:moveTo>
                  <a:lnTo>
                    <a:pt x="148" y="1002"/>
                  </a:lnTo>
                  <a:lnTo>
                    <a:pt x="162" y="994"/>
                  </a:lnTo>
                  <a:lnTo>
                    <a:pt x="168" y="992"/>
                  </a:lnTo>
                  <a:lnTo>
                    <a:pt x="172" y="988"/>
                  </a:lnTo>
                  <a:lnTo>
                    <a:pt x="174" y="980"/>
                  </a:lnTo>
                  <a:lnTo>
                    <a:pt x="174" y="978"/>
                  </a:lnTo>
                  <a:lnTo>
                    <a:pt x="174" y="962"/>
                  </a:lnTo>
                  <a:lnTo>
                    <a:pt x="174" y="958"/>
                  </a:lnTo>
                  <a:lnTo>
                    <a:pt x="176" y="950"/>
                  </a:lnTo>
                  <a:lnTo>
                    <a:pt x="180" y="944"/>
                  </a:lnTo>
                  <a:lnTo>
                    <a:pt x="182" y="940"/>
                  </a:lnTo>
                  <a:lnTo>
                    <a:pt x="180" y="936"/>
                  </a:lnTo>
                  <a:lnTo>
                    <a:pt x="176" y="930"/>
                  </a:lnTo>
                  <a:lnTo>
                    <a:pt x="174" y="926"/>
                  </a:lnTo>
                  <a:lnTo>
                    <a:pt x="172" y="922"/>
                  </a:lnTo>
                  <a:lnTo>
                    <a:pt x="170" y="920"/>
                  </a:lnTo>
                  <a:lnTo>
                    <a:pt x="164" y="920"/>
                  </a:lnTo>
                  <a:lnTo>
                    <a:pt x="160" y="916"/>
                  </a:lnTo>
                  <a:lnTo>
                    <a:pt x="158" y="914"/>
                  </a:lnTo>
                  <a:lnTo>
                    <a:pt x="154" y="914"/>
                  </a:lnTo>
                  <a:lnTo>
                    <a:pt x="148" y="916"/>
                  </a:lnTo>
                  <a:lnTo>
                    <a:pt x="140" y="924"/>
                  </a:lnTo>
                  <a:lnTo>
                    <a:pt x="136" y="930"/>
                  </a:lnTo>
                  <a:lnTo>
                    <a:pt x="134" y="936"/>
                  </a:lnTo>
                  <a:lnTo>
                    <a:pt x="132" y="938"/>
                  </a:lnTo>
                  <a:lnTo>
                    <a:pt x="126" y="940"/>
                  </a:lnTo>
                  <a:lnTo>
                    <a:pt x="124" y="940"/>
                  </a:lnTo>
                  <a:lnTo>
                    <a:pt x="120" y="940"/>
                  </a:lnTo>
                  <a:lnTo>
                    <a:pt x="118" y="942"/>
                  </a:lnTo>
                  <a:lnTo>
                    <a:pt x="118" y="944"/>
                  </a:lnTo>
                  <a:lnTo>
                    <a:pt x="118" y="948"/>
                  </a:lnTo>
                  <a:lnTo>
                    <a:pt x="122" y="952"/>
                  </a:lnTo>
                  <a:lnTo>
                    <a:pt x="122" y="958"/>
                  </a:lnTo>
                  <a:lnTo>
                    <a:pt x="120" y="960"/>
                  </a:lnTo>
                  <a:lnTo>
                    <a:pt x="118" y="960"/>
                  </a:lnTo>
                  <a:lnTo>
                    <a:pt x="120" y="964"/>
                  </a:lnTo>
                  <a:lnTo>
                    <a:pt x="124" y="970"/>
                  </a:lnTo>
                  <a:lnTo>
                    <a:pt x="124" y="974"/>
                  </a:lnTo>
                  <a:lnTo>
                    <a:pt x="124" y="978"/>
                  </a:lnTo>
                  <a:lnTo>
                    <a:pt x="120" y="984"/>
                  </a:lnTo>
                  <a:lnTo>
                    <a:pt x="116" y="988"/>
                  </a:lnTo>
                  <a:lnTo>
                    <a:pt x="116" y="994"/>
                  </a:lnTo>
                  <a:lnTo>
                    <a:pt x="116" y="1004"/>
                  </a:lnTo>
                  <a:lnTo>
                    <a:pt x="116" y="1008"/>
                  </a:lnTo>
                  <a:lnTo>
                    <a:pt x="120" y="1012"/>
                  </a:lnTo>
                  <a:lnTo>
                    <a:pt x="126" y="1016"/>
                  </a:lnTo>
                  <a:lnTo>
                    <a:pt x="132" y="1014"/>
                  </a:lnTo>
                  <a:lnTo>
                    <a:pt x="148" y="1002"/>
                  </a:lnTo>
                  <a:close/>
                  <a:moveTo>
                    <a:pt x="1506" y="1812"/>
                  </a:moveTo>
                  <a:lnTo>
                    <a:pt x="1506" y="1812"/>
                  </a:lnTo>
                  <a:lnTo>
                    <a:pt x="1506" y="1828"/>
                  </a:lnTo>
                  <a:lnTo>
                    <a:pt x="1506" y="1832"/>
                  </a:lnTo>
                  <a:lnTo>
                    <a:pt x="1508" y="1836"/>
                  </a:lnTo>
                  <a:lnTo>
                    <a:pt x="1510" y="1838"/>
                  </a:lnTo>
                  <a:lnTo>
                    <a:pt x="1512" y="1840"/>
                  </a:lnTo>
                  <a:lnTo>
                    <a:pt x="1514" y="1840"/>
                  </a:lnTo>
                  <a:lnTo>
                    <a:pt x="1518" y="1840"/>
                  </a:lnTo>
                  <a:lnTo>
                    <a:pt x="1524" y="1838"/>
                  </a:lnTo>
                  <a:lnTo>
                    <a:pt x="1530" y="1834"/>
                  </a:lnTo>
                  <a:lnTo>
                    <a:pt x="1532" y="1828"/>
                  </a:lnTo>
                  <a:lnTo>
                    <a:pt x="1532" y="1822"/>
                  </a:lnTo>
                  <a:lnTo>
                    <a:pt x="1530" y="1816"/>
                  </a:lnTo>
                  <a:lnTo>
                    <a:pt x="1514" y="1806"/>
                  </a:lnTo>
                  <a:lnTo>
                    <a:pt x="1510" y="1804"/>
                  </a:lnTo>
                  <a:lnTo>
                    <a:pt x="1508" y="1804"/>
                  </a:lnTo>
                  <a:lnTo>
                    <a:pt x="1508" y="1806"/>
                  </a:lnTo>
                  <a:lnTo>
                    <a:pt x="1506" y="1808"/>
                  </a:lnTo>
                  <a:lnTo>
                    <a:pt x="1506" y="1812"/>
                  </a:lnTo>
                  <a:close/>
                  <a:moveTo>
                    <a:pt x="1910" y="1994"/>
                  </a:moveTo>
                  <a:lnTo>
                    <a:pt x="1910" y="1994"/>
                  </a:lnTo>
                  <a:lnTo>
                    <a:pt x="1904" y="1980"/>
                  </a:lnTo>
                  <a:lnTo>
                    <a:pt x="1892" y="1964"/>
                  </a:lnTo>
                  <a:lnTo>
                    <a:pt x="1884" y="1952"/>
                  </a:lnTo>
                  <a:lnTo>
                    <a:pt x="1872" y="1942"/>
                  </a:lnTo>
                  <a:lnTo>
                    <a:pt x="1846" y="1914"/>
                  </a:lnTo>
                  <a:lnTo>
                    <a:pt x="1832" y="1904"/>
                  </a:lnTo>
                  <a:lnTo>
                    <a:pt x="1826" y="1902"/>
                  </a:lnTo>
                  <a:lnTo>
                    <a:pt x="1812" y="1896"/>
                  </a:lnTo>
                  <a:lnTo>
                    <a:pt x="1808" y="1892"/>
                  </a:lnTo>
                  <a:lnTo>
                    <a:pt x="1800" y="1888"/>
                  </a:lnTo>
                  <a:lnTo>
                    <a:pt x="1796" y="1882"/>
                  </a:lnTo>
                  <a:lnTo>
                    <a:pt x="1784" y="1866"/>
                  </a:lnTo>
                  <a:lnTo>
                    <a:pt x="1780" y="1862"/>
                  </a:lnTo>
                  <a:lnTo>
                    <a:pt x="1772" y="1860"/>
                  </a:lnTo>
                  <a:lnTo>
                    <a:pt x="1768" y="1860"/>
                  </a:lnTo>
                  <a:lnTo>
                    <a:pt x="1766" y="1860"/>
                  </a:lnTo>
                  <a:lnTo>
                    <a:pt x="1764" y="1862"/>
                  </a:lnTo>
                  <a:lnTo>
                    <a:pt x="1762" y="1864"/>
                  </a:lnTo>
                  <a:lnTo>
                    <a:pt x="1762" y="1868"/>
                  </a:lnTo>
                  <a:lnTo>
                    <a:pt x="1768" y="1890"/>
                  </a:lnTo>
                  <a:lnTo>
                    <a:pt x="1772" y="1898"/>
                  </a:lnTo>
                  <a:lnTo>
                    <a:pt x="1776" y="1904"/>
                  </a:lnTo>
                  <a:lnTo>
                    <a:pt x="1784" y="1912"/>
                  </a:lnTo>
                  <a:lnTo>
                    <a:pt x="1796" y="1924"/>
                  </a:lnTo>
                  <a:lnTo>
                    <a:pt x="1804" y="1932"/>
                  </a:lnTo>
                  <a:lnTo>
                    <a:pt x="1814" y="1942"/>
                  </a:lnTo>
                  <a:lnTo>
                    <a:pt x="1824" y="1956"/>
                  </a:lnTo>
                  <a:lnTo>
                    <a:pt x="1836" y="1980"/>
                  </a:lnTo>
                  <a:lnTo>
                    <a:pt x="1840" y="1986"/>
                  </a:lnTo>
                  <a:lnTo>
                    <a:pt x="1846" y="1992"/>
                  </a:lnTo>
                  <a:lnTo>
                    <a:pt x="1862" y="2002"/>
                  </a:lnTo>
                  <a:lnTo>
                    <a:pt x="1876" y="2012"/>
                  </a:lnTo>
                  <a:lnTo>
                    <a:pt x="1892" y="2022"/>
                  </a:lnTo>
                  <a:lnTo>
                    <a:pt x="1898" y="2024"/>
                  </a:lnTo>
                  <a:lnTo>
                    <a:pt x="1906" y="2022"/>
                  </a:lnTo>
                  <a:lnTo>
                    <a:pt x="1910" y="2020"/>
                  </a:lnTo>
                  <a:lnTo>
                    <a:pt x="1916" y="2016"/>
                  </a:lnTo>
                  <a:lnTo>
                    <a:pt x="1916" y="2008"/>
                  </a:lnTo>
                  <a:lnTo>
                    <a:pt x="1910" y="1994"/>
                  </a:lnTo>
                  <a:close/>
                  <a:moveTo>
                    <a:pt x="1004" y="2148"/>
                  </a:moveTo>
                  <a:lnTo>
                    <a:pt x="1004" y="2148"/>
                  </a:lnTo>
                  <a:lnTo>
                    <a:pt x="998" y="2154"/>
                  </a:lnTo>
                  <a:lnTo>
                    <a:pt x="994" y="2160"/>
                  </a:lnTo>
                  <a:lnTo>
                    <a:pt x="982" y="2176"/>
                  </a:lnTo>
                  <a:lnTo>
                    <a:pt x="978" y="2182"/>
                  </a:lnTo>
                  <a:lnTo>
                    <a:pt x="970" y="2186"/>
                  </a:lnTo>
                  <a:lnTo>
                    <a:pt x="966" y="2188"/>
                  </a:lnTo>
                  <a:lnTo>
                    <a:pt x="954" y="2198"/>
                  </a:lnTo>
                  <a:lnTo>
                    <a:pt x="950" y="2202"/>
                  </a:lnTo>
                  <a:lnTo>
                    <a:pt x="950" y="2210"/>
                  </a:lnTo>
                  <a:lnTo>
                    <a:pt x="956" y="2234"/>
                  </a:lnTo>
                  <a:lnTo>
                    <a:pt x="958" y="2242"/>
                  </a:lnTo>
                  <a:lnTo>
                    <a:pt x="956" y="2248"/>
                  </a:lnTo>
                  <a:lnTo>
                    <a:pt x="952" y="2264"/>
                  </a:lnTo>
                  <a:lnTo>
                    <a:pt x="946" y="2278"/>
                  </a:lnTo>
                  <a:lnTo>
                    <a:pt x="942" y="2284"/>
                  </a:lnTo>
                  <a:lnTo>
                    <a:pt x="940" y="2290"/>
                  </a:lnTo>
                  <a:lnTo>
                    <a:pt x="938" y="2298"/>
                  </a:lnTo>
                  <a:lnTo>
                    <a:pt x="938" y="2302"/>
                  </a:lnTo>
                  <a:lnTo>
                    <a:pt x="938" y="2318"/>
                  </a:lnTo>
                  <a:lnTo>
                    <a:pt x="938" y="2322"/>
                  </a:lnTo>
                  <a:lnTo>
                    <a:pt x="940" y="2328"/>
                  </a:lnTo>
                  <a:lnTo>
                    <a:pt x="944" y="2336"/>
                  </a:lnTo>
                  <a:lnTo>
                    <a:pt x="952" y="2344"/>
                  </a:lnTo>
                  <a:lnTo>
                    <a:pt x="958" y="2346"/>
                  </a:lnTo>
                  <a:lnTo>
                    <a:pt x="966" y="2346"/>
                  </a:lnTo>
                  <a:lnTo>
                    <a:pt x="970" y="2342"/>
                  </a:lnTo>
                  <a:lnTo>
                    <a:pt x="978" y="2340"/>
                  </a:lnTo>
                  <a:lnTo>
                    <a:pt x="986" y="2340"/>
                  </a:lnTo>
                  <a:lnTo>
                    <a:pt x="990" y="2340"/>
                  </a:lnTo>
                  <a:lnTo>
                    <a:pt x="996" y="2338"/>
                  </a:lnTo>
                  <a:lnTo>
                    <a:pt x="1000" y="2332"/>
                  </a:lnTo>
                  <a:lnTo>
                    <a:pt x="1034" y="2210"/>
                  </a:lnTo>
                  <a:lnTo>
                    <a:pt x="1036" y="2194"/>
                  </a:lnTo>
                  <a:lnTo>
                    <a:pt x="1036" y="2190"/>
                  </a:lnTo>
                  <a:lnTo>
                    <a:pt x="1036" y="2174"/>
                  </a:lnTo>
                  <a:lnTo>
                    <a:pt x="1036" y="2160"/>
                  </a:lnTo>
                  <a:lnTo>
                    <a:pt x="1036" y="2154"/>
                  </a:lnTo>
                  <a:lnTo>
                    <a:pt x="1034" y="2146"/>
                  </a:lnTo>
                  <a:lnTo>
                    <a:pt x="1030" y="2140"/>
                  </a:lnTo>
                  <a:lnTo>
                    <a:pt x="1028" y="2138"/>
                  </a:lnTo>
                  <a:lnTo>
                    <a:pt x="1026" y="2136"/>
                  </a:lnTo>
                  <a:lnTo>
                    <a:pt x="1024" y="2136"/>
                  </a:lnTo>
                  <a:lnTo>
                    <a:pt x="1020" y="2138"/>
                  </a:lnTo>
                  <a:lnTo>
                    <a:pt x="1004" y="2148"/>
                  </a:lnTo>
                  <a:close/>
                  <a:moveTo>
                    <a:pt x="184" y="906"/>
                  </a:moveTo>
                  <a:lnTo>
                    <a:pt x="184" y="906"/>
                  </a:lnTo>
                  <a:lnTo>
                    <a:pt x="186" y="902"/>
                  </a:lnTo>
                  <a:lnTo>
                    <a:pt x="188" y="900"/>
                  </a:lnTo>
                  <a:lnTo>
                    <a:pt x="192" y="902"/>
                  </a:lnTo>
                  <a:lnTo>
                    <a:pt x="194" y="908"/>
                  </a:lnTo>
                  <a:lnTo>
                    <a:pt x="194" y="912"/>
                  </a:lnTo>
                  <a:lnTo>
                    <a:pt x="194" y="926"/>
                  </a:lnTo>
                  <a:lnTo>
                    <a:pt x="194" y="928"/>
                  </a:lnTo>
                  <a:lnTo>
                    <a:pt x="198" y="930"/>
                  </a:lnTo>
                  <a:lnTo>
                    <a:pt x="208" y="930"/>
                  </a:lnTo>
                  <a:lnTo>
                    <a:pt x="212" y="932"/>
                  </a:lnTo>
                  <a:lnTo>
                    <a:pt x="218" y="934"/>
                  </a:lnTo>
                  <a:lnTo>
                    <a:pt x="222" y="940"/>
                  </a:lnTo>
                  <a:lnTo>
                    <a:pt x="222" y="944"/>
                  </a:lnTo>
                  <a:lnTo>
                    <a:pt x="222" y="954"/>
                  </a:lnTo>
                  <a:lnTo>
                    <a:pt x="220" y="960"/>
                  </a:lnTo>
                  <a:lnTo>
                    <a:pt x="216" y="964"/>
                  </a:lnTo>
                  <a:lnTo>
                    <a:pt x="210" y="966"/>
                  </a:lnTo>
                  <a:lnTo>
                    <a:pt x="198" y="974"/>
                  </a:lnTo>
                  <a:lnTo>
                    <a:pt x="196" y="978"/>
                  </a:lnTo>
                  <a:lnTo>
                    <a:pt x="198" y="980"/>
                  </a:lnTo>
                  <a:lnTo>
                    <a:pt x="202" y="980"/>
                  </a:lnTo>
                  <a:lnTo>
                    <a:pt x="204" y="984"/>
                  </a:lnTo>
                  <a:lnTo>
                    <a:pt x="202" y="988"/>
                  </a:lnTo>
                  <a:lnTo>
                    <a:pt x="198" y="994"/>
                  </a:lnTo>
                  <a:lnTo>
                    <a:pt x="194" y="998"/>
                  </a:lnTo>
                  <a:lnTo>
                    <a:pt x="194" y="1004"/>
                  </a:lnTo>
                  <a:lnTo>
                    <a:pt x="194" y="1008"/>
                  </a:lnTo>
                  <a:lnTo>
                    <a:pt x="198" y="1008"/>
                  </a:lnTo>
                  <a:lnTo>
                    <a:pt x="208" y="1008"/>
                  </a:lnTo>
                  <a:lnTo>
                    <a:pt x="210" y="1010"/>
                  </a:lnTo>
                  <a:lnTo>
                    <a:pt x="210" y="1016"/>
                  </a:lnTo>
                  <a:lnTo>
                    <a:pt x="206" y="1020"/>
                  </a:lnTo>
                  <a:lnTo>
                    <a:pt x="202" y="1028"/>
                  </a:lnTo>
                  <a:lnTo>
                    <a:pt x="196" y="1032"/>
                  </a:lnTo>
                  <a:lnTo>
                    <a:pt x="190" y="1034"/>
                  </a:lnTo>
                  <a:lnTo>
                    <a:pt x="186" y="1038"/>
                  </a:lnTo>
                  <a:lnTo>
                    <a:pt x="184" y="1042"/>
                  </a:lnTo>
                  <a:lnTo>
                    <a:pt x="186" y="1046"/>
                  </a:lnTo>
                  <a:lnTo>
                    <a:pt x="188" y="1048"/>
                  </a:lnTo>
                  <a:lnTo>
                    <a:pt x="192" y="1046"/>
                  </a:lnTo>
                  <a:lnTo>
                    <a:pt x="194" y="1042"/>
                  </a:lnTo>
                  <a:lnTo>
                    <a:pt x="194" y="1040"/>
                  </a:lnTo>
                  <a:lnTo>
                    <a:pt x="198" y="1038"/>
                  </a:lnTo>
                  <a:lnTo>
                    <a:pt x="208" y="1038"/>
                  </a:lnTo>
                  <a:lnTo>
                    <a:pt x="212" y="1036"/>
                  </a:lnTo>
                  <a:lnTo>
                    <a:pt x="218" y="1034"/>
                  </a:lnTo>
                  <a:lnTo>
                    <a:pt x="222" y="1032"/>
                  </a:lnTo>
                  <a:lnTo>
                    <a:pt x="228" y="1034"/>
                  </a:lnTo>
                  <a:lnTo>
                    <a:pt x="232" y="1036"/>
                  </a:lnTo>
                  <a:lnTo>
                    <a:pt x="238" y="1034"/>
                  </a:lnTo>
                  <a:lnTo>
                    <a:pt x="244" y="1030"/>
                  </a:lnTo>
                  <a:lnTo>
                    <a:pt x="250" y="1028"/>
                  </a:lnTo>
                  <a:lnTo>
                    <a:pt x="254" y="1028"/>
                  </a:lnTo>
                  <a:lnTo>
                    <a:pt x="262" y="1028"/>
                  </a:lnTo>
                  <a:lnTo>
                    <a:pt x="268" y="1024"/>
                  </a:lnTo>
                  <a:lnTo>
                    <a:pt x="274" y="1022"/>
                  </a:lnTo>
                  <a:lnTo>
                    <a:pt x="280" y="1018"/>
                  </a:lnTo>
                  <a:lnTo>
                    <a:pt x="282" y="1014"/>
                  </a:lnTo>
                  <a:lnTo>
                    <a:pt x="282" y="1008"/>
                  </a:lnTo>
                  <a:lnTo>
                    <a:pt x="286" y="1004"/>
                  </a:lnTo>
                  <a:lnTo>
                    <a:pt x="290" y="998"/>
                  </a:lnTo>
                  <a:lnTo>
                    <a:pt x="290" y="990"/>
                  </a:lnTo>
                  <a:lnTo>
                    <a:pt x="290" y="988"/>
                  </a:lnTo>
                  <a:lnTo>
                    <a:pt x="290" y="982"/>
                  </a:lnTo>
                  <a:lnTo>
                    <a:pt x="286" y="980"/>
                  </a:lnTo>
                  <a:lnTo>
                    <a:pt x="276" y="980"/>
                  </a:lnTo>
                  <a:lnTo>
                    <a:pt x="272" y="978"/>
                  </a:lnTo>
                  <a:lnTo>
                    <a:pt x="272" y="974"/>
                  </a:lnTo>
                  <a:lnTo>
                    <a:pt x="272" y="964"/>
                  </a:lnTo>
                  <a:lnTo>
                    <a:pt x="268" y="952"/>
                  </a:lnTo>
                  <a:lnTo>
                    <a:pt x="266" y="946"/>
                  </a:lnTo>
                  <a:lnTo>
                    <a:pt x="256" y="934"/>
                  </a:lnTo>
                  <a:lnTo>
                    <a:pt x="252" y="930"/>
                  </a:lnTo>
                  <a:lnTo>
                    <a:pt x="250" y="922"/>
                  </a:lnTo>
                  <a:lnTo>
                    <a:pt x="244" y="908"/>
                  </a:lnTo>
                  <a:lnTo>
                    <a:pt x="242" y="902"/>
                  </a:lnTo>
                  <a:lnTo>
                    <a:pt x="238" y="900"/>
                  </a:lnTo>
                  <a:lnTo>
                    <a:pt x="232" y="900"/>
                  </a:lnTo>
                  <a:lnTo>
                    <a:pt x="228" y="896"/>
                  </a:lnTo>
                  <a:lnTo>
                    <a:pt x="226" y="890"/>
                  </a:lnTo>
                  <a:lnTo>
                    <a:pt x="226" y="884"/>
                  </a:lnTo>
                  <a:lnTo>
                    <a:pt x="228" y="878"/>
                  </a:lnTo>
                  <a:lnTo>
                    <a:pt x="232" y="866"/>
                  </a:lnTo>
                  <a:lnTo>
                    <a:pt x="234" y="862"/>
                  </a:lnTo>
                  <a:lnTo>
                    <a:pt x="238" y="856"/>
                  </a:lnTo>
                  <a:lnTo>
                    <a:pt x="238" y="854"/>
                  </a:lnTo>
                  <a:lnTo>
                    <a:pt x="238" y="852"/>
                  </a:lnTo>
                  <a:lnTo>
                    <a:pt x="236" y="848"/>
                  </a:lnTo>
                  <a:lnTo>
                    <a:pt x="230" y="846"/>
                  </a:lnTo>
                  <a:lnTo>
                    <a:pt x="224" y="844"/>
                  </a:lnTo>
                  <a:lnTo>
                    <a:pt x="218" y="846"/>
                  </a:lnTo>
                  <a:lnTo>
                    <a:pt x="212" y="848"/>
                  </a:lnTo>
                  <a:lnTo>
                    <a:pt x="208" y="846"/>
                  </a:lnTo>
                  <a:lnTo>
                    <a:pt x="206" y="840"/>
                  </a:lnTo>
                  <a:lnTo>
                    <a:pt x="206" y="834"/>
                  </a:lnTo>
                  <a:lnTo>
                    <a:pt x="210" y="830"/>
                  </a:lnTo>
                  <a:lnTo>
                    <a:pt x="210" y="824"/>
                  </a:lnTo>
                  <a:lnTo>
                    <a:pt x="210" y="822"/>
                  </a:lnTo>
                  <a:lnTo>
                    <a:pt x="208" y="822"/>
                  </a:lnTo>
                  <a:lnTo>
                    <a:pt x="198" y="822"/>
                  </a:lnTo>
                  <a:lnTo>
                    <a:pt x="194" y="824"/>
                  </a:lnTo>
                  <a:lnTo>
                    <a:pt x="190" y="830"/>
                  </a:lnTo>
                  <a:lnTo>
                    <a:pt x="188" y="834"/>
                  </a:lnTo>
                  <a:lnTo>
                    <a:pt x="178" y="846"/>
                  </a:lnTo>
                  <a:lnTo>
                    <a:pt x="176" y="852"/>
                  </a:lnTo>
                  <a:lnTo>
                    <a:pt x="174" y="856"/>
                  </a:lnTo>
                  <a:lnTo>
                    <a:pt x="174" y="866"/>
                  </a:lnTo>
                  <a:lnTo>
                    <a:pt x="174" y="876"/>
                  </a:lnTo>
                  <a:lnTo>
                    <a:pt x="174" y="888"/>
                  </a:lnTo>
                  <a:lnTo>
                    <a:pt x="174" y="892"/>
                  </a:lnTo>
                  <a:lnTo>
                    <a:pt x="176" y="900"/>
                  </a:lnTo>
                  <a:lnTo>
                    <a:pt x="178" y="906"/>
                  </a:lnTo>
                  <a:lnTo>
                    <a:pt x="182" y="908"/>
                  </a:lnTo>
                  <a:lnTo>
                    <a:pt x="184" y="906"/>
                  </a:lnTo>
                  <a:close/>
                  <a:moveTo>
                    <a:pt x="3012" y="2570"/>
                  </a:moveTo>
                  <a:lnTo>
                    <a:pt x="3012" y="2570"/>
                  </a:lnTo>
                  <a:lnTo>
                    <a:pt x="3004" y="2572"/>
                  </a:lnTo>
                  <a:lnTo>
                    <a:pt x="2996" y="2570"/>
                  </a:lnTo>
                  <a:lnTo>
                    <a:pt x="2992" y="2568"/>
                  </a:lnTo>
                  <a:lnTo>
                    <a:pt x="2986" y="2562"/>
                  </a:lnTo>
                  <a:lnTo>
                    <a:pt x="2980" y="2556"/>
                  </a:lnTo>
                  <a:lnTo>
                    <a:pt x="2978" y="2552"/>
                  </a:lnTo>
                  <a:lnTo>
                    <a:pt x="2976" y="2544"/>
                  </a:lnTo>
                  <a:lnTo>
                    <a:pt x="2974" y="2536"/>
                  </a:lnTo>
                  <a:lnTo>
                    <a:pt x="2974" y="2532"/>
                  </a:lnTo>
                  <a:lnTo>
                    <a:pt x="2972" y="2526"/>
                  </a:lnTo>
                  <a:lnTo>
                    <a:pt x="2968" y="2522"/>
                  </a:lnTo>
                  <a:lnTo>
                    <a:pt x="2962" y="2518"/>
                  </a:lnTo>
                  <a:lnTo>
                    <a:pt x="2958" y="2518"/>
                  </a:lnTo>
                  <a:lnTo>
                    <a:pt x="2958" y="2522"/>
                  </a:lnTo>
                  <a:lnTo>
                    <a:pt x="2970" y="2548"/>
                  </a:lnTo>
                  <a:lnTo>
                    <a:pt x="2974" y="2554"/>
                  </a:lnTo>
                  <a:lnTo>
                    <a:pt x="2974" y="2562"/>
                  </a:lnTo>
                  <a:lnTo>
                    <a:pt x="2974" y="2566"/>
                  </a:lnTo>
                  <a:lnTo>
                    <a:pt x="2974" y="2574"/>
                  </a:lnTo>
                  <a:lnTo>
                    <a:pt x="2970" y="2580"/>
                  </a:lnTo>
                  <a:lnTo>
                    <a:pt x="2960" y="2596"/>
                  </a:lnTo>
                  <a:lnTo>
                    <a:pt x="2958" y="2600"/>
                  </a:lnTo>
                  <a:lnTo>
                    <a:pt x="2958" y="2602"/>
                  </a:lnTo>
                  <a:lnTo>
                    <a:pt x="2960" y="2604"/>
                  </a:lnTo>
                  <a:lnTo>
                    <a:pt x="2962" y="2606"/>
                  </a:lnTo>
                  <a:lnTo>
                    <a:pt x="2968" y="2610"/>
                  </a:lnTo>
                  <a:lnTo>
                    <a:pt x="2972" y="2614"/>
                  </a:lnTo>
                  <a:lnTo>
                    <a:pt x="2974" y="2620"/>
                  </a:lnTo>
                  <a:lnTo>
                    <a:pt x="2974" y="2624"/>
                  </a:lnTo>
                  <a:lnTo>
                    <a:pt x="2976" y="2632"/>
                  </a:lnTo>
                  <a:lnTo>
                    <a:pt x="2980" y="2638"/>
                  </a:lnTo>
                  <a:lnTo>
                    <a:pt x="2982" y="2638"/>
                  </a:lnTo>
                  <a:lnTo>
                    <a:pt x="2984" y="2638"/>
                  </a:lnTo>
                  <a:lnTo>
                    <a:pt x="2990" y="2636"/>
                  </a:lnTo>
                  <a:lnTo>
                    <a:pt x="2998" y="2628"/>
                  </a:lnTo>
                  <a:lnTo>
                    <a:pt x="3002" y="2622"/>
                  </a:lnTo>
                  <a:lnTo>
                    <a:pt x="3004" y="2614"/>
                  </a:lnTo>
                  <a:lnTo>
                    <a:pt x="3004" y="2610"/>
                  </a:lnTo>
                  <a:lnTo>
                    <a:pt x="3006" y="2604"/>
                  </a:lnTo>
                  <a:lnTo>
                    <a:pt x="3008" y="2598"/>
                  </a:lnTo>
                  <a:lnTo>
                    <a:pt x="3018" y="2588"/>
                  </a:lnTo>
                  <a:lnTo>
                    <a:pt x="3028" y="2578"/>
                  </a:lnTo>
                  <a:lnTo>
                    <a:pt x="3030" y="2574"/>
                  </a:lnTo>
                  <a:lnTo>
                    <a:pt x="3028" y="2568"/>
                  </a:lnTo>
                  <a:lnTo>
                    <a:pt x="3024" y="2566"/>
                  </a:lnTo>
                  <a:lnTo>
                    <a:pt x="3016" y="2568"/>
                  </a:lnTo>
                  <a:lnTo>
                    <a:pt x="3012" y="2570"/>
                  </a:lnTo>
                  <a:close/>
                  <a:moveTo>
                    <a:pt x="490" y="1328"/>
                  </a:moveTo>
                  <a:lnTo>
                    <a:pt x="490" y="1328"/>
                  </a:lnTo>
                  <a:lnTo>
                    <a:pt x="494" y="1328"/>
                  </a:lnTo>
                  <a:lnTo>
                    <a:pt x="496" y="1328"/>
                  </a:lnTo>
                  <a:lnTo>
                    <a:pt x="498" y="1326"/>
                  </a:lnTo>
                  <a:lnTo>
                    <a:pt x="498" y="1324"/>
                  </a:lnTo>
                  <a:lnTo>
                    <a:pt x="498" y="1320"/>
                  </a:lnTo>
                  <a:lnTo>
                    <a:pt x="498" y="1306"/>
                  </a:lnTo>
                  <a:lnTo>
                    <a:pt x="496" y="1304"/>
                  </a:lnTo>
                  <a:lnTo>
                    <a:pt x="490" y="1302"/>
                  </a:lnTo>
                  <a:lnTo>
                    <a:pt x="486" y="1302"/>
                  </a:lnTo>
                  <a:lnTo>
                    <a:pt x="470" y="1304"/>
                  </a:lnTo>
                  <a:lnTo>
                    <a:pt x="456" y="1310"/>
                  </a:lnTo>
                  <a:lnTo>
                    <a:pt x="454" y="1312"/>
                  </a:lnTo>
                  <a:lnTo>
                    <a:pt x="456" y="1314"/>
                  </a:lnTo>
                  <a:lnTo>
                    <a:pt x="470" y="1320"/>
                  </a:lnTo>
                  <a:lnTo>
                    <a:pt x="486" y="1326"/>
                  </a:lnTo>
                  <a:lnTo>
                    <a:pt x="490" y="1328"/>
                  </a:lnTo>
                  <a:close/>
                  <a:moveTo>
                    <a:pt x="2940" y="2636"/>
                  </a:moveTo>
                  <a:lnTo>
                    <a:pt x="2940" y="2636"/>
                  </a:lnTo>
                  <a:lnTo>
                    <a:pt x="2938" y="2636"/>
                  </a:lnTo>
                  <a:lnTo>
                    <a:pt x="2936" y="2636"/>
                  </a:lnTo>
                  <a:lnTo>
                    <a:pt x="2932" y="2640"/>
                  </a:lnTo>
                  <a:lnTo>
                    <a:pt x="2928" y="2644"/>
                  </a:lnTo>
                  <a:lnTo>
                    <a:pt x="2922" y="2658"/>
                  </a:lnTo>
                  <a:lnTo>
                    <a:pt x="2920" y="2664"/>
                  </a:lnTo>
                  <a:lnTo>
                    <a:pt x="2910" y="2676"/>
                  </a:lnTo>
                  <a:lnTo>
                    <a:pt x="2906" y="2680"/>
                  </a:lnTo>
                  <a:lnTo>
                    <a:pt x="2898" y="2684"/>
                  </a:lnTo>
                  <a:lnTo>
                    <a:pt x="2884" y="2688"/>
                  </a:lnTo>
                  <a:lnTo>
                    <a:pt x="2878" y="2692"/>
                  </a:lnTo>
                  <a:lnTo>
                    <a:pt x="2872" y="2698"/>
                  </a:lnTo>
                  <a:lnTo>
                    <a:pt x="2870" y="2704"/>
                  </a:lnTo>
                  <a:lnTo>
                    <a:pt x="2864" y="2718"/>
                  </a:lnTo>
                  <a:lnTo>
                    <a:pt x="2860" y="2732"/>
                  </a:lnTo>
                  <a:lnTo>
                    <a:pt x="2858" y="2740"/>
                  </a:lnTo>
                  <a:lnTo>
                    <a:pt x="2862" y="2746"/>
                  </a:lnTo>
                  <a:lnTo>
                    <a:pt x="2874" y="2754"/>
                  </a:lnTo>
                  <a:lnTo>
                    <a:pt x="2880" y="2756"/>
                  </a:lnTo>
                  <a:lnTo>
                    <a:pt x="2886" y="2758"/>
                  </a:lnTo>
                  <a:lnTo>
                    <a:pt x="2894" y="2756"/>
                  </a:lnTo>
                  <a:lnTo>
                    <a:pt x="2898" y="2754"/>
                  </a:lnTo>
                  <a:lnTo>
                    <a:pt x="2904" y="2750"/>
                  </a:lnTo>
                  <a:lnTo>
                    <a:pt x="2908" y="2742"/>
                  </a:lnTo>
                  <a:lnTo>
                    <a:pt x="2914" y="2728"/>
                  </a:lnTo>
                  <a:lnTo>
                    <a:pt x="2916" y="2712"/>
                  </a:lnTo>
                  <a:lnTo>
                    <a:pt x="2916" y="2708"/>
                  </a:lnTo>
                  <a:lnTo>
                    <a:pt x="2918" y="2702"/>
                  </a:lnTo>
                  <a:lnTo>
                    <a:pt x="2922" y="2696"/>
                  </a:lnTo>
                  <a:lnTo>
                    <a:pt x="2930" y="2686"/>
                  </a:lnTo>
                  <a:lnTo>
                    <a:pt x="2940" y="2676"/>
                  </a:lnTo>
                  <a:lnTo>
                    <a:pt x="2952" y="2668"/>
                  </a:lnTo>
                  <a:lnTo>
                    <a:pt x="2958" y="2666"/>
                  </a:lnTo>
                  <a:lnTo>
                    <a:pt x="2962" y="2660"/>
                  </a:lnTo>
                  <a:lnTo>
                    <a:pt x="2964" y="2654"/>
                  </a:lnTo>
                  <a:lnTo>
                    <a:pt x="2964" y="2650"/>
                  </a:lnTo>
                  <a:lnTo>
                    <a:pt x="2964" y="2646"/>
                  </a:lnTo>
                  <a:lnTo>
                    <a:pt x="2962" y="2644"/>
                  </a:lnTo>
                  <a:lnTo>
                    <a:pt x="2960" y="2642"/>
                  </a:lnTo>
                  <a:lnTo>
                    <a:pt x="2956" y="2642"/>
                  </a:lnTo>
                  <a:lnTo>
                    <a:pt x="2954" y="2642"/>
                  </a:lnTo>
                  <a:lnTo>
                    <a:pt x="2946" y="2640"/>
                  </a:lnTo>
                  <a:lnTo>
                    <a:pt x="2940" y="2636"/>
                  </a:lnTo>
                  <a:close/>
                  <a:moveTo>
                    <a:pt x="406" y="1248"/>
                  </a:moveTo>
                  <a:lnTo>
                    <a:pt x="406" y="1248"/>
                  </a:lnTo>
                  <a:lnTo>
                    <a:pt x="402" y="1254"/>
                  </a:lnTo>
                  <a:lnTo>
                    <a:pt x="400" y="1260"/>
                  </a:lnTo>
                  <a:lnTo>
                    <a:pt x="400" y="1274"/>
                  </a:lnTo>
                  <a:lnTo>
                    <a:pt x="400" y="1278"/>
                  </a:lnTo>
                  <a:lnTo>
                    <a:pt x="402" y="1280"/>
                  </a:lnTo>
                  <a:lnTo>
                    <a:pt x="404" y="1282"/>
                  </a:lnTo>
                  <a:lnTo>
                    <a:pt x="408" y="1282"/>
                  </a:lnTo>
                  <a:lnTo>
                    <a:pt x="412" y="1282"/>
                  </a:lnTo>
                  <a:lnTo>
                    <a:pt x="416" y="1282"/>
                  </a:lnTo>
                  <a:lnTo>
                    <a:pt x="418" y="1280"/>
                  </a:lnTo>
                  <a:lnTo>
                    <a:pt x="420" y="1278"/>
                  </a:lnTo>
                  <a:lnTo>
                    <a:pt x="420" y="1274"/>
                  </a:lnTo>
                  <a:lnTo>
                    <a:pt x="420" y="1270"/>
                  </a:lnTo>
                  <a:lnTo>
                    <a:pt x="418" y="1262"/>
                  </a:lnTo>
                  <a:lnTo>
                    <a:pt x="416" y="1256"/>
                  </a:lnTo>
                  <a:lnTo>
                    <a:pt x="414" y="1250"/>
                  </a:lnTo>
                  <a:lnTo>
                    <a:pt x="412" y="1248"/>
                  </a:lnTo>
                  <a:lnTo>
                    <a:pt x="410" y="1246"/>
                  </a:lnTo>
                  <a:lnTo>
                    <a:pt x="408" y="1246"/>
                  </a:lnTo>
                  <a:lnTo>
                    <a:pt x="406" y="1248"/>
                  </a:lnTo>
                  <a:close/>
                  <a:moveTo>
                    <a:pt x="2286" y="1412"/>
                  </a:moveTo>
                  <a:lnTo>
                    <a:pt x="2286" y="1412"/>
                  </a:lnTo>
                  <a:lnTo>
                    <a:pt x="2290" y="1424"/>
                  </a:lnTo>
                  <a:lnTo>
                    <a:pt x="2290" y="1426"/>
                  </a:lnTo>
                  <a:lnTo>
                    <a:pt x="2292" y="1426"/>
                  </a:lnTo>
                  <a:lnTo>
                    <a:pt x="2296" y="1426"/>
                  </a:lnTo>
                  <a:lnTo>
                    <a:pt x="2302" y="1422"/>
                  </a:lnTo>
                  <a:lnTo>
                    <a:pt x="2306" y="1418"/>
                  </a:lnTo>
                  <a:lnTo>
                    <a:pt x="2308" y="1410"/>
                  </a:lnTo>
                  <a:lnTo>
                    <a:pt x="2308" y="1408"/>
                  </a:lnTo>
                  <a:lnTo>
                    <a:pt x="2308" y="1394"/>
                  </a:lnTo>
                  <a:lnTo>
                    <a:pt x="2308" y="1392"/>
                  </a:lnTo>
                  <a:lnTo>
                    <a:pt x="2306" y="1392"/>
                  </a:lnTo>
                  <a:lnTo>
                    <a:pt x="2302" y="1392"/>
                  </a:lnTo>
                  <a:lnTo>
                    <a:pt x="2288" y="1396"/>
                  </a:lnTo>
                  <a:lnTo>
                    <a:pt x="2284" y="1398"/>
                  </a:lnTo>
                  <a:lnTo>
                    <a:pt x="2284" y="1400"/>
                  </a:lnTo>
                  <a:lnTo>
                    <a:pt x="2282" y="1404"/>
                  </a:lnTo>
                  <a:lnTo>
                    <a:pt x="2284" y="1406"/>
                  </a:lnTo>
                  <a:lnTo>
                    <a:pt x="2286" y="1412"/>
                  </a:lnTo>
                  <a:close/>
                  <a:moveTo>
                    <a:pt x="414" y="1210"/>
                  </a:moveTo>
                  <a:lnTo>
                    <a:pt x="414" y="1210"/>
                  </a:lnTo>
                  <a:lnTo>
                    <a:pt x="412" y="1208"/>
                  </a:lnTo>
                  <a:lnTo>
                    <a:pt x="410" y="1206"/>
                  </a:lnTo>
                  <a:lnTo>
                    <a:pt x="406" y="1206"/>
                  </a:lnTo>
                  <a:lnTo>
                    <a:pt x="404" y="1208"/>
                  </a:lnTo>
                  <a:lnTo>
                    <a:pt x="398" y="1210"/>
                  </a:lnTo>
                  <a:lnTo>
                    <a:pt x="396" y="1212"/>
                  </a:lnTo>
                  <a:lnTo>
                    <a:pt x="394" y="1214"/>
                  </a:lnTo>
                  <a:lnTo>
                    <a:pt x="394" y="1216"/>
                  </a:lnTo>
                  <a:lnTo>
                    <a:pt x="396" y="1220"/>
                  </a:lnTo>
                  <a:lnTo>
                    <a:pt x="404" y="1228"/>
                  </a:lnTo>
                  <a:lnTo>
                    <a:pt x="410" y="1230"/>
                  </a:lnTo>
                  <a:lnTo>
                    <a:pt x="412" y="1230"/>
                  </a:lnTo>
                  <a:lnTo>
                    <a:pt x="416" y="1228"/>
                  </a:lnTo>
                  <a:lnTo>
                    <a:pt x="418" y="1224"/>
                  </a:lnTo>
                  <a:lnTo>
                    <a:pt x="416" y="1216"/>
                  </a:lnTo>
                  <a:lnTo>
                    <a:pt x="414" y="1210"/>
                  </a:lnTo>
                  <a:close/>
                  <a:moveTo>
                    <a:pt x="2302" y="1960"/>
                  </a:moveTo>
                  <a:lnTo>
                    <a:pt x="2302" y="1960"/>
                  </a:lnTo>
                  <a:lnTo>
                    <a:pt x="2302" y="1962"/>
                  </a:lnTo>
                  <a:lnTo>
                    <a:pt x="2302" y="1966"/>
                  </a:lnTo>
                  <a:lnTo>
                    <a:pt x="2304" y="1968"/>
                  </a:lnTo>
                  <a:lnTo>
                    <a:pt x="2306" y="1970"/>
                  </a:lnTo>
                  <a:lnTo>
                    <a:pt x="2312" y="1974"/>
                  </a:lnTo>
                  <a:lnTo>
                    <a:pt x="2324" y="1982"/>
                  </a:lnTo>
                  <a:lnTo>
                    <a:pt x="2326" y="1988"/>
                  </a:lnTo>
                  <a:lnTo>
                    <a:pt x="2328" y="1994"/>
                  </a:lnTo>
                  <a:lnTo>
                    <a:pt x="2328" y="1998"/>
                  </a:lnTo>
                  <a:lnTo>
                    <a:pt x="2328" y="2002"/>
                  </a:lnTo>
                  <a:lnTo>
                    <a:pt x="2330" y="2004"/>
                  </a:lnTo>
                  <a:lnTo>
                    <a:pt x="2334" y="2006"/>
                  </a:lnTo>
                  <a:lnTo>
                    <a:pt x="2336" y="2006"/>
                  </a:lnTo>
                  <a:lnTo>
                    <a:pt x="2340" y="2006"/>
                  </a:lnTo>
                  <a:lnTo>
                    <a:pt x="2352" y="2006"/>
                  </a:lnTo>
                  <a:lnTo>
                    <a:pt x="2358" y="2008"/>
                  </a:lnTo>
                  <a:lnTo>
                    <a:pt x="2364" y="2010"/>
                  </a:lnTo>
                  <a:lnTo>
                    <a:pt x="2380" y="2022"/>
                  </a:lnTo>
                  <a:lnTo>
                    <a:pt x="2394" y="2030"/>
                  </a:lnTo>
                  <a:lnTo>
                    <a:pt x="2420" y="2042"/>
                  </a:lnTo>
                  <a:lnTo>
                    <a:pt x="2424" y="2046"/>
                  </a:lnTo>
                  <a:lnTo>
                    <a:pt x="2426" y="2050"/>
                  </a:lnTo>
                  <a:lnTo>
                    <a:pt x="2424" y="2054"/>
                  </a:lnTo>
                  <a:lnTo>
                    <a:pt x="2420" y="2058"/>
                  </a:lnTo>
                  <a:lnTo>
                    <a:pt x="2414" y="2062"/>
                  </a:lnTo>
                  <a:lnTo>
                    <a:pt x="2410" y="2064"/>
                  </a:lnTo>
                  <a:lnTo>
                    <a:pt x="2414" y="2066"/>
                  </a:lnTo>
                  <a:lnTo>
                    <a:pt x="2418" y="2066"/>
                  </a:lnTo>
                  <a:lnTo>
                    <a:pt x="2426" y="2066"/>
                  </a:lnTo>
                  <a:lnTo>
                    <a:pt x="2434" y="2068"/>
                  </a:lnTo>
                  <a:lnTo>
                    <a:pt x="2438" y="2072"/>
                  </a:lnTo>
                  <a:lnTo>
                    <a:pt x="2452" y="2078"/>
                  </a:lnTo>
                  <a:lnTo>
                    <a:pt x="2458" y="2082"/>
                  </a:lnTo>
                  <a:lnTo>
                    <a:pt x="2470" y="2084"/>
                  </a:lnTo>
                  <a:lnTo>
                    <a:pt x="2476" y="2084"/>
                  </a:lnTo>
                  <a:lnTo>
                    <a:pt x="2480" y="2080"/>
                  </a:lnTo>
                  <a:lnTo>
                    <a:pt x="2488" y="2070"/>
                  </a:lnTo>
                  <a:lnTo>
                    <a:pt x="2502" y="2062"/>
                  </a:lnTo>
                  <a:lnTo>
                    <a:pt x="2508" y="2058"/>
                  </a:lnTo>
                  <a:lnTo>
                    <a:pt x="2514" y="2058"/>
                  </a:lnTo>
                  <a:lnTo>
                    <a:pt x="2522" y="2058"/>
                  </a:lnTo>
                  <a:lnTo>
                    <a:pt x="2526" y="2062"/>
                  </a:lnTo>
                  <a:lnTo>
                    <a:pt x="2540" y="2070"/>
                  </a:lnTo>
                  <a:lnTo>
                    <a:pt x="2558" y="2088"/>
                  </a:lnTo>
                  <a:lnTo>
                    <a:pt x="2570" y="2098"/>
                  </a:lnTo>
                  <a:lnTo>
                    <a:pt x="2576" y="2100"/>
                  </a:lnTo>
                  <a:lnTo>
                    <a:pt x="2578" y="2102"/>
                  </a:lnTo>
                  <a:lnTo>
                    <a:pt x="2580" y="2100"/>
                  </a:lnTo>
                  <a:lnTo>
                    <a:pt x="2582" y="2100"/>
                  </a:lnTo>
                  <a:lnTo>
                    <a:pt x="2582" y="2096"/>
                  </a:lnTo>
                  <a:lnTo>
                    <a:pt x="2582" y="2082"/>
                  </a:lnTo>
                  <a:lnTo>
                    <a:pt x="2580" y="2076"/>
                  </a:lnTo>
                  <a:lnTo>
                    <a:pt x="2576" y="2072"/>
                  </a:lnTo>
                  <a:lnTo>
                    <a:pt x="2560" y="2068"/>
                  </a:lnTo>
                  <a:lnTo>
                    <a:pt x="2556" y="2064"/>
                  </a:lnTo>
                  <a:lnTo>
                    <a:pt x="2554" y="2058"/>
                  </a:lnTo>
                  <a:lnTo>
                    <a:pt x="2554" y="2054"/>
                  </a:lnTo>
                  <a:lnTo>
                    <a:pt x="2554" y="2046"/>
                  </a:lnTo>
                  <a:lnTo>
                    <a:pt x="2558" y="2040"/>
                  </a:lnTo>
                  <a:lnTo>
                    <a:pt x="2560" y="2038"/>
                  </a:lnTo>
                  <a:lnTo>
                    <a:pt x="2560" y="2036"/>
                  </a:lnTo>
                  <a:lnTo>
                    <a:pt x="2556" y="2034"/>
                  </a:lnTo>
                  <a:lnTo>
                    <a:pt x="2542" y="2028"/>
                  </a:lnTo>
                  <a:lnTo>
                    <a:pt x="2534" y="2024"/>
                  </a:lnTo>
                  <a:lnTo>
                    <a:pt x="2530" y="2018"/>
                  </a:lnTo>
                  <a:lnTo>
                    <a:pt x="2528" y="2014"/>
                  </a:lnTo>
                  <a:lnTo>
                    <a:pt x="2524" y="2006"/>
                  </a:lnTo>
                  <a:lnTo>
                    <a:pt x="2518" y="2002"/>
                  </a:lnTo>
                  <a:lnTo>
                    <a:pt x="2502" y="1992"/>
                  </a:lnTo>
                  <a:lnTo>
                    <a:pt x="2486" y="1984"/>
                  </a:lnTo>
                  <a:lnTo>
                    <a:pt x="2424" y="1968"/>
                  </a:lnTo>
                  <a:lnTo>
                    <a:pt x="2416" y="1968"/>
                  </a:lnTo>
                  <a:lnTo>
                    <a:pt x="2410" y="1972"/>
                  </a:lnTo>
                  <a:lnTo>
                    <a:pt x="2394" y="1982"/>
                  </a:lnTo>
                  <a:lnTo>
                    <a:pt x="2386" y="1986"/>
                  </a:lnTo>
                  <a:lnTo>
                    <a:pt x="2378" y="1986"/>
                  </a:lnTo>
                  <a:lnTo>
                    <a:pt x="2376" y="1986"/>
                  </a:lnTo>
                  <a:lnTo>
                    <a:pt x="2368" y="1986"/>
                  </a:lnTo>
                  <a:lnTo>
                    <a:pt x="2362" y="1982"/>
                  </a:lnTo>
                  <a:lnTo>
                    <a:pt x="2354" y="1972"/>
                  </a:lnTo>
                  <a:lnTo>
                    <a:pt x="2342" y="1962"/>
                  </a:lnTo>
                  <a:lnTo>
                    <a:pt x="2334" y="1954"/>
                  </a:lnTo>
                  <a:lnTo>
                    <a:pt x="2328" y="1950"/>
                  </a:lnTo>
                  <a:lnTo>
                    <a:pt x="2320" y="1948"/>
                  </a:lnTo>
                  <a:lnTo>
                    <a:pt x="2316" y="1948"/>
                  </a:lnTo>
                  <a:lnTo>
                    <a:pt x="2310" y="1950"/>
                  </a:lnTo>
                  <a:lnTo>
                    <a:pt x="2306" y="1954"/>
                  </a:lnTo>
                  <a:lnTo>
                    <a:pt x="2302" y="1960"/>
                  </a:lnTo>
                  <a:close/>
                  <a:moveTo>
                    <a:pt x="2606" y="2298"/>
                  </a:moveTo>
                  <a:lnTo>
                    <a:pt x="2606" y="2298"/>
                  </a:lnTo>
                  <a:lnTo>
                    <a:pt x="2602" y="2290"/>
                  </a:lnTo>
                  <a:lnTo>
                    <a:pt x="2598" y="2284"/>
                  </a:lnTo>
                  <a:lnTo>
                    <a:pt x="2594" y="2280"/>
                  </a:lnTo>
                  <a:lnTo>
                    <a:pt x="2590" y="2272"/>
                  </a:lnTo>
                  <a:lnTo>
                    <a:pt x="2586" y="2258"/>
                  </a:lnTo>
                  <a:lnTo>
                    <a:pt x="2582" y="2252"/>
                  </a:lnTo>
                  <a:lnTo>
                    <a:pt x="2576" y="2248"/>
                  </a:lnTo>
                  <a:lnTo>
                    <a:pt x="2562" y="2244"/>
                  </a:lnTo>
                  <a:lnTo>
                    <a:pt x="2548" y="2236"/>
                  </a:lnTo>
                  <a:lnTo>
                    <a:pt x="2532" y="2226"/>
                  </a:lnTo>
                  <a:lnTo>
                    <a:pt x="2526" y="2220"/>
                  </a:lnTo>
                  <a:lnTo>
                    <a:pt x="2522" y="2214"/>
                  </a:lnTo>
                  <a:lnTo>
                    <a:pt x="2516" y="2180"/>
                  </a:lnTo>
                  <a:lnTo>
                    <a:pt x="2514" y="2174"/>
                  </a:lnTo>
                  <a:lnTo>
                    <a:pt x="2510" y="2168"/>
                  </a:lnTo>
                  <a:lnTo>
                    <a:pt x="2500" y="2158"/>
                  </a:lnTo>
                  <a:lnTo>
                    <a:pt x="2496" y="2152"/>
                  </a:lnTo>
                  <a:lnTo>
                    <a:pt x="2492" y="2146"/>
                  </a:lnTo>
                  <a:lnTo>
                    <a:pt x="2488" y="2130"/>
                  </a:lnTo>
                  <a:lnTo>
                    <a:pt x="2486" y="2128"/>
                  </a:lnTo>
                  <a:lnTo>
                    <a:pt x="2484" y="2128"/>
                  </a:lnTo>
                  <a:lnTo>
                    <a:pt x="2482" y="2128"/>
                  </a:lnTo>
                  <a:lnTo>
                    <a:pt x="2480" y="2128"/>
                  </a:lnTo>
                  <a:lnTo>
                    <a:pt x="2472" y="2138"/>
                  </a:lnTo>
                  <a:lnTo>
                    <a:pt x="2468" y="2144"/>
                  </a:lnTo>
                  <a:lnTo>
                    <a:pt x="2466" y="2150"/>
                  </a:lnTo>
                  <a:lnTo>
                    <a:pt x="2466" y="2184"/>
                  </a:lnTo>
                  <a:lnTo>
                    <a:pt x="2464" y="2192"/>
                  </a:lnTo>
                  <a:lnTo>
                    <a:pt x="2460" y="2198"/>
                  </a:lnTo>
                  <a:lnTo>
                    <a:pt x="2452" y="2206"/>
                  </a:lnTo>
                  <a:lnTo>
                    <a:pt x="2446" y="2210"/>
                  </a:lnTo>
                  <a:lnTo>
                    <a:pt x="2438" y="2212"/>
                  </a:lnTo>
                  <a:lnTo>
                    <a:pt x="2434" y="2212"/>
                  </a:lnTo>
                  <a:lnTo>
                    <a:pt x="2428" y="2210"/>
                  </a:lnTo>
                  <a:lnTo>
                    <a:pt x="2422" y="2204"/>
                  </a:lnTo>
                  <a:lnTo>
                    <a:pt x="2412" y="2188"/>
                  </a:lnTo>
                  <a:lnTo>
                    <a:pt x="2406" y="2184"/>
                  </a:lnTo>
                  <a:lnTo>
                    <a:pt x="2398" y="2182"/>
                  </a:lnTo>
                  <a:lnTo>
                    <a:pt x="2396" y="2182"/>
                  </a:lnTo>
                  <a:lnTo>
                    <a:pt x="2388" y="2180"/>
                  </a:lnTo>
                  <a:lnTo>
                    <a:pt x="2380" y="2178"/>
                  </a:lnTo>
                  <a:lnTo>
                    <a:pt x="2374" y="2176"/>
                  </a:lnTo>
                  <a:lnTo>
                    <a:pt x="2372" y="2174"/>
                  </a:lnTo>
                  <a:lnTo>
                    <a:pt x="2370" y="2172"/>
                  </a:lnTo>
                  <a:lnTo>
                    <a:pt x="2370" y="2168"/>
                  </a:lnTo>
                  <a:lnTo>
                    <a:pt x="2372" y="2164"/>
                  </a:lnTo>
                  <a:lnTo>
                    <a:pt x="2374" y="2160"/>
                  </a:lnTo>
                  <a:lnTo>
                    <a:pt x="2382" y="2146"/>
                  </a:lnTo>
                  <a:lnTo>
                    <a:pt x="2384" y="2140"/>
                  </a:lnTo>
                  <a:lnTo>
                    <a:pt x="2384" y="2138"/>
                  </a:lnTo>
                  <a:lnTo>
                    <a:pt x="2384" y="2134"/>
                  </a:lnTo>
                  <a:lnTo>
                    <a:pt x="2382" y="2132"/>
                  </a:lnTo>
                  <a:lnTo>
                    <a:pt x="2380" y="2132"/>
                  </a:lnTo>
                  <a:lnTo>
                    <a:pt x="2356" y="2126"/>
                  </a:lnTo>
                  <a:lnTo>
                    <a:pt x="2340" y="2124"/>
                  </a:lnTo>
                  <a:lnTo>
                    <a:pt x="2336" y="2124"/>
                  </a:lnTo>
                  <a:lnTo>
                    <a:pt x="2330" y="2124"/>
                  </a:lnTo>
                  <a:lnTo>
                    <a:pt x="2324" y="2128"/>
                  </a:lnTo>
                  <a:lnTo>
                    <a:pt x="2312" y="2136"/>
                  </a:lnTo>
                  <a:lnTo>
                    <a:pt x="2306" y="2140"/>
                  </a:lnTo>
                  <a:lnTo>
                    <a:pt x="2292" y="2146"/>
                  </a:lnTo>
                  <a:lnTo>
                    <a:pt x="2286" y="2150"/>
                  </a:lnTo>
                  <a:lnTo>
                    <a:pt x="2280" y="2154"/>
                  </a:lnTo>
                  <a:lnTo>
                    <a:pt x="2276" y="2160"/>
                  </a:lnTo>
                  <a:lnTo>
                    <a:pt x="2274" y="2164"/>
                  </a:lnTo>
                  <a:lnTo>
                    <a:pt x="2270" y="2170"/>
                  </a:lnTo>
                  <a:lnTo>
                    <a:pt x="2264" y="2172"/>
                  </a:lnTo>
                  <a:lnTo>
                    <a:pt x="2252" y="2168"/>
                  </a:lnTo>
                  <a:lnTo>
                    <a:pt x="2248" y="2166"/>
                  </a:lnTo>
                  <a:lnTo>
                    <a:pt x="2240" y="2164"/>
                  </a:lnTo>
                  <a:lnTo>
                    <a:pt x="2234" y="2166"/>
                  </a:lnTo>
                  <a:lnTo>
                    <a:pt x="2228" y="2168"/>
                  </a:lnTo>
                  <a:lnTo>
                    <a:pt x="2214" y="2176"/>
                  </a:lnTo>
                  <a:lnTo>
                    <a:pt x="2198" y="2188"/>
                  </a:lnTo>
                  <a:lnTo>
                    <a:pt x="2184" y="2196"/>
                  </a:lnTo>
                  <a:lnTo>
                    <a:pt x="2178" y="2198"/>
                  </a:lnTo>
                  <a:lnTo>
                    <a:pt x="2164" y="2206"/>
                  </a:lnTo>
                  <a:lnTo>
                    <a:pt x="2160" y="2208"/>
                  </a:lnTo>
                  <a:lnTo>
                    <a:pt x="2154" y="2212"/>
                  </a:lnTo>
                  <a:lnTo>
                    <a:pt x="2150" y="2220"/>
                  </a:lnTo>
                  <a:lnTo>
                    <a:pt x="2144" y="2234"/>
                  </a:lnTo>
                  <a:lnTo>
                    <a:pt x="2140" y="2238"/>
                  </a:lnTo>
                  <a:lnTo>
                    <a:pt x="2134" y="2240"/>
                  </a:lnTo>
                  <a:lnTo>
                    <a:pt x="2130" y="2240"/>
                  </a:lnTo>
                  <a:lnTo>
                    <a:pt x="2124" y="2242"/>
                  </a:lnTo>
                  <a:lnTo>
                    <a:pt x="2116" y="2246"/>
                  </a:lnTo>
                  <a:lnTo>
                    <a:pt x="2100" y="2256"/>
                  </a:lnTo>
                  <a:lnTo>
                    <a:pt x="2086" y="2264"/>
                  </a:lnTo>
                  <a:lnTo>
                    <a:pt x="2062" y="2276"/>
                  </a:lnTo>
                  <a:lnTo>
                    <a:pt x="2048" y="2286"/>
                  </a:lnTo>
                  <a:lnTo>
                    <a:pt x="2040" y="2294"/>
                  </a:lnTo>
                  <a:lnTo>
                    <a:pt x="2030" y="2306"/>
                  </a:lnTo>
                  <a:lnTo>
                    <a:pt x="2028" y="2312"/>
                  </a:lnTo>
                  <a:lnTo>
                    <a:pt x="2026" y="2320"/>
                  </a:lnTo>
                  <a:lnTo>
                    <a:pt x="2028" y="2326"/>
                  </a:lnTo>
                  <a:lnTo>
                    <a:pt x="2032" y="2340"/>
                  </a:lnTo>
                  <a:lnTo>
                    <a:pt x="2034" y="2356"/>
                  </a:lnTo>
                  <a:lnTo>
                    <a:pt x="2034" y="2360"/>
                  </a:lnTo>
                  <a:lnTo>
                    <a:pt x="2036" y="2376"/>
                  </a:lnTo>
                  <a:lnTo>
                    <a:pt x="2052" y="2428"/>
                  </a:lnTo>
                  <a:lnTo>
                    <a:pt x="2054" y="2444"/>
                  </a:lnTo>
                  <a:lnTo>
                    <a:pt x="2054" y="2448"/>
                  </a:lnTo>
                  <a:lnTo>
                    <a:pt x="2054" y="2464"/>
                  </a:lnTo>
                  <a:lnTo>
                    <a:pt x="2054" y="2488"/>
                  </a:lnTo>
                  <a:lnTo>
                    <a:pt x="2056" y="2494"/>
                  </a:lnTo>
                  <a:lnTo>
                    <a:pt x="2060" y="2500"/>
                  </a:lnTo>
                  <a:lnTo>
                    <a:pt x="2068" y="2510"/>
                  </a:lnTo>
                  <a:lnTo>
                    <a:pt x="2074" y="2514"/>
                  </a:lnTo>
                  <a:lnTo>
                    <a:pt x="2082" y="2514"/>
                  </a:lnTo>
                  <a:lnTo>
                    <a:pt x="2086" y="2514"/>
                  </a:lnTo>
                  <a:lnTo>
                    <a:pt x="2100" y="2512"/>
                  </a:lnTo>
                  <a:lnTo>
                    <a:pt x="2116" y="2508"/>
                  </a:lnTo>
                  <a:lnTo>
                    <a:pt x="2130" y="2502"/>
                  </a:lnTo>
                  <a:lnTo>
                    <a:pt x="2136" y="2498"/>
                  </a:lnTo>
                  <a:lnTo>
                    <a:pt x="2142" y="2496"/>
                  </a:lnTo>
                  <a:lnTo>
                    <a:pt x="2150" y="2496"/>
                  </a:lnTo>
                  <a:lnTo>
                    <a:pt x="2154" y="2496"/>
                  </a:lnTo>
                  <a:lnTo>
                    <a:pt x="2170" y="2492"/>
                  </a:lnTo>
                  <a:lnTo>
                    <a:pt x="2184" y="2488"/>
                  </a:lnTo>
                  <a:lnTo>
                    <a:pt x="2190" y="2484"/>
                  </a:lnTo>
                  <a:lnTo>
                    <a:pt x="2192" y="2480"/>
                  </a:lnTo>
                  <a:lnTo>
                    <a:pt x="2194" y="2476"/>
                  </a:lnTo>
                  <a:lnTo>
                    <a:pt x="2198" y="2472"/>
                  </a:lnTo>
                  <a:lnTo>
                    <a:pt x="2232" y="2460"/>
                  </a:lnTo>
                  <a:lnTo>
                    <a:pt x="2240" y="2458"/>
                  </a:lnTo>
                  <a:lnTo>
                    <a:pt x="2248" y="2456"/>
                  </a:lnTo>
                  <a:lnTo>
                    <a:pt x="2272" y="2456"/>
                  </a:lnTo>
                  <a:lnTo>
                    <a:pt x="2288" y="2458"/>
                  </a:lnTo>
                  <a:lnTo>
                    <a:pt x="2330" y="2464"/>
                  </a:lnTo>
                  <a:lnTo>
                    <a:pt x="2338" y="2468"/>
                  </a:lnTo>
                  <a:lnTo>
                    <a:pt x="2344" y="2472"/>
                  </a:lnTo>
                  <a:lnTo>
                    <a:pt x="2362" y="2490"/>
                  </a:lnTo>
                  <a:lnTo>
                    <a:pt x="2374" y="2500"/>
                  </a:lnTo>
                  <a:lnTo>
                    <a:pt x="2382" y="2510"/>
                  </a:lnTo>
                  <a:lnTo>
                    <a:pt x="2388" y="2514"/>
                  </a:lnTo>
                  <a:lnTo>
                    <a:pt x="2396" y="2514"/>
                  </a:lnTo>
                  <a:lnTo>
                    <a:pt x="2398" y="2514"/>
                  </a:lnTo>
                  <a:lnTo>
                    <a:pt x="2406" y="2516"/>
                  </a:lnTo>
                  <a:lnTo>
                    <a:pt x="2410" y="2522"/>
                  </a:lnTo>
                  <a:lnTo>
                    <a:pt x="2414" y="2528"/>
                  </a:lnTo>
                  <a:lnTo>
                    <a:pt x="2422" y="2540"/>
                  </a:lnTo>
                  <a:lnTo>
                    <a:pt x="2430" y="2548"/>
                  </a:lnTo>
                  <a:lnTo>
                    <a:pt x="2442" y="2558"/>
                  </a:lnTo>
                  <a:lnTo>
                    <a:pt x="2458" y="2570"/>
                  </a:lnTo>
                  <a:lnTo>
                    <a:pt x="2474" y="2576"/>
                  </a:lnTo>
                  <a:lnTo>
                    <a:pt x="2488" y="2580"/>
                  </a:lnTo>
                  <a:lnTo>
                    <a:pt x="2494" y="2582"/>
                  </a:lnTo>
                  <a:lnTo>
                    <a:pt x="2502" y="2580"/>
                  </a:lnTo>
                  <a:lnTo>
                    <a:pt x="2508" y="2578"/>
                  </a:lnTo>
                  <a:lnTo>
                    <a:pt x="2514" y="2576"/>
                  </a:lnTo>
                  <a:lnTo>
                    <a:pt x="2520" y="2580"/>
                  </a:lnTo>
                  <a:lnTo>
                    <a:pt x="2528" y="2588"/>
                  </a:lnTo>
                  <a:lnTo>
                    <a:pt x="2534" y="2592"/>
                  </a:lnTo>
                  <a:lnTo>
                    <a:pt x="2538" y="2594"/>
                  </a:lnTo>
                  <a:lnTo>
                    <a:pt x="2544" y="2592"/>
                  </a:lnTo>
                  <a:lnTo>
                    <a:pt x="2550" y="2588"/>
                  </a:lnTo>
                  <a:lnTo>
                    <a:pt x="2558" y="2580"/>
                  </a:lnTo>
                  <a:lnTo>
                    <a:pt x="2570" y="2570"/>
                  </a:lnTo>
                  <a:lnTo>
                    <a:pt x="2576" y="2568"/>
                  </a:lnTo>
                  <a:lnTo>
                    <a:pt x="2588" y="2564"/>
                  </a:lnTo>
                  <a:lnTo>
                    <a:pt x="2592" y="2562"/>
                  </a:lnTo>
                  <a:lnTo>
                    <a:pt x="2592" y="2556"/>
                  </a:lnTo>
                  <a:lnTo>
                    <a:pt x="2592" y="2552"/>
                  </a:lnTo>
                  <a:lnTo>
                    <a:pt x="2594" y="2544"/>
                  </a:lnTo>
                  <a:lnTo>
                    <a:pt x="2596" y="2538"/>
                  </a:lnTo>
                  <a:lnTo>
                    <a:pt x="2608" y="2512"/>
                  </a:lnTo>
                  <a:lnTo>
                    <a:pt x="2616" y="2498"/>
                  </a:lnTo>
                  <a:lnTo>
                    <a:pt x="2638" y="2434"/>
                  </a:lnTo>
                  <a:lnTo>
                    <a:pt x="2642" y="2418"/>
                  </a:lnTo>
                  <a:lnTo>
                    <a:pt x="2642" y="2396"/>
                  </a:lnTo>
                  <a:lnTo>
                    <a:pt x="2642" y="2380"/>
                  </a:lnTo>
                  <a:lnTo>
                    <a:pt x="2642" y="2366"/>
                  </a:lnTo>
                  <a:lnTo>
                    <a:pt x="2642" y="2350"/>
                  </a:lnTo>
                  <a:lnTo>
                    <a:pt x="2642" y="2346"/>
                  </a:lnTo>
                  <a:lnTo>
                    <a:pt x="2640" y="2340"/>
                  </a:lnTo>
                  <a:lnTo>
                    <a:pt x="2636" y="2334"/>
                  </a:lnTo>
                  <a:lnTo>
                    <a:pt x="2620" y="2324"/>
                  </a:lnTo>
                  <a:lnTo>
                    <a:pt x="2614" y="2318"/>
                  </a:lnTo>
                  <a:lnTo>
                    <a:pt x="2610" y="2312"/>
                  </a:lnTo>
                  <a:lnTo>
                    <a:pt x="2606" y="2298"/>
                  </a:lnTo>
                  <a:close/>
                  <a:moveTo>
                    <a:pt x="2522" y="2632"/>
                  </a:moveTo>
                  <a:lnTo>
                    <a:pt x="2522" y="2632"/>
                  </a:lnTo>
                  <a:lnTo>
                    <a:pt x="2520" y="2634"/>
                  </a:lnTo>
                  <a:lnTo>
                    <a:pt x="2518" y="2634"/>
                  </a:lnTo>
                  <a:lnTo>
                    <a:pt x="2516" y="2638"/>
                  </a:lnTo>
                  <a:lnTo>
                    <a:pt x="2518" y="2640"/>
                  </a:lnTo>
                  <a:lnTo>
                    <a:pt x="2522" y="2654"/>
                  </a:lnTo>
                  <a:lnTo>
                    <a:pt x="2524" y="2670"/>
                  </a:lnTo>
                  <a:lnTo>
                    <a:pt x="2524" y="2674"/>
                  </a:lnTo>
                  <a:lnTo>
                    <a:pt x="2526" y="2680"/>
                  </a:lnTo>
                  <a:lnTo>
                    <a:pt x="2532" y="2684"/>
                  </a:lnTo>
                  <a:lnTo>
                    <a:pt x="2538" y="2688"/>
                  </a:lnTo>
                  <a:lnTo>
                    <a:pt x="2540" y="2688"/>
                  </a:lnTo>
                  <a:lnTo>
                    <a:pt x="2544" y="2688"/>
                  </a:lnTo>
                  <a:lnTo>
                    <a:pt x="2546" y="2686"/>
                  </a:lnTo>
                  <a:lnTo>
                    <a:pt x="2548" y="2684"/>
                  </a:lnTo>
                  <a:lnTo>
                    <a:pt x="2550" y="2678"/>
                  </a:lnTo>
                  <a:lnTo>
                    <a:pt x="2556" y="2664"/>
                  </a:lnTo>
                  <a:lnTo>
                    <a:pt x="2562" y="2650"/>
                  </a:lnTo>
                  <a:lnTo>
                    <a:pt x="2564" y="2634"/>
                  </a:lnTo>
                  <a:lnTo>
                    <a:pt x="2564" y="2632"/>
                  </a:lnTo>
                  <a:lnTo>
                    <a:pt x="2564" y="2628"/>
                  </a:lnTo>
                  <a:lnTo>
                    <a:pt x="2562" y="2626"/>
                  </a:lnTo>
                  <a:lnTo>
                    <a:pt x="2560" y="2626"/>
                  </a:lnTo>
                  <a:lnTo>
                    <a:pt x="2556" y="2626"/>
                  </a:lnTo>
                  <a:lnTo>
                    <a:pt x="2552" y="2630"/>
                  </a:lnTo>
                  <a:lnTo>
                    <a:pt x="2544" y="2632"/>
                  </a:lnTo>
                  <a:lnTo>
                    <a:pt x="2536" y="2632"/>
                  </a:lnTo>
                  <a:lnTo>
                    <a:pt x="2522" y="2632"/>
                  </a:lnTo>
                  <a:close/>
                  <a:moveTo>
                    <a:pt x="2478" y="958"/>
                  </a:moveTo>
                  <a:lnTo>
                    <a:pt x="2478" y="958"/>
                  </a:lnTo>
                  <a:lnTo>
                    <a:pt x="2476" y="954"/>
                  </a:lnTo>
                  <a:lnTo>
                    <a:pt x="2476" y="958"/>
                  </a:lnTo>
                  <a:lnTo>
                    <a:pt x="2476" y="962"/>
                  </a:lnTo>
                  <a:lnTo>
                    <a:pt x="2474" y="976"/>
                  </a:lnTo>
                  <a:lnTo>
                    <a:pt x="2468" y="992"/>
                  </a:lnTo>
                  <a:lnTo>
                    <a:pt x="2468" y="998"/>
                  </a:lnTo>
                  <a:lnTo>
                    <a:pt x="2470" y="1006"/>
                  </a:lnTo>
                  <a:lnTo>
                    <a:pt x="2472" y="1012"/>
                  </a:lnTo>
                  <a:lnTo>
                    <a:pt x="2474" y="1018"/>
                  </a:lnTo>
                  <a:lnTo>
                    <a:pt x="2476" y="1026"/>
                  </a:lnTo>
                  <a:lnTo>
                    <a:pt x="2476" y="1088"/>
                  </a:lnTo>
                  <a:lnTo>
                    <a:pt x="2476" y="1104"/>
                  </a:lnTo>
                  <a:lnTo>
                    <a:pt x="2476" y="1118"/>
                  </a:lnTo>
                  <a:lnTo>
                    <a:pt x="2478" y="1124"/>
                  </a:lnTo>
                  <a:lnTo>
                    <a:pt x="2484" y="1128"/>
                  </a:lnTo>
                  <a:lnTo>
                    <a:pt x="2498" y="1134"/>
                  </a:lnTo>
                  <a:lnTo>
                    <a:pt x="2502" y="1134"/>
                  </a:lnTo>
                  <a:lnTo>
                    <a:pt x="2500" y="1130"/>
                  </a:lnTo>
                  <a:lnTo>
                    <a:pt x="2490" y="1114"/>
                  </a:lnTo>
                  <a:lnTo>
                    <a:pt x="2486" y="1106"/>
                  </a:lnTo>
                  <a:lnTo>
                    <a:pt x="2486" y="1098"/>
                  </a:lnTo>
                  <a:lnTo>
                    <a:pt x="2486" y="1094"/>
                  </a:lnTo>
                  <a:lnTo>
                    <a:pt x="2486" y="1088"/>
                  </a:lnTo>
                  <a:lnTo>
                    <a:pt x="2488" y="1080"/>
                  </a:lnTo>
                  <a:lnTo>
                    <a:pt x="2492" y="1074"/>
                  </a:lnTo>
                  <a:lnTo>
                    <a:pt x="2496" y="1070"/>
                  </a:lnTo>
                  <a:lnTo>
                    <a:pt x="2498" y="1070"/>
                  </a:lnTo>
                  <a:lnTo>
                    <a:pt x="2500" y="1072"/>
                  </a:lnTo>
                  <a:lnTo>
                    <a:pt x="2502" y="1074"/>
                  </a:lnTo>
                  <a:lnTo>
                    <a:pt x="2502" y="1070"/>
                  </a:lnTo>
                  <a:lnTo>
                    <a:pt x="2488" y="1006"/>
                  </a:lnTo>
                  <a:lnTo>
                    <a:pt x="2486" y="990"/>
                  </a:lnTo>
                  <a:lnTo>
                    <a:pt x="2486" y="988"/>
                  </a:lnTo>
                  <a:lnTo>
                    <a:pt x="2482" y="972"/>
                  </a:lnTo>
                  <a:lnTo>
                    <a:pt x="2478" y="958"/>
                  </a:lnTo>
                  <a:close/>
                  <a:moveTo>
                    <a:pt x="2460" y="1170"/>
                  </a:moveTo>
                  <a:lnTo>
                    <a:pt x="2460" y="1170"/>
                  </a:lnTo>
                  <a:lnTo>
                    <a:pt x="2458" y="1176"/>
                  </a:lnTo>
                  <a:lnTo>
                    <a:pt x="2456" y="1182"/>
                  </a:lnTo>
                  <a:lnTo>
                    <a:pt x="2456" y="1196"/>
                  </a:lnTo>
                  <a:lnTo>
                    <a:pt x="2454" y="1204"/>
                  </a:lnTo>
                  <a:lnTo>
                    <a:pt x="2452" y="1212"/>
                  </a:lnTo>
                  <a:lnTo>
                    <a:pt x="2450" y="1216"/>
                  </a:lnTo>
                  <a:lnTo>
                    <a:pt x="2446" y="1224"/>
                  </a:lnTo>
                  <a:lnTo>
                    <a:pt x="2446" y="1232"/>
                  </a:lnTo>
                  <a:lnTo>
                    <a:pt x="2446" y="1236"/>
                  </a:lnTo>
                  <a:lnTo>
                    <a:pt x="2448" y="1238"/>
                  </a:lnTo>
                  <a:lnTo>
                    <a:pt x="2450" y="1236"/>
                  </a:lnTo>
                  <a:lnTo>
                    <a:pt x="2460" y="1220"/>
                  </a:lnTo>
                  <a:lnTo>
                    <a:pt x="2464" y="1218"/>
                  </a:lnTo>
                  <a:lnTo>
                    <a:pt x="2466" y="1218"/>
                  </a:lnTo>
                  <a:lnTo>
                    <a:pt x="2468" y="1218"/>
                  </a:lnTo>
                  <a:lnTo>
                    <a:pt x="2472" y="1220"/>
                  </a:lnTo>
                  <a:lnTo>
                    <a:pt x="2480" y="1228"/>
                  </a:lnTo>
                  <a:lnTo>
                    <a:pt x="2482" y="1230"/>
                  </a:lnTo>
                  <a:lnTo>
                    <a:pt x="2484" y="1230"/>
                  </a:lnTo>
                  <a:lnTo>
                    <a:pt x="2486" y="1228"/>
                  </a:lnTo>
                  <a:lnTo>
                    <a:pt x="2488" y="1226"/>
                  </a:lnTo>
                  <a:lnTo>
                    <a:pt x="2492" y="1220"/>
                  </a:lnTo>
                  <a:lnTo>
                    <a:pt x="2496" y="1214"/>
                  </a:lnTo>
                  <a:lnTo>
                    <a:pt x="2502" y="1210"/>
                  </a:lnTo>
                  <a:lnTo>
                    <a:pt x="2508" y="1208"/>
                  </a:lnTo>
                  <a:lnTo>
                    <a:pt x="2520" y="1198"/>
                  </a:lnTo>
                  <a:lnTo>
                    <a:pt x="2528" y="1190"/>
                  </a:lnTo>
                  <a:lnTo>
                    <a:pt x="2530" y="1188"/>
                  </a:lnTo>
                  <a:lnTo>
                    <a:pt x="2530" y="1186"/>
                  </a:lnTo>
                  <a:lnTo>
                    <a:pt x="2528" y="1184"/>
                  </a:lnTo>
                  <a:lnTo>
                    <a:pt x="2526" y="1184"/>
                  </a:lnTo>
                  <a:lnTo>
                    <a:pt x="2522" y="1184"/>
                  </a:lnTo>
                  <a:lnTo>
                    <a:pt x="2506" y="1182"/>
                  </a:lnTo>
                  <a:lnTo>
                    <a:pt x="2492" y="1178"/>
                  </a:lnTo>
                  <a:lnTo>
                    <a:pt x="2478" y="1170"/>
                  </a:lnTo>
                  <a:lnTo>
                    <a:pt x="2472" y="1168"/>
                  </a:lnTo>
                  <a:lnTo>
                    <a:pt x="2466" y="1168"/>
                  </a:lnTo>
                  <a:lnTo>
                    <a:pt x="2460" y="1170"/>
                  </a:lnTo>
                  <a:close/>
                  <a:moveTo>
                    <a:pt x="2438" y="1284"/>
                  </a:moveTo>
                  <a:lnTo>
                    <a:pt x="2438" y="1284"/>
                  </a:lnTo>
                  <a:lnTo>
                    <a:pt x="2432" y="1300"/>
                  </a:lnTo>
                  <a:lnTo>
                    <a:pt x="2430" y="1304"/>
                  </a:lnTo>
                  <a:lnTo>
                    <a:pt x="2426" y="1310"/>
                  </a:lnTo>
                  <a:lnTo>
                    <a:pt x="2420" y="1316"/>
                  </a:lnTo>
                  <a:lnTo>
                    <a:pt x="2414" y="1318"/>
                  </a:lnTo>
                  <a:lnTo>
                    <a:pt x="2400" y="1326"/>
                  </a:lnTo>
                  <a:lnTo>
                    <a:pt x="2374" y="1346"/>
                  </a:lnTo>
                  <a:lnTo>
                    <a:pt x="2368" y="1350"/>
                  </a:lnTo>
                  <a:lnTo>
                    <a:pt x="2360" y="1350"/>
                  </a:lnTo>
                  <a:lnTo>
                    <a:pt x="2356" y="1350"/>
                  </a:lnTo>
                  <a:lnTo>
                    <a:pt x="2340" y="1354"/>
                  </a:lnTo>
                  <a:lnTo>
                    <a:pt x="2326" y="1358"/>
                  </a:lnTo>
                  <a:lnTo>
                    <a:pt x="2320" y="1362"/>
                  </a:lnTo>
                  <a:lnTo>
                    <a:pt x="2318" y="1366"/>
                  </a:lnTo>
                  <a:lnTo>
                    <a:pt x="2322" y="1378"/>
                  </a:lnTo>
                  <a:lnTo>
                    <a:pt x="2326" y="1392"/>
                  </a:lnTo>
                  <a:lnTo>
                    <a:pt x="2328" y="1394"/>
                  </a:lnTo>
                  <a:lnTo>
                    <a:pt x="2330" y="1396"/>
                  </a:lnTo>
                  <a:lnTo>
                    <a:pt x="2332" y="1396"/>
                  </a:lnTo>
                  <a:lnTo>
                    <a:pt x="2334" y="1394"/>
                  </a:lnTo>
                  <a:lnTo>
                    <a:pt x="2342" y="1386"/>
                  </a:lnTo>
                  <a:lnTo>
                    <a:pt x="2348" y="1382"/>
                  </a:lnTo>
                  <a:lnTo>
                    <a:pt x="2354" y="1380"/>
                  </a:lnTo>
                  <a:lnTo>
                    <a:pt x="2358" y="1378"/>
                  </a:lnTo>
                  <a:lnTo>
                    <a:pt x="2362" y="1376"/>
                  </a:lnTo>
                  <a:lnTo>
                    <a:pt x="2366" y="1374"/>
                  </a:lnTo>
                  <a:lnTo>
                    <a:pt x="2368" y="1376"/>
                  </a:lnTo>
                  <a:lnTo>
                    <a:pt x="2370" y="1376"/>
                  </a:lnTo>
                  <a:lnTo>
                    <a:pt x="2374" y="1374"/>
                  </a:lnTo>
                  <a:lnTo>
                    <a:pt x="2382" y="1366"/>
                  </a:lnTo>
                  <a:lnTo>
                    <a:pt x="2388" y="1362"/>
                  </a:lnTo>
                  <a:lnTo>
                    <a:pt x="2392" y="1360"/>
                  </a:lnTo>
                  <a:lnTo>
                    <a:pt x="2404" y="1360"/>
                  </a:lnTo>
                  <a:lnTo>
                    <a:pt x="2408" y="1360"/>
                  </a:lnTo>
                  <a:lnTo>
                    <a:pt x="2422" y="1360"/>
                  </a:lnTo>
                  <a:lnTo>
                    <a:pt x="2432" y="1360"/>
                  </a:lnTo>
                  <a:lnTo>
                    <a:pt x="2436" y="1360"/>
                  </a:lnTo>
                  <a:lnTo>
                    <a:pt x="2440" y="1356"/>
                  </a:lnTo>
                  <a:lnTo>
                    <a:pt x="2444" y="1350"/>
                  </a:lnTo>
                  <a:lnTo>
                    <a:pt x="2446" y="1342"/>
                  </a:lnTo>
                  <a:lnTo>
                    <a:pt x="2446" y="1330"/>
                  </a:lnTo>
                  <a:lnTo>
                    <a:pt x="2446" y="1322"/>
                  </a:lnTo>
                  <a:lnTo>
                    <a:pt x="2450" y="1314"/>
                  </a:lnTo>
                  <a:lnTo>
                    <a:pt x="2452" y="1308"/>
                  </a:lnTo>
                  <a:lnTo>
                    <a:pt x="2458" y="1294"/>
                  </a:lnTo>
                  <a:lnTo>
                    <a:pt x="2462" y="1280"/>
                  </a:lnTo>
                  <a:lnTo>
                    <a:pt x="2464" y="1272"/>
                  </a:lnTo>
                  <a:lnTo>
                    <a:pt x="2460" y="1266"/>
                  </a:lnTo>
                  <a:lnTo>
                    <a:pt x="2450" y="1250"/>
                  </a:lnTo>
                  <a:lnTo>
                    <a:pt x="2448" y="1246"/>
                  </a:lnTo>
                  <a:lnTo>
                    <a:pt x="2446" y="1246"/>
                  </a:lnTo>
                  <a:lnTo>
                    <a:pt x="2446" y="1248"/>
                  </a:lnTo>
                  <a:lnTo>
                    <a:pt x="2444" y="1260"/>
                  </a:lnTo>
                  <a:lnTo>
                    <a:pt x="2438" y="128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defTabSz="912768" eaLnBrk="0" fontAlgn="auto" hangingPunct="0">
                <a:spcBef>
                  <a:spcPts val="600"/>
                </a:spcBef>
                <a:spcAft>
                  <a:spcPts val="600"/>
                </a:spcAft>
                <a:defRPr/>
              </a:pPr>
              <a:endParaRPr lang="en-GB" sz="1500" kern="0" dirty="0">
                <a:solidFill>
                  <a:srgbClr val="FFFFFF"/>
                </a:solidFill>
                <a:latin typeface="Arial" panose="020B0604020202020204" pitchFamily="34" charset="0"/>
                <a:ea typeface="MS PGothic" panose="020B0600070205080204" pitchFamily="34" charset="-128"/>
                <a:cs typeface="Arial" pitchFamily="34" charset="0"/>
              </a:endParaRPr>
            </a:p>
          </p:txBody>
        </p:sp>
        <p:sp>
          <p:nvSpPr>
            <p:cNvPr id="6" name="Freeform 15"/>
            <p:cNvSpPr>
              <a:spLocks noEditPoints="1"/>
            </p:cNvSpPr>
            <p:nvPr/>
          </p:nvSpPr>
          <p:spPr bwMode="auto">
            <a:xfrm>
              <a:off x="56" y="1036"/>
              <a:ext cx="2211" cy="3018"/>
            </a:xfrm>
            <a:custGeom>
              <a:avLst/>
              <a:gdLst>
                <a:gd name="T0" fmla="*/ 1757 w 2211"/>
                <a:gd name="T1" fmla="*/ 431 h 3018"/>
                <a:gd name="T2" fmla="*/ 1780 w 2211"/>
                <a:gd name="T3" fmla="*/ 502 h 3018"/>
                <a:gd name="T4" fmla="*/ 1792 w 2211"/>
                <a:gd name="T5" fmla="*/ 608 h 3018"/>
                <a:gd name="T6" fmla="*/ 1954 w 2211"/>
                <a:gd name="T7" fmla="*/ 711 h 3018"/>
                <a:gd name="T8" fmla="*/ 2035 w 2211"/>
                <a:gd name="T9" fmla="*/ 540 h 3018"/>
                <a:gd name="T10" fmla="*/ 2203 w 2211"/>
                <a:gd name="T11" fmla="*/ 366 h 3018"/>
                <a:gd name="T12" fmla="*/ 2188 w 2211"/>
                <a:gd name="T13" fmla="*/ 325 h 3018"/>
                <a:gd name="T14" fmla="*/ 2153 w 2211"/>
                <a:gd name="T15" fmla="*/ 272 h 3018"/>
                <a:gd name="T16" fmla="*/ 2085 w 2211"/>
                <a:gd name="T17" fmla="*/ 202 h 3018"/>
                <a:gd name="T18" fmla="*/ 2002 w 2211"/>
                <a:gd name="T19" fmla="*/ 129 h 3018"/>
                <a:gd name="T20" fmla="*/ 1934 w 2211"/>
                <a:gd name="T21" fmla="*/ 108 h 3018"/>
                <a:gd name="T22" fmla="*/ 1737 w 2211"/>
                <a:gd name="T23" fmla="*/ 207 h 3018"/>
                <a:gd name="T24" fmla="*/ 1288 w 2211"/>
                <a:gd name="T25" fmla="*/ 159 h 3018"/>
                <a:gd name="T26" fmla="*/ 1303 w 2211"/>
                <a:gd name="T27" fmla="*/ 194 h 3018"/>
                <a:gd name="T28" fmla="*/ 1356 w 2211"/>
                <a:gd name="T29" fmla="*/ 207 h 3018"/>
                <a:gd name="T30" fmla="*/ 1364 w 2211"/>
                <a:gd name="T31" fmla="*/ 156 h 3018"/>
                <a:gd name="T32" fmla="*/ 1374 w 2211"/>
                <a:gd name="T33" fmla="*/ 66 h 3018"/>
                <a:gd name="T34" fmla="*/ 1361 w 2211"/>
                <a:gd name="T35" fmla="*/ 3 h 3018"/>
                <a:gd name="T36" fmla="*/ 1319 w 2211"/>
                <a:gd name="T37" fmla="*/ 13 h 3018"/>
                <a:gd name="T38" fmla="*/ 1266 w 2211"/>
                <a:gd name="T39" fmla="*/ 58 h 3018"/>
                <a:gd name="T40" fmla="*/ 1248 w 2211"/>
                <a:gd name="T41" fmla="*/ 81 h 3018"/>
                <a:gd name="T42" fmla="*/ 1253 w 2211"/>
                <a:gd name="T43" fmla="*/ 144 h 3018"/>
                <a:gd name="T44" fmla="*/ 1268 w 2211"/>
                <a:gd name="T45" fmla="*/ 227 h 3018"/>
                <a:gd name="T46" fmla="*/ 1379 w 2211"/>
                <a:gd name="T47" fmla="*/ 252 h 3018"/>
                <a:gd name="T48" fmla="*/ 1271 w 2211"/>
                <a:gd name="T49" fmla="*/ 217 h 3018"/>
                <a:gd name="T50" fmla="*/ 1172 w 2211"/>
                <a:gd name="T51" fmla="*/ 1629 h 3018"/>
                <a:gd name="T52" fmla="*/ 1677 w 2211"/>
                <a:gd name="T53" fmla="*/ 1170 h 3018"/>
                <a:gd name="T54" fmla="*/ 1500 w 2211"/>
                <a:gd name="T55" fmla="*/ 703 h 3018"/>
                <a:gd name="T56" fmla="*/ 1437 w 2211"/>
                <a:gd name="T57" fmla="*/ 376 h 3018"/>
                <a:gd name="T58" fmla="*/ 1520 w 2211"/>
                <a:gd name="T59" fmla="*/ 509 h 3018"/>
                <a:gd name="T60" fmla="*/ 1606 w 2211"/>
                <a:gd name="T61" fmla="*/ 540 h 3018"/>
                <a:gd name="T62" fmla="*/ 1674 w 2211"/>
                <a:gd name="T63" fmla="*/ 527 h 3018"/>
                <a:gd name="T64" fmla="*/ 1694 w 2211"/>
                <a:gd name="T65" fmla="*/ 502 h 3018"/>
                <a:gd name="T66" fmla="*/ 1659 w 2211"/>
                <a:gd name="T67" fmla="*/ 446 h 3018"/>
                <a:gd name="T68" fmla="*/ 1634 w 2211"/>
                <a:gd name="T69" fmla="*/ 388 h 3018"/>
                <a:gd name="T70" fmla="*/ 1553 w 2211"/>
                <a:gd name="T71" fmla="*/ 345 h 3018"/>
                <a:gd name="T72" fmla="*/ 1442 w 2211"/>
                <a:gd name="T73" fmla="*/ 300 h 3018"/>
                <a:gd name="T74" fmla="*/ 1341 w 2211"/>
                <a:gd name="T75" fmla="*/ 330 h 3018"/>
                <a:gd name="T76" fmla="*/ 1319 w 2211"/>
                <a:gd name="T77" fmla="*/ 386 h 3018"/>
                <a:gd name="T78" fmla="*/ 1182 w 2211"/>
                <a:gd name="T79" fmla="*/ 424 h 3018"/>
                <a:gd name="T80" fmla="*/ 1172 w 2211"/>
                <a:gd name="T81" fmla="*/ 308 h 3018"/>
                <a:gd name="T82" fmla="*/ 1112 w 2211"/>
                <a:gd name="T83" fmla="*/ 315 h 3018"/>
                <a:gd name="T84" fmla="*/ 1024 w 2211"/>
                <a:gd name="T85" fmla="*/ 333 h 3018"/>
                <a:gd name="T86" fmla="*/ 1034 w 2211"/>
                <a:gd name="T87" fmla="*/ 383 h 3018"/>
                <a:gd name="T88" fmla="*/ 1129 w 2211"/>
                <a:gd name="T89" fmla="*/ 429 h 3018"/>
                <a:gd name="T90" fmla="*/ 451 w 2211"/>
                <a:gd name="T91" fmla="*/ 378 h 3018"/>
                <a:gd name="T92" fmla="*/ 156 w 2211"/>
                <a:gd name="T93" fmla="*/ 840 h 3018"/>
                <a:gd name="T94" fmla="*/ 837 w 2211"/>
                <a:gd name="T95" fmla="*/ 1417 h 3018"/>
                <a:gd name="T96" fmla="*/ 1256 w 2211"/>
                <a:gd name="T97" fmla="*/ 1755 h 3018"/>
                <a:gd name="T98" fmla="*/ 1629 w 2211"/>
                <a:gd name="T99" fmla="*/ 1679 h 3018"/>
                <a:gd name="T100" fmla="*/ 1553 w 2211"/>
                <a:gd name="T101" fmla="*/ 1654 h 3018"/>
                <a:gd name="T102" fmla="*/ 1414 w 2211"/>
                <a:gd name="T103" fmla="*/ 1851 h 3018"/>
                <a:gd name="T104" fmla="*/ 1891 w 2211"/>
                <a:gd name="T105" fmla="*/ 1893 h 3018"/>
                <a:gd name="T106" fmla="*/ 1591 w 2211"/>
                <a:gd name="T107" fmla="*/ 1795 h 3018"/>
                <a:gd name="T108" fmla="*/ 1435 w 2211"/>
                <a:gd name="T109" fmla="*/ 2057 h 3018"/>
                <a:gd name="T110" fmla="*/ 1629 w 2211"/>
                <a:gd name="T111" fmla="*/ 2524 h 3018"/>
                <a:gd name="T112" fmla="*/ 1740 w 2211"/>
                <a:gd name="T113" fmla="*/ 2741 h 3018"/>
                <a:gd name="T114" fmla="*/ 2110 w 2211"/>
                <a:gd name="T115" fmla="*/ 2342 h 3018"/>
                <a:gd name="T116" fmla="*/ 1472 w 2211"/>
                <a:gd name="T117" fmla="*/ 562 h 3018"/>
                <a:gd name="T118" fmla="*/ 1394 w 2211"/>
                <a:gd name="T119" fmla="*/ 577 h 3018"/>
                <a:gd name="T120" fmla="*/ 978 w 2211"/>
                <a:gd name="T121" fmla="*/ 338 h 3018"/>
                <a:gd name="T122" fmla="*/ 1039 w 2211"/>
                <a:gd name="T123" fmla="*/ 250 h 3018"/>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2211" h="3018">
                  <a:moveTo>
                    <a:pt x="1636" y="295"/>
                  </a:moveTo>
                  <a:lnTo>
                    <a:pt x="1639" y="300"/>
                  </a:lnTo>
                  <a:lnTo>
                    <a:pt x="1639" y="303"/>
                  </a:lnTo>
                  <a:lnTo>
                    <a:pt x="1639" y="308"/>
                  </a:lnTo>
                  <a:lnTo>
                    <a:pt x="1636" y="310"/>
                  </a:lnTo>
                  <a:lnTo>
                    <a:pt x="1636" y="313"/>
                  </a:lnTo>
                  <a:lnTo>
                    <a:pt x="1634" y="315"/>
                  </a:lnTo>
                  <a:lnTo>
                    <a:pt x="1636" y="320"/>
                  </a:lnTo>
                  <a:lnTo>
                    <a:pt x="1636" y="323"/>
                  </a:lnTo>
                  <a:lnTo>
                    <a:pt x="1641" y="328"/>
                  </a:lnTo>
                  <a:lnTo>
                    <a:pt x="1644" y="333"/>
                  </a:lnTo>
                  <a:lnTo>
                    <a:pt x="1649" y="335"/>
                  </a:lnTo>
                  <a:lnTo>
                    <a:pt x="1651" y="338"/>
                  </a:lnTo>
                  <a:lnTo>
                    <a:pt x="1656" y="340"/>
                  </a:lnTo>
                  <a:lnTo>
                    <a:pt x="1664" y="340"/>
                  </a:lnTo>
                  <a:lnTo>
                    <a:pt x="1669" y="340"/>
                  </a:lnTo>
                  <a:lnTo>
                    <a:pt x="1679" y="340"/>
                  </a:lnTo>
                  <a:lnTo>
                    <a:pt x="1687" y="338"/>
                  </a:lnTo>
                  <a:lnTo>
                    <a:pt x="1697" y="338"/>
                  </a:lnTo>
                  <a:lnTo>
                    <a:pt x="1704" y="338"/>
                  </a:lnTo>
                  <a:lnTo>
                    <a:pt x="1712" y="338"/>
                  </a:lnTo>
                  <a:lnTo>
                    <a:pt x="1719" y="340"/>
                  </a:lnTo>
                  <a:lnTo>
                    <a:pt x="1724" y="343"/>
                  </a:lnTo>
                  <a:lnTo>
                    <a:pt x="1729" y="348"/>
                  </a:lnTo>
                  <a:lnTo>
                    <a:pt x="1732" y="356"/>
                  </a:lnTo>
                  <a:lnTo>
                    <a:pt x="1737" y="363"/>
                  </a:lnTo>
                  <a:lnTo>
                    <a:pt x="1740" y="368"/>
                  </a:lnTo>
                  <a:lnTo>
                    <a:pt x="1745" y="373"/>
                  </a:lnTo>
                  <a:lnTo>
                    <a:pt x="1750" y="378"/>
                  </a:lnTo>
                  <a:lnTo>
                    <a:pt x="1752" y="386"/>
                  </a:lnTo>
                  <a:lnTo>
                    <a:pt x="1757" y="391"/>
                  </a:lnTo>
                  <a:lnTo>
                    <a:pt x="1760" y="401"/>
                  </a:lnTo>
                  <a:lnTo>
                    <a:pt x="1760" y="411"/>
                  </a:lnTo>
                  <a:lnTo>
                    <a:pt x="1760" y="424"/>
                  </a:lnTo>
                  <a:lnTo>
                    <a:pt x="1757" y="431"/>
                  </a:lnTo>
                  <a:lnTo>
                    <a:pt x="1757" y="439"/>
                  </a:lnTo>
                  <a:lnTo>
                    <a:pt x="1757" y="444"/>
                  </a:lnTo>
                  <a:lnTo>
                    <a:pt x="1757" y="449"/>
                  </a:lnTo>
                  <a:lnTo>
                    <a:pt x="1757" y="451"/>
                  </a:lnTo>
                  <a:lnTo>
                    <a:pt x="1760" y="451"/>
                  </a:lnTo>
                  <a:lnTo>
                    <a:pt x="1765" y="454"/>
                  </a:lnTo>
                  <a:lnTo>
                    <a:pt x="1770" y="454"/>
                  </a:lnTo>
                  <a:lnTo>
                    <a:pt x="1775" y="454"/>
                  </a:lnTo>
                  <a:lnTo>
                    <a:pt x="1777" y="456"/>
                  </a:lnTo>
                  <a:lnTo>
                    <a:pt x="1782" y="456"/>
                  </a:lnTo>
                  <a:lnTo>
                    <a:pt x="1782" y="459"/>
                  </a:lnTo>
                  <a:lnTo>
                    <a:pt x="1782" y="461"/>
                  </a:lnTo>
                  <a:lnTo>
                    <a:pt x="1780" y="464"/>
                  </a:lnTo>
                  <a:lnTo>
                    <a:pt x="1772" y="464"/>
                  </a:lnTo>
                  <a:lnTo>
                    <a:pt x="1767" y="466"/>
                  </a:lnTo>
                  <a:lnTo>
                    <a:pt x="1765" y="469"/>
                  </a:lnTo>
                  <a:lnTo>
                    <a:pt x="1765" y="471"/>
                  </a:lnTo>
                  <a:lnTo>
                    <a:pt x="1767" y="471"/>
                  </a:lnTo>
                  <a:lnTo>
                    <a:pt x="1770" y="474"/>
                  </a:lnTo>
                  <a:lnTo>
                    <a:pt x="1775" y="477"/>
                  </a:lnTo>
                  <a:lnTo>
                    <a:pt x="1777" y="477"/>
                  </a:lnTo>
                  <a:lnTo>
                    <a:pt x="1775" y="477"/>
                  </a:lnTo>
                  <a:lnTo>
                    <a:pt x="1770" y="477"/>
                  </a:lnTo>
                  <a:lnTo>
                    <a:pt x="1765" y="479"/>
                  </a:lnTo>
                  <a:lnTo>
                    <a:pt x="1762" y="482"/>
                  </a:lnTo>
                  <a:lnTo>
                    <a:pt x="1757" y="484"/>
                  </a:lnTo>
                  <a:lnTo>
                    <a:pt x="1755" y="487"/>
                  </a:lnTo>
                  <a:lnTo>
                    <a:pt x="1755" y="489"/>
                  </a:lnTo>
                  <a:lnTo>
                    <a:pt x="1757" y="494"/>
                  </a:lnTo>
                  <a:lnTo>
                    <a:pt x="1762" y="497"/>
                  </a:lnTo>
                  <a:lnTo>
                    <a:pt x="1767" y="499"/>
                  </a:lnTo>
                  <a:lnTo>
                    <a:pt x="1772" y="502"/>
                  </a:lnTo>
                  <a:lnTo>
                    <a:pt x="1780" y="502"/>
                  </a:lnTo>
                  <a:lnTo>
                    <a:pt x="1785" y="502"/>
                  </a:lnTo>
                  <a:lnTo>
                    <a:pt x="1790" y="499"/>
                  </a:lnTo>
                  <a:lnTo>
                    <a:pt x="1792" y="497"/>
                  </a:lnTo>
                  <a:lnTo>
                    <a:pt x="1795" y="494"/>
                  </a:lnTo>
                  <a:lnTo>
                    <a:pt x="1798" y="492"/>
                  </a:lnTo>
                  <a:lnTo>
                    <a:pt x="1800" y="489"/>
                  </a:lnTo>
                  <a:lnTo>
                    <a:pt x="1800" y="487"/>
                  </a:lnTo>
                  <a:lnTo>
                    <a:pt x="1803" y="484"/>
                  </a:lnTo>
                  <a:lnTo>
                    <a:pt x="1805" y="484"/>
                  </a:lnTo>
                  <a:lnTo>
                    <a:pt x="1808" y="484"/>
                  </a:lnTo>
                  <a:lnTo>
                    <a:pt x="1810" y="482"/>
                  </a:lnTo>
                  <a:lnTo>
                    <a:pt x="1815" y="487"/>
                  </a:lnTo>
                  <a:lnTo>
                    <a:pt x="1815" y="494"/>
                  </a:lnTo>
                  <a:lnTo>
                    <a:pt x="1815" y="504"/>
                  </a:lnTo>
                  <a:lnTo>
                    <a:pt x="1813" y="512"/>
                  </a:lnTo>
                  <a:lnTo>
                    <a:pt x="1810" y="514"/>
                  </a:lnTo>
                  <a:lnTo>
                    <a:pt x="1805" y="514"/>
                  </a:lnTo>
                  <a:lnTo>
                    <a:pt x="1803" y="517"/>
                  </a:lnTo>
                  <a:lnTo>
                    <a:pt x="1798" y="519"/>
                  </a:lnTo>
                  <a:lnTo>
                    <a:pt x="1792" y="522"/>
                  </a:lnTo>
                  <a:lnTo>
                    <a:pt x="1787" y="527"/>
                  </a:lnTo>
                  <a:lnTo>
                    <a:pt x="1785" y="529"/>
                  </a:lnTo>
                  <a:lnTo>
                    <a:pt x="1780" y="532"/>
                  </a:lnTo>
                  <a:lnTo>
                    <a:pt x="1777" y="537"/>
                  </a:lnTo>
                  <a:lnTo>
                    <a:pt x="1777" y="545"/>
                  </a:lnTo>
                  <a:lnTo>
                    <a:pt x="1775" y="555"/>
                  </a:lnTo>
                  <a:lnTo>
                    <a:pt x="1772" y="565"/>
                  </a:lnTo>
                  <a:lnTo>
                    <a:pt x="1772" y="572"/>
                  </a:lnTo>
                  <a:lnTo>
                    <a:pt x="1772" y="582"/>
                  </a:lnTo>
                  <a:lnTo>
                    <a:pt x="1775" y="587"/>
                  </a:lnTo>
                  <a:lnTo>
                    <a:pt x="1775" y="593"/>
                  </a:lnTo>
                  <a:lnTo>
                    <a:pt x="1777" y="598"/>
                  </a:lnTo>
                  <a:lnTo>
                    <a:pt x="1782" y="600"/>
                  </a:lnTo>
                  <a:lnTo>
                    <a:pt x="1787" y="605"/>
                  </a:lnTo>
                  <a:lnTo>
                    <a:pt x="1792" y="608"/>
                  </a:lnTo>
                  <a:lnTo>
                    <a:pt x="1795" y="613"/>
                  </a:lnTo>
                  <a:lnTo>
                    <a:pt x="1800" y="618"/>
                  </a:lnTo>
                  <a:lnTo>
                    <a:pt x="1803" y="625"/>
                  </a:lnTo>
                  <a:lnTo>
                    <a:pt x="1803" y="630"/>
                  </a:lnTo>
                  <a:lnTo>
                    <a:pt x="1803" y="638"/>
                  </a:lnTo>
                  <a:lnTo>
                    <a:pt x="1805" y="643"/>
                  </a:lnTo>
                  <a:lnTo>
                    <a:pt x="1810" y="648"/>
                  </a:lnTo>
                  <a:lnTo>
                    <a:pt x="1815" y="653"/>
                  </a:lnTo>
                  <a:lnTo>
                    <a:pt x="1820" y="658"/>
                  </a:lnTo>
                  <a:lnTo>
                    <a:pt x="1825" y="661"/>
                  </a:lnTo>
                  <a:lnTo>
                    <a:pt x="1833" y="666"/>
                  </a:lnTo>
                  <a:lnTo>
                    <a:pt x="1838" y="671"/>
                  </a:lnTo>
                  <a:lnTo>
                    <a:pt x="1843" y="673"/>
                  </a:lnTo>
                  <a:lnTo>
                    <a:pt x="1848" y="678"/>
                  </a:lnTo>
                  <a:lnTo>
                    <a:pt x="1856" y="683"/>
                  </a:lnTo>
                  <a:lnTo>
                    <a:pt x="1863" y="691"/>
                  </a:lnTo>
                  <a:lnTo>
                    <a:pt x="1871" y="693"/>
                  </a:lnTo>
                  <a:lnTo>
                    <a:pt x="1881" y="698"/>
                  </a:lnTo>
                  <a:lnTo>
                    <a:pt x="1888" y="698"/>
                  </a:lnTo>
                  <a:lnTo>
                    <a:pt x="1896" y="698"/>
                  </a:lnTo>
                  <a:lnTo>
                    <a:pt x="1903" y="696"/>
                  </a:lnTo>
                  <a:lnTo>
                    <a:pt x="1908" y="696"/>
                  </a:lnTo>
                  <a:lnTo>
                    <a:pt x="1914" y="696"/>
                  </a:lnTo>
                  <a:lnTo>
                    <a:pt x="1919" y="696"/>
                  </a:lnTo>
                  <a:lnTo>
                    <a:pt x="1924" y="698"/>
                  </a:lnTo>
                  <a:lnTo>
                    <a:pt x="1926" y="701"/>
                  </a:lnTo>
                  <a:lnTo>
                    <a:pt x="1929" y="703"/>
                  </a:lnTo>
                  <a:lnTo>
                    <a:pt x="1931" y="706"/>
                  </a:lnTo>
                  <a:lnTo>
                    <a:pt x="1931" y="708"/>
                  </a:lnTo>
                  <a:lnTo>
                    <a:pt x="1934" y="708"/>
                  </a:lnTo>
                  <a:lnTo>
                    <a:pt x="1936" y="711"/>
                  </a:lnTo>
                  <a:lnTo>
                    <a:pt x="1939" y="711"/>
                  </a:lnTo>
                  <a:lnTo>
                    <a:pt x="1944" y="711"/>
                  </a:lnTo>
                  <a:lnTo>
                    <a:pt x="1949" y="711"/>
                  </a:lnTo>
                  <a:lnTo>
                    <a:pt x="1954" y="711"/>
                  </a:lnTo>
                  <a:lnTo>
                    <a:pt x="1956" y="711"/>
                  </a:lnTo>
                  <a:lnTo>
                    <a:pt x="1964" y="708"/>
                  </a:lnTo>
                  <a:lnTo>
                    <a:pt x="1966" y="708"/>
                  </a:lnTo>
                  <a:lnTo>
                    <a:pt x="1971" y="706"/>
                  </a:lnTo>
                  <a:lnTo>
                    <a:pt x="1977" y="703"/>
                  </a:lnTo>
                  <a:lnTo>
                    <a:pt x="1979" y="701"/>
                  </a:lnTo>
                  <a:lnTo>
                    <a:pt x="1982" y="698"/>
                  </a:lnTo>
                  <a:lnTo>
                    <a:pt x="1984" y="693"/>
                  </a:lnTo>
                  <a:lnTo>
                    <a:pt x="1984" y="691"/>
                  </a:lnTo>
                  <a:lnTo>
                    <a:pt x="1984" y="681"/>
                  </a:lnTo>
                  <a:lnTo>
                    <a:pt x="1984" y="673"/>
                  </a:lnTo>
                  <a:lnTo>
                    <a:pt x="1984" y="668"/>
                  </a:lnTo>
                  <a:lnTo>
                    <a:pt x="1984" y="666"/>
                  </a:lnTo>
                  <a:lnTo>
                    <a:pt x="1984" y="661"/>
                  </a:lnTo>
                  <a:lnTo>
                    <a:pt x="1987" y="658"/>
                  </a:lnTo>
                  <a:lnTo>
                    <a:pt x="1989" y="656"/>
                  </a:lnTo>
                  <a:lnTo>
                    <a:pt x="1992" y="653"/>
                  </a:lnTo>
                  <a:lnTo>
                    <a:pt x="1994" y="648"/>
                  </a:lnTo>
                  <a:lnTo>
                    <a:pt x="1992" y="640"/>
                  </a:lnTo>
                  <a:lnTo>
                    <a:pt x="1989" y="633"/>
                  </a:lnTo>
                  <a:lnTo>
                    <a:pt x="1989" y="628"/>
                  </a:lnTo>
                  <a:lnTo>
                    <a:pt x="1992" y="625"/>
                  </a:lnTo>
                  <a:lnTo>
                    <a:pt x="1994" y="620"/>
                  </a:lnTo>
                  <a:lnTo>
                    <a:pt x="1999" y="615"/>
                  </a:lnTo>
                  <a:lnTo>
                    <a:pt x="2004" y="608"/>
                  </a:lnTo>
                  <a:lnTo>
                    <a:pt x="2007" y="600"/>
                  </a:lnTo>
                  <a:lnTo>
                    <a:pt x="2009" y="593"/>
                  </a:lnTo>
                  <a:lnTo>
                    <a:pt x="2012" y="585"/>
                  </a:lnTo>
                  <a:lnTo>
                    <a:pt x="2009" y="580"/>
                  </a:lnTo>
                  <a:lnTo>
                    <a:pt x="2009" y="572"/>
                  </a:lnTo>
                  <a:lnTo>
                    <a:pt x="2012" y="565"/>
                  </a:lnTo>
                  <a:lnTo>
                    <a:pt x="2014" y="560"/>
                  </a:lnTo>
                  <a:lnTo>
                    <a:pt x="2022" y="552"/>
                  </a:lnTo>
                  <a:lnTo>
                    <a:pt x="2027" y="545"/>
                  </a:lnTo>
                  <a:lnTo>
                    <a:pt x="2035" y="540"/>
                  </a:lnTo>
                  <a:lnTo>
                    <a:pt x="2042" y="535"/>
                  </a:lnTo>
                  <a:lnTo>
                    <a:pt x="2047" y="532"/>
                  </a:lnTo>
                  <a:lnTo>
                    <a:pt x="2052" y="529"/>
                  </a:lnTo>
                  <a:lnTo>
                    <a:pt x="2057" y="527"/>
                  </a:lnTo>
                  <a:lnTo>
                    <a:pt x="2065" y="524"/>
                  </a:lnTo>
                  <a:lnTo>
                    <a:pt x="2072" y="517"/>
                  </a:lnTo>
                  <a:lnTo>
                    <a:pt x="2080" y="512"/>
                  </a:lnTo>
                  <a:lnTo>
                    <a:pt x="2087" y="502"/>
                  </a:lnTo>
                  <a:lnTo>
                    <a:pt x="2093" y="494"/>
                  </a:lnTo>
                  <a:lnTo>
                    <a:pt x="2098" y="484"/>
                  </a:lnTo>
                  <a:lnTo>
                    <a:pt x="2100" y="474"/>
                  </a:lnTo>
                  <a:lnTo>
                    <a:pt x="2105" y="466"/>
                  </a:lnTo>
                  <a:lnTo>
                    <a:pt x="2108" y="461"/>
                  </a:lnTo>
                  <a:lnTo>
                    <a:pt x="2108" y="456"/>
                  </a:lnTo>
                  <a:lnTo>
                    <a:pt x="2113" y="454"/>
                  </a:lnTo>
                  <a:lnTo>
                    <a:pt x="2118" y="451"/>
                  </a:lnTo>
                  <a:lnTo>
                    <a:pt x="2123" y="449"/>
                  </a:lnTo>
                  <a:lnTo>
                    <a:pt x="2125" y="446"/>
                  </a:lnTo>
                  <a:lnTo>
                    <a:pt x="2130" y="444"/>
                  </a:lnTo>
                  <a:lnTo>
                    <a:pt x="2135" y="439"/>
                  </a:lnTo>
                  <a:lnTo>
                    <a:pt x="2140" y="434"/>
                  </a:lnTo>
                  <a:lnTo>
                    <a:pt x="2148" y="429"/>
                  </a:lnTo>
                  <a:lnTo>
                    <a:pt x="2156" y="424"/>
                  </a:lnTo>
                  <a:lnTo>
                    <a:pt x="2163" y="416"/>
                  </a:lnTo>
                  <a:lnTo>
                    <a:pt x="2171" y="411"/>
                  </a:lnTo>
                  <a:lnTo>
                    <a:pt x="2176" y="403"/>
                  </a:lnTo>
                  <a:lnTo>
                    <a:pt x="2183" y="396"/>
                  </a:lnTo>
                  <a:lnTo>
                    <a:pt x="2191" y="391"/>
                  </a:lnTo>
                  <a:lnTo>
                    <a:pt x="2196" y="386"/>
                  </a:lnTo>
                  <a:lnTo>
                    <a:pt x="2198" y="378"/>
                  </a:lnTo>
                  <a:lnTo>
                    <a:pt x="2203" y="376"/>
                  </a:lnTo>
                  <a:lnTo>
                    <a:pt x="2203" y="371"/>
                  </a:lnTo>
                  <a:lnTo>
                    <a:pt x="2206" y="368"/>
                  </a:lnTo>
                  <a:lnTo>
                    <a:pt x="2203" y="366"/>
                  </a:lnTo>
                  <a:lnTo>
                    <a:pt x="2196" y="363"/>
                  </a:lnTo>
                  <a:lnTo>
                    <a:pt x="2188" y="363"/>
                  </a:lnTo>
                  <a:lnTo>
                    <a:pt x="2178" y="366"/>
                  </a:lnTo>
                  <a:lnTo>
                    <a:pt x="2168" y="368"/>
                  </a:lnTo>
                  <a:lnTo>
                    <a:pt x="2161" y="371"/>
                  </a:lnTo>
                  <a:lnTo>
                    <a:pt x="2150" y="376"/>
                  </a:lnTo>
                  <a:lnTo>
                    <a:pt x="2143" y="381"/>
                  </a:lnTo>
                  <a:lnTo>
                    <a:pt x="2140" y="383"/>
                  </a:lnTo>
                  <a:lnTo>
                    <a:pt x="2140" y="381"/>
                  </a:lnTo>
                  <a:lnTo>
                    <a:pt x="2143" y="378"/>
                  </a:lnTo>
                  <a:lnTo>
                    <a:pt x="2145" y="376"/>
                  </a:lnTo>
                  <a:lnTo>
                    <a:pt x="2145" y="371"/>
                  </a:lnTo>
                  <a:lnTo>
                    <a:pt x="2143" y="366"/>
                  </a:lnTo>
                  <a:lnTo>
                    <a:pt x="2138" y="366"/>
                  </a:lnTo>
                  <a:lnTo>
                    <a:pt x="2128" y="366"/>
                  </a:lnTo>
                  <a:lnTo>
                    <a:pt x="2125" y="368"/>
                  </a:lnTo>
                  <a:lnTo>
                    <a:pt x="2125" y="366"/>
                  </a:lnTo>
                  <a:lnTo>
                    <a:pt x="2130" y="363"/>
                  </a:lnTo>
                  <a:lnTo>
                    <a:pt x="2140" y="358"/>
                  </a:lnTo>
                  <a:lnTo>
                    <a:pt x="2150" y="356"/>
                  </a:lnTo>
                  <a:lnTo>
                    <a:pt x="2158" y="353"/>
                  </a:lnTo>
                  <a:lnTo>
                    <a:pt x="2166" y="350"/>
                  </a:lnTo>
                  <a:lnTo>
                    <a:pt x="2171" y="353"/>
                  </a:lnTo>
                  <a:lnTo>
                    <a:pt x="2173" y="353"/>
                  </a:lnTo>
                  <a:lnTo>
                    <a:pt x="2178" y="356"/>
                  </a:lnTo>
                  <a:lnTo>
                    <a:pt x="2183" y="353"/>
                  </a:lnTo>
                  <a:lnTo>
                    <a:pt x="2188" y="353"/>
                  </a:lnTo>
                  <a:lnTo>
                    <a:pt x="2193" y="350"/>
                  </a:lnTo>
                  <a:lnTo>
                    <a:pt x="2198" y="345"/>
                  </a:lnTo>
                  <a:lnTo>
                    <a:pt x="2201" y="343"/>
                  </a:lnTo>
                  <a:lnTo>
                    <a:pt x="2201" y="338"/>
                  </a:lnTo>
                  <a:lnTo>
                    <a:pt x="2198" y="333"/>
                  </a:lnTo>
                  <a:lnTo>
                    <a:pt x="2196" y="330"/>
                  </a:lnTo>
                  <a:lnTo>
                    <a:pt x="2193" y="328"/>
                  </a:lnTo>
                  <a:lnTo>
                    <a:pt x="2188" y="325"/>
                  </a:lnTo>
                  <a:lnTo>
                    <a:pt x="2183" y="325"/>
                  </a:lnTo>
                  <a:lnTo>
                    <a:pt x="2176" y="323"/>
                  </a:lnTo>
                  <a:lnTo>
                    <a:pt x="2168" y="323"/>
                  </a:lnTo>
                  <a:lnTo>
                    <a:pt x="2161" y="323"/>
                  </a:lnTo>
                  <a:lnTo>
                    <a:pt x="2153" y="323"/>
                  </a:lnTo>
                  <a:lnTo>
                    <a:pt x="2145" y="323"/>
                  </a:lnTo>
                  <a:lnTo>
                    <a:pt x="2140" y="323"/>
                  </a:lnTo>
                  <a:lnTo>
                    <a:pt x="2138" y="325"/>
                  </a:lnTo>
                  <a:lnTo>
                    <a:pt x="2135" y="325"/>
                  </a:lnTo>
                  <a:lnTo>
                    <a:pt x="2135" y="323"/>
                  </a:lnTo>
                  <a:lnTo>
                    <a:pt x="2138" y="320"/>
                  </a:lnTo>
                  <a:lnTo>
                    <a:pt x="2143" y="318"/>
                  </a:lnTo>
                  <a:lnTo>
                    <a:pt x="2148" y="318"/>
                  </a:lnTo>
                  <a:lnTo>
                    <a:pt x="2153" y="318"/>
                  </a:lnTo>
                  <a:lnTo>
                    <a:pt x="2158" y="318"/>
                  </a:lnTo>
                  <a:lnTo>
                    <a:pt x="2161" y="315"/>
                  </a:lnTo>
                  <a:lnTo>
                    <a:pt x="2161" y="313"/>
                  </a:lnTo>
                  <a:lnTo>
                    <a:pt x="2156" y="310"/>
                  </a:lnTo>
                  <a:lnTo>
                    <a:pt x="2150" y="308"/>
                  </a:lnTo>
                  <a:lnTo>
                    <a:pt x="2145" y="305"/>
                  </a:lnTo>
                  <a:lnTo>
                    <a:pt x="2140" y="303"/>
                  </a:lnTo>
                  <a:lnTo>
                    <a:pt x="2135" y="303"/>
                  </a:lnTo>
                  <a:lnTo>
                    <a:pt x="2133" y="300"/>
                  </a:lnTo>
                  <a:lnTo>
                    <a:pt x="2133" y="298"/>
                  </a:lnTo>
                  <a:lnTo>
                    <a:pt x="2138" y="295"/>
                  </a:lnTo>
                  <a:lnTo>
                    <a:pt x="2143" y="292"/>
                  </a:lnTo>
                  <a:lnTo>
                    <a:pt x="2148" y="290"/>
                  </a:lnTo>
                  <a:lnTo>
                    <a:pt x="2150" y="285"/>
                  </a:lnTo>
                  <a:lnTo>
                    <a:pt x="2153" y="282"/>
                  </a:lnTo>
                  <a:lnTo>
                    <a:pt x="2156" y="277"/>
                  </a:lnTo>
                  <a:lnTo>
                    <a:pt x="2156" y="275"/>
                  </a:lnTo>
                  <a:lnTo>
                    <a:pt x="2153" y="272"/>
                  </a:lnTo>
                  <a:lnTo>
                    <a:pt x="2153" y="270"/>
                  </a:lnTo>
                  <a:lnTo>
                    <a:pt x="2150" y="267"/>
                  </a:lnTo>
                  <a:lnTo>
                    <a:pt x="2150" y="265"/>
                  </a:lnTo>
                  <a:lnTo>
                    <a:pt x="2150" y="260"/>
                  </a:lnTo>
                  <a:lnTo>
                    <a:pt x="2153" y="257"/>
                  </a:lnTo>
                  <a:lnTo>
                    <a:pt x="2153" y="255"/>
                  </a:lnTo>
                  <a:lnTo>
                    <a:pt x="2153" y="252"/>
                  </a:lnTo>
                  <a:lnTo>
                    <a:pt x="2150" y="250"/>
                  </a:lnTo>
                  <a:lnTo>
                    <a:pt x="2148" y="250"/>
                  </a:lnTo>
                  <a:lnTo>
                    <a:pt x="2143" y="247"/>
                  </a:lnTo>
                  <a:lnTo>
                    <a:pt x="2140" y="245"/>
                  </a:lnTo>
                  <a:lnTo>
                    <a:pt x="2140" y="242"/>
                  </a:lnTo>
                  <a:lnTo>
                    <a:pt x="2140" y="240"/>
                  </a:lnTo>
                  <a:lnTo>
                    <a:pt x="2140" y="237"/>
                  </a:lnTo>
                  <a:lnTo>
                    <a:pt x="2138" y="234"/>
                  </a:lnTo>
                  <a:lnTo>
                    <a:pt x="2133" y="234"/>
                  </a:lnTo>
                  <a:lnTo>
                    <a:pt x="2128" y="232"/>
                  </a:lnTo>
                  <a:lnTo>
                    <a:pt x="2120" y="232"/>
                  </a:lnTo>
                  <a:lnTo>
                    <a:pt x="2113" y="229"/>
                  </a:lnTo>
                  <a:lnTo>
                    <a:pt x="2105" y="229"/>
                  </a:lnTo>
                  <a:lnTo>
                    <a:pt x="2100" y="227"/>
                  </a:lnTo>
                  <a:lnTo>
                    <a:pt x="2095" y="224"/>
                  </a:lnTo>
                  <a:lnTo>
                    <a:pt x="2095" y="219"/>
                  </a:lnTo>
                  <a:lnTo>
                    <a:pt x="2100" y="217"/>
                  </a:lnTo>
                  <a:lnTo>
                    <a:pt x="2105" y="212"/>
                  </a:lnTo>
                  <a:lnTo>
                    <a:pt x="2108" y="207"/>
                  </a:lnTo>
                  <a:lnTo>
                    <a:pt x="2110" y="204"/>
                  </a:lnTo>
                  <a:lnTo>
                    <a:pt x="2108" y="202"/>
                  </a:lnTo>
                  <a:lnTo>
                    <a:pt x="2105" y="202"/>
                  </a:lnTo>
                  <a:lnTo>
                    <a:pt x="2103" y="199"/>
                  </a:lnTo>
                  <a:lnTo>
                    <a:pt x="2098" y="202"/>
                  </a:lnTo>
                  <a:lnTo>
                    <a:pt x="2093" y="202"/>
                  </a:lnTo>
                  <a:lnTo>
                    <a:pt x="2087" y="202"/>
                  </a:lnTo>
                  <a:lnTo>
                    <a:pt x="2085" y="202"/>
                  </a:lnTo>
                  <a:lnTo>
                    <a:pt x="2082" y="199"/>
                  </a:lnTo>
                  <a:lnTo>
                    <a:pt x="2082" y="197"/>
                  </a:lnTo>
                  <a:lnTo>
                    <a:pt x="2080" y="197"/>
                  </a:lnTo>
                  <a:lnTo>
                    <a:pt x="2077" y="194"/>
                  </a:lnTo>
                  <a:lnTo>
                    <a:pt x="2075" y="194"/>
                  </a:lnTo>
                  <a:lnTo>
                    <a:pt x="2070" y="194"/>
                  </a:lnTo>
                  <a:lnTo>
                    <a:pt x="2062" y="194"/>
                  </a:lnTo>
                  <a:lnTo>
                    <a:pt x="2055" y="184"/>
                  </a:lnTo>
                  <a:lnTo>
                    <a:pt x="2052" y="174"/>
                  </a:lnTo>
                  <a:lnTo>
                    <a:pt x="2050" y="161"/>
                  </a:lnTo>
                  <a:lnTo>
                    <a:pt x="2050" y="154"/>
                  </a:lnTo>
                  <a:lnTo>
                    <a:pt x="2050" y="146"/>
                  </a:lnTo>
                  <a:lnTo>
                    <a:pt x="2050" y="141"/>
                  </a:lnTo>
                  <a:lnTo>
                    <a:pt x="2047" y="134"/>
                  </a:lnTo>
                  <a:lnTo>
                    <a:pt x="2045" y="129"/>
                  </a:lnTo>
                  <a:lnTo>
                    <a:pt x="2045" y="121"/>
                  </a:lnTo>
                  <a:lnTo>
                    <a:pt x="2047" y="111"/>
                  </a:lnTo>
                  <a:lnTo>
                    <a:pt x="2047" y="103"/>
                  </a:lnTo>
                  <a:lnTo>
                    <a:pt x="2047" y="101"/>
                  </a:lnTo>
                  <a:lnTo>
                    <a:pt x="2045" y="98"/>
                  </a:lnTo>
                  <a:lnTo>
                    <a:pt x="2042" y="98"/>
                  </a:lnTo>
                  <a:lnTo>
                    <a:pt x="2040" y="96"/>
                  </a:lnTo>
                  <a:lnTo>
                    <a:pt x="2035" y="96"/>
                  </a:lnTo>
                  <a:lnTo>
                    <a:pt x="2032" y="98"/>
                  </a:lnTo>
                  <a:lnTo>
                    <a:pt x="2029" y="98"/>
                  </a:lnTo>
                  <a:lnTo>
                    <a:pt x="2027" y="98"/>
                  </a:lnTo>
                  <a:lnTo>
                    <a:pt x="2022" y="101"/>
                  </a:lnTo>
                  <a:lnTo>
                    <a:pt x="2017" y="103"/>
                  </a:lnTo>
                  <a:lnTo>
                    <a:pt x="2014" y="106"/>
                  </a:lnTo>
                  <a:lnTo>
                    <a:pt x="2012" y="111"/>
                  </a:lnTo>
                  <a:lnTo>
                    <a:pt x="2009" y="113"/>
                  </a:lnTo>
                  <a:lnTo>
                    <a:pt x="2007" y="116"/>
                  </a:lnTo>
                  <a:lnTo>
                    <a:pt x="2004" y="121"/>
                  </a:lnTo>
                  <a:lnTo>
                    <a:pt x="2004" y="124"/>
                  </a:lnTo>
                  <a:lnTo>
                    <a:pt x="2002" y="129"/>
                  </a:lnTo>
                  <a:lnTo>
                    <a:pt x="1999" y="131"/>
                  </a:lnTo>
                  <a:lnTo>
                    <a:pt x="1997" y="131"/>
                  </a:lnTo>
                  <a:lnTo>
                    <a:pt x="1994" y="131"/>
                  </a:lnTo>
                  <a:lnTo>
                    <a:pt x="1992" y="134"/>
                  </a:lnTo>
                  <a:lnTo>
                    <a:pt x="1992" y="131"/>
                  </a:lnTo>
                  <a:lnTo>
                    <a:pt x="1989" y="131"/>
                  </a:lnTo>
                  <a:lnTo>
                    <a:pt x="1987" y="129"/>
                  </a:lnTo>
                  <a:lnTo>
                    <a:pt x="1984" y="126"/>
                  </a:lnTo>
                  <a:lnTo>
                    <a:pt x="1982" y="126"/>
                  </a:lnTo>
                  <a:lnTo>
                    <a:pt x="1979" y="126"/>
                  </a:lnTo>
                  <a:lnTo>
                    <a:pt x="1977" y="129"/>
                  </a:lnTo>
                  <a:lnTo>
                    <a:pt x="1974" y="131"/>
                  </a:lnTo>
                  <a:lnTo>
                    <a:pt x="1971" y="134"/>
                  </a:lnTo>
                  <a:lnTo>
                    <a:pt x="1969" y="136"/>
                  </a:lnTo>
                  <a:lnTo>
                    <a:pt x="1964" y="141"/>
                  </a:lnTo>
                  <a:lnTo>
                    <a:pt x="1964" y="139"/>
                  </a:lnTo>
                  <a:lnTo>
                    <a:pt x="1964" y="136"/>
                  </a:lnTo>
                  <a:lnTo>
                    <a:pt x="1964" y="134"/>
                  </a:lnTo>
                  <a:lnTo>
                    <a:pt x="1961" y="131"/>
                  </a:lnTo>
                  <a:lnTo>
                    <a:pt x="1954" y="131"/>
                  </a:lnTo>
                  <a:lnTo>
                    <a:pt x="1946" y="134"/>
                  </a:lnTo>
                  <a:lnTo>
                    <a:pt x="1946" y="131"/>
                  </a:lnTo>
                  <a:lnTo>
                    <a:pt x="1951" y="129"/>
                  </a:lnTo>
                  <a:lnTo>
                    <a:pt x="1954" y="124"/>
                  </a:lnTo>
                  <a:lnTo>
                    <a:pt x="1959" y="119"/>
                  </a:lnTo>
                  <a:lnTo>
                    <a:pt x="1961" y="116"/>
                  </a:lnTo>
                  <a:lnTo>
                    <a:pt x="1964" y="111"/>
                  </a:lnTo>
                  <a:lnTo>
                    <a:pt x="1961" y="108"/>
                  </a:lnTo>
                  <a:lnTo>
                    <a:pt x="1954" y="108"/>
                  </a:lnTo>
                  <a:lnTo>
                    <a:pt x="1949" y="111"/>
                  </a:lnTo>
                  <a:lnTo>
                    <a:pt x="1944" y="111"/>
                  </a:lnTo>
                  <a:lnTo>
                    <a:pt x="1939" y="111"/>
                  </a:lnTo>
                  <a:lnTo>
                    <a:pt x="1934" y="108"/>
                  </a:lnTo>
                  <a:lnTo>
                    <a:pt x="1931" y="108"/>
                  </a:lnTo>
                  <a:lnTo>
                    <a:pt x="1926" y="108"/>
                  </a:lnTo>
                  <a:lnTo>
                    <a:pt x="1924" y="108"/>
                  </a:lnTo>
                  <a:lnTo>
                    <a:pt x="1919" y="108"/>
                  </a:lnTo>
                  <a:lnTo>
                    <a:pt x="1916" y="108"/>
                  </a:lnTo>
                  <a:lnTo>
                    <a:pt x="1914" y="111"/>
                  </a:lnTo>
                  <a:lnTo>
                    <a:pt x="1911" y="111"/>
                  </a:lnTo>
                  <a:lnTo>
                    <a:pt x="1906" y="111"/>
                  </a:lnTo>
                  <a:lnTo>
                    <a:pt x="1898" y="116"/>
                  </a:lnTo>
                  <a:lnTo>
                    <a:pt x="1888" y="121"/>
                  </a:lnTo>
                  <a:lnTo>
                    <a:pt x="1876" y="126"/>
                  </a:lnTo>
                  <a:lnTo>
                    <a:pt x="1866" y="129"/>
                  </a:lnTo>
                  <a:lnTo>
                    <a:pt x="1853" y="134"/>
                  </a:lnTo>
                  <a:lnTo>
                    <a:pt x="1845" y="139"/>
                  </a:lnTo>
                  <a:lnTo>
                    <a:pt x="1838" y="144"/>
                  </a:lnTo>
                  <a:lnTo>
                    <a:pt x="1835" y="149"/>
                  </a:lnTo>
                  <a:lnTo>
                    <a:pt x="1833" y="151"/>
                  </a:lnTo>
                  <a:lnTo>
                    <a:pt x="1830" y="156"/>
                  </a:lnTo>
                  <a:lnTo>
                    <a:pt x="1830" y="159"/>
                  </a:lnTo>
                  <a:lnTo>
                    <a:pt x="1828" y="161"/>
                  </a:lnTo>
                  <a:lnTo>
                    <a:pt x="1825" y="164"/>
                  </a:lnTo>
                  <a:lnTo>
                    <a:pt x="1820" y="166"/>
                  </a:lnTo>
                  <a:lnTo>
                    <a:pt x="1815" y="166"/>
                  </a:lnTo>
                  <a:lnTo>
                    <a:pt x="1808" y="166"/>
                  </a:lnTo>
                  <a:lnTo>
                    <a:pt x="1800" y="169"/>
                  </a:lnTo>
                  <a:lnTo>
                    <a:pt x="1792" y="169"/>
                  </a:lnTo>
                  <a:lnTo>
                    <a:pt x="1782" y="174"/>
                  </a:lnTo>
                  <a:lnTo>
                    <a:pt x="1775" y="176"/>
                  </a:lnTo>
                  <a:lnTo>
                    <a:pt x="1767" y="182"/>
                  </a:lnTo>
                  <a:lnTo>
                    <a:pt x="1760" y="184"/>
                  </a:lnTo>
                  <a:lnTo>
                    <a:pt x="1755" y="189"/>
                  </a:lnTo>
                  <a:lnTo>
                    <a:pt x="1752" y="192"/>
                  </a:lnTo>
                  <a:lnTo>
                    <a:pt x="1750" y="197"/>
                  </a:lnTo>
                  <a:lnTo>
                    <a:pt x="1745" y="202"/>
                  </a:lnTo>
                  <a:lnTo>
                    <a:pt x="1737" y="207"/>
                  </a:lnTo>
                  <a:lnTo>
                    <a:pt x="1727" y="212"/>
                  </a:lnTo>
                  <a:lnTo>
                    <a:pt x="1719" y="217"/>
                  </a:lnTo>
                  <a:lnTo>
                    <a:pt x="1712" y="222"/>
                  </a:lnTo>
                  <a:lnTo>
                    <a:pt x="1707" y="229"/>
                  </a:lnTo>
                  <a:lnTo>
                    <a:pt x="1704" y="234"/>
                  </a:lnTo>
                  <a:lnTo>
                    <a:pt x="1704" y="240"/>
                  </a:lnTo>
                  <a:lnTo>
                    <a:pt x="1702" y="247"/>
                  </a:lnTo>
                  <a:lnTo>
                    <a:pt x="1697" y="252"/>
                  </a:lnTo>
                  <a:lnTo>
                    <a:pt x="1692" y="255"/>
                  </a:lnTo>
                  <a:lnTo>
                    <a:pt x="1684" y="260"/>
                  </a:lnTo>
                  <a:lnTo>
                    <a:pt x="1677" y="262"/>
                  </a:lnTo>
                  <a:lnTo>
                    <a:pt x="1669" y="265"/>
                  </a:lnTo>
                  <a:lnTo>
                    <a:pt x="1659" y="267"/>
                  </a:lnTo>
                  <a:lnTo>
                    <a:pt x="1651" y="270"/>
                  </a:lnTo>
                  <a:lnTo>
                    <a:pt x="1646" y="272"/>
                  </a:lnTo>
                  <a:lnTo>
                    <a:pt x="1639" y="277"/>
                  </a:lnTo>
                  <a:lnTo>
                    <a:pt x="1636" y="280"/>
                  </a:lnTo>
                  <a:lnTo>
                    <a:pt x="1634" y="282"/>
                  </a:lnTo>
                  <a:lnTo>
                    <a:pt x="1634" y="287"/>
                  </a:lnTo>
                  <a:lnTo>
                    <a:pt x="1634" y="290"/>
                  </a:lnTo>
                  <a:lnTo>
                    <a:pt x="1636" y="295"/>
                  </a:lnTo>
                  <a:close/>
                  <a:moveTo>
                    <a:pt x="1258" y="159"/>
                  </a:moveTo>
                  <a:lnTo>
                    <a:pt x="1258" y="159"/>
                  </a:lnTo>
                  <a:lnTo>
                    <a:pt x="1261" y="159"/>
                  </a:lnTo>
                  <a:lnTo>
                    <a:pt x="1263" y="164"/>
                  </a:lnTo>
                  <a:lnTo>
                    <a:pt x="1271" y="166"/>
                  </a:lnTo>
                  <a:lnTo>
                    <a:pt x="1278" y="166"/>
                  </a:lnTo>
                  <a:lnTo>
                    <a:pt x="1283" y="161"/>
                  </a:lnTo>
                  <a:lnTo>
                    <a:pt x="1288" y="159"/>
                  </a:lnTo>
                  <a:lnTo>
                    <a:pt x="1291" y="156"/>
                  </a:lnTo>
                  <a:lnTo>
                    <a:pt x="1293" y="154"/>
                  </a:lnTo>
                  <a:lnTo>
                    <a:pt x="1296" y="156"/>
                  </a:lnTo>
                  <a:lnTo>
                    <a:pt x="1301" y="159"/>
                  </a:lnTo>
                  <a:lnTo>
                    <a:pt x="1306" y="164"/>
                  </a:lnTo>
                  <a:lnTo>
                    <a:pt x="1311" y="169"/>
                  </a:lnTo>
                  <a:lnTo>
                    <a:pt x="1316" y="174"/>
                  </a:lnTo>
                  <a:lnTo>
                    <a:pt x="1316" y="176"/>
                  </a:lnTo>
                  <a:lnTo>
                    <a:pt x="1311" y="174"/>
                  </a:lnTo>
                  <a:lnTo>
                    <a:pt x="1306" y="171"/>
                  </a:lnTo>
                  <a:lnTo>
                    <a:pt x="1298" y="169"/>
                  </a:lnTo>
                  <a:lnTo>
                    <a:pt x="1296" y="171"/>
                  </a:lnTo>
                  <a:lnTo>
                    <a:pt x="1296" y="176"/>
                  </a:lnTo>
                  <a:lnTo>
                    <a:pt x="1296" y="182"/>
                  </a:lnTo>
                  <a:lnTo>
                    <a:pt x="1301" y="184"/>
                  </a:lnTo>
                  <a:lnTo>
                    <a:pt x="1303" y="189"/>
                  </a:lnTo>
                  <a:lnTo>
                    <a:pt x="1303" y="194"/>
                  </a:lnTo>
                  <a:lnTo>
                    <a:pt x="1301" y="197"/>
                  </a:lnTo>
                  <a:lnTo>
                    <a:pt x="1296" y="199"/>
                  </a:lnTo>
                  <a:lnTo>
                    <a:pt x="1293" y="202"/>
                  </a:lnTo>
                  <a:lnTo>
                    <a:pt x="1291" y="204"/>
                  </a:lnTo>
                  <a:lnTo>
                    <a:pt x="1293" y="209"/>
                  </a:lnTo>
                  <a:lnTo>
                    <a:pt x="1296" y="214"/>
                  </a:lnTo>
                  <a:lnTo>
                    <a:pt x="1298" y="214"/>
                  </a:lnTo>
                  <a:lnTo>
                    <a:pt x="1306" y="214"/>
                  </a:lnTo>
                  <a:lnTo>
                    <a:pt x="1313" y="214"/>
                  </a:lnTo>
                  <a:lnTo>
                    <a:pt x="1321" y="214"/>
                  </a:lnTo>
                  <a:lnTo>
                    <a:pt x="1326" y="214"/>
                  </a:lnTo>
                  <a:lnTo>
                    <a:pt x="1331" y="212"/>
                  </a:lnTo>
                  <a:lnTo>
                    <a:pt x="1336" y="209"/>
                  </a:lnTo>
                  <a:lnTo>
                    <a:pt x="1341" y="207"/>
                  </a:lnTo>
                  <a:lnTo>
                    <a:pt x="1346" y="204"/>
                  </a:lnTo>
                  <a:lnTo>
                    <a:pt x="1351" y="204"/>
                  </a:lnTo>
                  <a:lnTo>
                    <a:pt x="1356" y="207"/>
                  </a:lnTo>
                  <a:lnTo>
                    <a:pt x="1359" y="207"/>
                  </a:lnTo>
                  <a:lnTo>
                    <a:pt x="1364" y="207"/>
                  </a:lnTo>
                  <a:lnTo>
                    <a:pt x="1366" y="204"/>
                  </a:lnTo>
                  <a:lnTo>
                    <a:pt x="1371" y="199"/>
                  </a:lnTo>
                  <a:lnTo>
                    <a:pt x="1374" y="197"/>
                  </a:lnTo>
                  <a:lnTo>
                    <a:pt x="1377" y="194"/>
                  </a:lnTo>
                  <a:lnTo>
                    <a:pt x="1374" y="189"/>
                  </a:lnTo>
                  <a:lnTo>
                    <a:pt x="1369" y="187"/>
                  </a:lnTo>
                  <a:lnTo>
                    <a:pt x="1361" y="184"/>
                  </a:lnTo>
                  <a:lnTo>
                    <a:pt x="1359" y="182"/>
                  </a:lnTo>
                  <a:lnTo>
                    <a:pt x="1356" y="179"/>
                  </a:lnTo>
                  <a:lnTo>
                    <a:pt x="1359" y="176"/>
                  </a:lnTo>
                  <a:lnTo>
                    <a:pt x="1364" y="174"/>
                  </a:lnTo>
                  <a:lnTo>
                    <a:pt x="1364" y="171"/>
                  </a:lnTo>
                  <a:lnTo>
                    <a:pt x="1366" y="166"/>
                  </a:lnTo>
                  <a:lnTo>
                    <a:pt x="1364" y="161"/>
                  </a:lnTo>
                  <a:lnTo>
                    <a:pt x="1364" y="159"/>
                  </a:lnTo>
                  <a:lnTo>
                    <a:pt x="1364" y="156"/>
                  </a:lnTo>
                  <a:lnTo>
                    <a:pt x="1364" y="154"/>
                  </a:lnTo>
                  <a:lnTo>
                    <a:pt x="1366" y="151"/>
                  </a:lnTo>
                  <a:lnTo>
                    <a:pt x="1371" y="144"/>
                  </a:lnTo>
                  <a:lnTo>
                    <a:pt x="1377" y="136"/>
                  </a:lnTo>
                  <a:lnTo>
                    <a:pt x="1374" y="129"/>
                  </a:lnTo>
                  <a:lnTo>
                    <a:pt x="1366" y="124"/>
                  </a:lnTo>
                  <a:lnTo>
                    <a:pt x="1359" y="119"/>
                  </a:lnTo>
                  <a:lnTo>
                    <a:pt x="1354" y="116"/>
                  </a:lnTo>
                  <a:lnTo>
                    <a:pt x="1354" y="111"/>
                  </a:lnTo>
                  <a:lnTo>
                    <a:pt x="1359" y="108"/>
                  </a:lnTo>
                  <a:lnTo>
                    <a:pt x="1366" y="103"/>
                  </a:lnTo>
                  <a:lnTo>
                    <a:pt x="1371" y="98"/>
                  </a:lnTo>
                  <a:lnTo>
                    <a:pt x="1374" y="91"/>
                  </a:lnTo>
                  <a:lnTo>
                    <a:pt x="1374" y="86"/>
                  </a:lnTo>
                  <a:lnTo>
                    <a:pt x="1374" y="78"/>
                  </a:lnTo>
                  <a:lnTo>
                    <a:pt x="1374" y="71"/>
                  </a:lnTo>
                  <a:lnTo>
                    <a:pt x="1374" y="66"/>
                  </a:lnTo>
                  <a:lnTo>
                    <a:pt x="1377" y="55"/>
                  </a:lnTo>
                  <a:lnTo>
                    <a:pt x="1377" y="48"/>
                  </a:lnTo>
                  <a:lnTo>
                    <a:pt x="1379" y="40"/>
                  </a:lnTo>
                  <a:lnTo>
                    <a:pt x="1377" y="38"/>
                  </a:lnTo>
                  <a:lnTo>
                    <a:pt x="1374" y="35"/>
                  </a:lnTo>
                  <a:lnTo>
                    <a:pt x="1369" y="38"/>
                  </a:lnTo>
                  <a:lnTo>
                    <a:pt x="1366" y="35"/>
                  </a:lnTo>
                  <a:lnTo>
                    <a:pt x="1369" y="30"/>
                  </a:lnTo>
                  <a:lnTo>
                    <a:pt x="1374" y="23"/>
                  </a:lnTo>
                  <a:lnTo>
                    <a:pt x="1377" y="18"/>
                  </a:lnTo>
                  <a:lnTo>
                    <a:pt x="1377" y="10"/>
                  </a:lnTo>
                  <a:lnTo>
                    <a:pt x="1377" y="5"/>
                  </a:lnTo>
                  <a:lnTo>
                    <a:pt x="1374" y="5"/>
                  </a:lnTo>
                  <a:lnTo>
                    <a:pt x="1371" y="5"/>
                  </a:lnTo>
                  <a:lnTo>
                    <a:pt x="1369" y="5"/>
                  </a:lnTo>
                  <a:lnTo>
                    <a:pt x="1366" y="5"/>
                  </a:lnTo>
                  <a:lnTo>
                    <a:pt x="1361" y="3"/>
                  </a:lnTo>
                  <a:lnTo>
                    <a:pt x="1356" y="3"/>
                  </a:lnTo>
                  <a:lnTo>
                    <a:pt x="1354" y="0"/>
                  </a:lnTo>
                  <a:lnTo>
                    <a:pt x="1351" y="0"/>
                  </a:lnTo>
                  <a:lnTo>
                    <a:pt x="1349" y="3"/>
                  </a:lnTo>
                  <a:lnTo>
                    <a:pt x="1346" y="5"/>
                  </a:lnTo>
                  <a:lnTo>
                    <a:pt x="1341" y="5"/>
                  </a:lnTo>
                  <a:lnTo>
                    <a:pt x="1336" y="5"/>
                  </a:lnTo>
                  <a:lnTo>
                    <a:pt x="1334" y="5"/>
                  </a:lnTo>
                  <a:lnTo>
                    <a:pt x="1329" y="8"/>
                  </a:lnTo>
                  <a:lnTo>
                    <a:pt x="1326" y="8"/>
                  </a:lnTo>
                  <a:lnTo>
                    <a:pt x="1324" y="8"/>
                  </a:lnTo>
                  <a:lnTo>
                    <a:pt x="1324" y="10"/>
                  </a:lnTo>
                  <a:lnTo>
                    <a:pt x="1321" y="13"/>
                  </a:lnTo>
                  <a:lnTo>
                    <a:pt x="1319" y="13"/>
                  </a:lnTo>
                  <a:lnTo>
                    <a:pt x="1316" y="13"/>
                  </a:lnTo>
                  <a:lnTo>
                    <a:pt x="1311" y="15"/>
                  </a:lnTo>
                  <a:lnTo>
                    <a:pt x="1303" y="18"/>
                  </a:lnTo>
                  <a:lnTo>
                    <a:pt x="1301" y="20"/>
                  </a:lnTo>
                  <a:lnTo>
                    <a:pt x="1296" y="25"/>
                  </a:lnTo>
                  <a:lnTo>
                    <a:pt x="1293" y="30"/>
                  </a:lnTo>
                  <a:lnTo>
                    <a:pt x="1293" y="35"/>
                  </a:lnTo>
                  <a:lnTo>
                    <a:pt x="1293" y="38"/>
                  </a:lnTo>
                  <a:lnTo>
                    <a:pt x="1293" y="40"/>
                  </a:lnTo>
                  <a:lnTo>
                    <a:pt x="1291" y="40"/>
                  </a:lnTo>
                  <a:lnTo>
                    <a:pt x="1286" y="43"/>
                  </a:lnTo>
                  <a:lnTo>
                    <a:pt x="1281" y="43"/>
                  </a:lnTo>
                  <a:lnTo>
                    <a:pt x="1278" y="45"/>
                  </a:lnTo>
                  <a:lnTo>
                    <a:pt x="1276" y="48"/>
                  </a:lnTo>
                  <a:lnTo>
                    <a:pt x="1273" y="50"/>
                  </a:lnTo>
                  <a:lnTo>
                    <a:pt x="1271" y="53"/>
                  </a:lnTo>
                  <a:lnTo>
                    <a:pt x="1268" y="55"/>
                  </a:lnTo>
                  <a:lnTo>
                    <a:pt x="1266" y="58"/>
                  </a:lnTo>
                  <a:lnTo>
                    <a:pt x="1263" y="61"/>
                  </a:lnTo>
                  <a:lnTo>
                    <a:pt x="1261" y="66"/>
                  </a:lnTo>
                  <a:lnTo>
                    <a:pt x="1261" y="71"/>
                  </a:lnTo>
                  <a:lnTo>
                    <a:pt x="1266" y="76"/>
                  </a:lnTo>
                  <a:lnTo>
                    <a:pt x="1268" y="81"/>
                  </a:lnTo>
                  <a:lnTo>
                    <a:pt x="1271" y="86"/>
                  </a:lnTo>
                  <a:lnTo>
                    <a:pt x="1271" y="88"/>
                  </a:lnTo>
                  <a:lnTo>
                    <a:pt x="1268" y="91"/>
                  </a:lnTo>
                  <a:lnTo>
                    <a:pt x="1268" y="96"/>
                  </a:lnTo>
                  <a:lnTo>
                    <a:pt x="1266" y="96"/>
                  </a:lnTo>
                  <a:lnTo>
                    <a:pt x="1263" y="93"/>
                  </a:lnTo>
                  <a:lnTo>
                    <a:pt x="1261" y="88"/>
                  </a:lnTo>
                  <a:lnTo>
                    <a:pt x="1258" y="83"/>
                  </a:lnTo>
                  <a:lnTo>
                    <a:pt x="1256" y="78"/>
                  </a:lnTo>
                  <a:lnTo>
                    <a:pt x="1253" y="76"/>
                  </a:lnTo>
                  <a:lnTo>
                    <a:pt x="1250" y="78"/>
                  </a:lnTo>
                  <a:lnTo>
                    <a:pt x="1248" y="81"/>
                  </a:lnTo>
                  <a:lnTo>
                    <a:pt x="1245" y="86"/>
                  </a:lnTo>
                  <a:lnTo>
                    <a:pt x="1243" y="88"/>
                  </a:lnTo>
                  <a:lnTo>
                    <a:pt x="1240" y="93"/>
                  </a:lnTo>
                  <a:lnTo>
                    <a:pt x="1240" y="98"/>
                  </a:lnTo>
                  <a:lnTo>
                    <a:pt x="1238" y="108"/>
                  </a:lnTo>
                  <a:lnTo>
                    <a:pt x="1235" y="116"/>
                  </a:lnTo>
                  <a:lnTo>
                    <a:pt x="1235" y="121"/>
                  </a:lnTo>
                  <a:lnTo>
                    <a:pt x="1235" y="126"/>
                  </a:lnTo>
                  <a:lnTo>
                    <a:pt x="1238" y="131"/>
                  </a:lnTo>
                  <a:lnTo>
                    <a:pt x="1243" y="134"/>
                  </a:lnTo>
                  <a:lnTo>
                    <a:pt x="1245" y="134"/>
                  </a:lnTo>
                  <a:lnTo>
                    <a:pt x="1250" y="134"/>
                  </a:lnTo>
                  <a:lnTo>
                    <a:pt x="1253" y="136"/>
                  </a:lnTo>
                  <a:lnTo>
                    <a:pt x="1256" y="134"/>
                  </a:lnTo>
                  <a:lnTo>
                    <a:pt x="1258" y="134"/>
                  </a:lnTo>
                  <a:lnTo>
                    <a:pt x="1258" y="136"/>
                  </a:lnTo>
                  <a:lnTo>
                    <a:pt x="1256" y="141"/>
                  </a:lnTo>
                  <a:lnTo>
                    <a:pt x="1253" y="144"/>
                  </a:lnTo>
                  <a:lnTo>
                    <a:pt x="1253" y="146"/>
                  </a:lnTo>
                  <a:lnTo>
                    <a:pt x="1258" y="159"/>
                  </a:lnTo>
                  <a:close/>
                  <a:moveTo>
                    <a:pt x="1866" y="1003"/>
                  </a:moveTo>
                  <a:lnTo>
                    <a:pt x="1840" y="1024"/>
                  </a:lnTo>
                  <a:lnTo>
                    <a:pt x="1813" y="1067"/>
                  </a:lnTo>
                  <a:lnTo>
                    <a:pt x="1808" y="1082"/>
                  </a:lnTo>
                  <a:lnTo>
                    <a:pt x="1808" y="1102"/>
                  </a:lnTo>
                  <a:lnTo>
                    <a:pt x="1823" y="1097"/>
                  </a:lnTo>
                  <a:lnTo>
                    <a:pt x="1850" y="1102"/>
                  </a:lnTo>
                  <a:lnTo>
                    <a:pt x="1866" y="1112"/>
                  </a:lnTo>
                  <a:lnTo>
                    <a:pt x="1881" y="1107"/>
                  </a:lnTo>
                  <a:lnTo>
                    <a:pt x="1893" y="1122"/>
                  </a:lnTo>
                  <a:lnTo>
                    <a:pt x="1914" y="1117"/>
                  </a:lnTo>
                  <a:lnTo>
                    <a:pt x="1914" y="1097"/>
                  </a:lnTo>
                  <a:lnTo>
                    <a:pt x="1903" y="1072"/>
                  </a:lnTo>
                  <a:lnTo>
                    <a:pt x="1861" y="1051"/>
                  </a:lnTo>
                  <a:lnTo>
                    <a:pt x="1856" y="1041"/>
                  </a:lnTo>
                  <a:lnTo>
                    <a:pt x="1866" y="1019"/>
                  </a:lnTo>
                  <a:lnTo>
                    <a:pt x="1866" y="1003"/>
                  </a:lnTo>
                  <a:close/>
                  <a:moveTo>
                    <a:pt x="1258" y="247"/>
                  </a:moveTo>
                  <a:lnTo>
                    <a:pt x="1258" y="245"/>
                  </a:lnTo>
                  <a:lnTo>
                    <a:pt x="1256" y="245"/>
                  </a:lnTo>
                  <a:lnTo>
                    <a:pt x="1253" y="247"/>
                  </a:lnTo>
                  <a:lnTo>
                    <a:pt x="1258" y="247"/>
                  </a:lnTo>
                  <a:close/>
                  <a:moveTo>
                    <a:pt x="1238" y="219"/>
                  </a:moveTo>
                  <a:lnTo>
                    <a:pt x="1243" y="219"/>
                  </a:lnTo>
                  <a:lnTo>
                    <a:pt x="1250" y="224"/>
                  </a:lnTo>
                  <a:lnTo>
                    <a:pt x="1253" y="227"/>
                  </a:lnTo>
                  <a:lnTo>
                    <a:pt x="1256" y="227"/>
                  </a:lnTo>
                  <a:lnTo>
                    <a:pt x="1261" y="224"/>
                  </a:lnTo>
                  <a:lnTo>
                    <a:pt x="1266" y="224"/>
                  </a:lnTo>
                  <a:lnTo>
                    <a:pt x="1268" y="227"/>
                  </a:lnTo>
                  <a:lnTo>
                    <a:pt x="1271" y="229"/>
                  </a:lnTo>
                  <a:lnTo>
                    <a:pt x="1271" y="234"/>
                  </a:lnTo>
                  <a:lnTo>
                    <a:pt x="1273" y="237"/>
                  </a:lnTo>
                  <a:lnTo>
                    <a:pt x="1273" y="240"/>
                  </a:lnTo>
                  <a:lnTo>
                    <a:pt x="1273" y="245"/>
                  </a:lnTo>
                  <a:lnTo>
                    <a:pt x="1273" y="252"/>
                  </a:lnTo>
                  <a:lnTo>
                    <a:pt x="1273" y="257"/>
                  </a:lnTo>
                  <a:lnTo>
                    <a:pt x="1276" y="262"/>
                  </a:lnTo>
                  <a:lnTo>
                    <a:pt x="1281" y="265"/>
                  </a:lnTo>
                  <a:lnTo>
                    <a:pt x="1283" y="267"/>
                  </a:lnTo>
                  <a:lnTo>
                    <a:pt x="1288" y="270"/>
                  </a:lnTo>
                  <a:lnTo>
                    <a:pt x="1291" y="270"/>
                  </a:lnTo>
                  <a:lnTo>
                    <a:pt x="1296" y="270"/>
                  </a:lnTo>
                  <a:lnTo>
                    <a:pt x="1301" y="272"/>
                  </a:lnTo>
                  <a:lnTo>
                    <a:pt x="1306" y="272"/>
                  </a:lnTo>
                  <a:lnTo>
                    <a:pt x="1311" y="270"/>
                  </a:lnTo>
                  <a:lnTo>
                    <a:pt x="1313" y="270"/>
                  </a:lnTo>
                  <a:lnTo>
                    <a:pt x="1319" y="270"/>
                  </a:lnTo>
                  <a:lnTo>
                    <a:pt x="1321" y="267"/>
                  </a:lnTo>
                  <a:lnTo>
                    <a:pt x="1324" y="267"/>
                  </a:lnTo>
                  <a:lnTo>
                    <a:pt x="1329" y="267"/>
                  </a:lnTo>
                  <a:lnTo>
                    <a:pt x="1331" y="267"/>
                  </a:lnTo>
                  <a:lnTo>
                    <a:pt x="1336" y="267"/>
                  </a:lnTo>
                  <a:lnTo>
                    <a:pt x="1341" y="265"/>
                  </a:lnTo>
                  <a:lnTo>
                    <a:pt x="1344" y="265"/>
                  </a:lnTo>
                  <a:lnTo>
                    <a:pt x="1346" y="265"/>
                  </a:lnTo>
                  <a:lnTo>
                    <a:pt x="1349" y="260"/>
                  </a:lnTo>
                  <a:lnTo>
                    <a:pt x="1351" y="260"/>
                  </a:lnTo>
                  <a:lnTo>
                    <a:pt x="1354" y="260"/>
                  </a:lnTo>
                  <a:lnTo>
                    <a:pt x="1359" y="262"/>
                  </a:lnTo>
                  <a:lnTo>
                    <a:pt x="1364" y="262"/>
                  </a:lnTo>
                  <a:lnTo>
                    <a:pt x="1366" y="260"/>
                  </a:lnTo>
                  <a:lnTo>
                    <a:pt x="1371" y="260"/>
                  </a:lnTo>
                  <a:lnTo>
                    <a:pt x="1374" y="255"/>
                  </a:lnTo>
                  <a:lnTo>
                    <a:pt x="1379" y="252"/>
                  </a:lnTo>
                  <a:lnTo>
                    <a:pt x="1379" y="250"/>
                  </a:lnTo>
                  <a:lnTo>
                    <a:pt x="1379" y="245"/>
                  </a:lnTo>
                  <a:lnTo>
                    <a:pt x="1379" y="240"/>
                  </a:lnTo>
                  <a:lnTo>
                    <a:pt x="1377" y="234"/>
                  </a:lnTo>
                  <a:lnTo>
                    <a:pt x="1374" y="232"/>
                  </a:lnTo>
                  <a:lnTo>
                    <a:pt x="1371" y="229"/>
                  </a:lnTo>
                  <a:lnTo>
                    <a:pt x="1366" y="227"/>
                  </a:lnTo>
                  <a:lnTo>
                    <a:pt x="1361" y="224"/>
                  </a:lnTo>
                  <a:lnTo>
                    <a:pt x="1356" y="224"/>
                  </a:lnTo>
                  <a:lnTo>
                    <a:pt x="1354" y="222"/>
                  </a:lnTo>
                  <a:lnTo>
                    <a:pt x="1344" y="224"/>
                  </a:lnTo>
                  <a:lnTo>
                    <a:pt x="1341" y="224"/>
                  </a:lnTo>
                  <a:lnTo>
                    <a:pt x="1336" y="229"/>
                  </a:lnTo>
                  <a:lnTo>
                    <a:pt x="1334" y="232"/>
                  </a:lnTo>
                  <a:lnTo>
                    <a:pt x="1331" y="234"/>
                  </a:lnTo>
                  <a:lnTo>
                    <a:pt x="1326" y="240"/>
                  </a:lnTo>
                  <a:lnTo>
                    <a:pt x="1324" y="240"/>
                  </a:lnTo>
                  <a:lnTo>
                    <a:pt x="1321" y="240"/>
                  </a:lnTo>
                  <a:lnTo>
                    <a:pt x="1313" y="240"/>
                  </a:lnTo>
                  <a:lnTo>
                    <a:pt x="1306" y="240"/>
                  </a:lnTo>
                  <a:lnTo>
                    <a:pt x="1301" y="240"/>
                  </a:lnTo>
                  <a:lnTo>
                    <a:pt x="1298" y="237"/>
                  </a:lnTo>
                  <a:lnTo>
                    <a:pt x="1296" y="232"/>
                  </a:lnTo>
                  <a:lnTo>
                    <a:pt x="1293" y="227"/>
                  </a:lnTo>
                  <a:lnTo>
                    <a:pt x="1288" y="224"/>
                  </a:lnTo>
                  <a:lnTo>
                    <a:pt x="1286" y="217"/>
                  </a:lnTo>
                  <a:lnTo>
                    <a:pt x="1283" y="214"/>
                  </a:lnTo>
                  <a:lnTo>
                    <a:pt x="1283" y="212"/>
                  </a:lnTo>
                  <a:lnTo>
                    <a:pt x="1281" y="212"/>
                  </a:lnTo>
                  <a:lnTo>
                    <a:pt x="1238" y="219"/>
                  </a:lnTo>
                  <a:close/>
                  <a:moveTo>
                    <a:pt x="1271" y="217"/>
                  </a:moveTo>
                  <a:lnTo>
                    <a:pt x="1268" y="217"/>
                  </a:lnTo>
                  <a:lnTo>
                    <a:pt x="1271" y="217"/>
                  </a:lnTo>
                  <a:close/>
                  <a:moveTo>
                    <a:pt x="1404" y="1810"/>
                  </a:moveTo>
                  <a:lnTo>
                    <a:pt x="1404" y="1810"/>
                  </a:lnTo>
                  <a:lnTo>
                    <a:pt x="1404" y="1803"/>
                  </a:lnTo>
                  <a:lnTo>
                    <a:pt x="1402" y="1798"/>
                  </a:lnTo>
                  <a:lnTo>
                    <a:pt x="1399" y="1795"/>
                  </a:lnTo>
                  <a:lnTo>
                    <a:pt x="1404" y="1737"/>
                  </a:lnTo>
                  <a:lnTo>
                    <a:pt x="1377" y="1732"/>
                  </a:lnTo>
                  <a:lnTo>
                    <a:pt x="1346" y="1727"/>
                  </a:lnTo>
                  <a:lnTo>
                    <a:pt x="1339" y="1725"/>
                  </a:lnTo>
                  <a:lnTo>
                    <a:pt x="1331" y="1722"/>
                  </a:lnTo>
                  <a:lnTo>
                    <a:pt x="1329" y="1722"/>
                  </a:lnTo>
                  <a:lnTo>
                    <a:pt x="1316" y="1720"/>
                  </a:lnTo>
                  <a:lnTo>
                    <a:pt x="1308" y="1717"/>
                  </a:lnTo>
                  <a:lnTo>
                    <a:pt x="1308" y="1694"/>
                  </a:lnTo>
                  <a:lnTo>
                    <a:pt x="1303" y="1689"/>
                  </a:lnTo>
                  <a:lnTo>
                    <a:pt x="1321" y="1679"/>
                  </a:lnTo>
                  <a:lnTo>
                    <a:pt x="1336" y="1669"/>
                  </a:lnTo>
                  <a:lnTo>
                    <a:pt x="1346" y="1629"/>
                  </a:lnTo>
                  <a:lnTo>
                    <a:pt x="1283" y="1639"/>
                  </a:lnTo>
                  <a:lnTo>
                    <a:pt x="1258" y="1674"/>
                  </a:lnTo>
                  <a:lnTo>
                    <a:pt x="1215" y="1679"/>
                  </a:lnTo>
                  <a:lnTo>
                    <a:pt x="1172" y="1629"/>
                  </a:lnTo>
                  <a:lnTo>
                    <a:pt x="1167" y="1561"/>
                  </a:lnTo>
                  <a:lnTo>
                    <a:pt x="1180" y="1546"/>
                  </a:lnTo>
                  <a:lnTo>
                    <a:pt x="1177" y="1546"/>
                  </a:lnTo>
                  <a:lnTo>
                    <a:pt x="1177" y="1510"/>
                  </a:lnTo>
                  <a:lnTo>
                    <a:pt x="1200" y="1490"/>
                  </a:lnTo>
                  <a:lnTo>
                    <a:pt x="1215" y="1472"/>
                  </a:lnTo>
                  <a:lnTo>
                    <a:pt x="1268" y="1477"/>
                  </a:lnTo>
                  <a:lnTo>
                    <a:pt x="1298" y="1477"/>
                  </a:lnTo>
                  <a:lnTo>
                    <a:pt x="1341" y="1467"/>
                  </a:lnTo>
                  <a:lnTo>
                    <a:pt x="1366" y="1467"/>
                  </a:lnTo>
                  <a:lnTo>
                    <a:pt x="1392" y="1462"/>
                  </a:lnTo>
                  <a:lnTo>
                    <a:pt x="1399" y="1490"/>
                  </a:lnTo>
                  <a:lnTo>
                    <a:pt x="1409" y="1525"/>
                  </a:lnTo>
                  <a:lnTo>
                    <a:pt x="1442" y="1556"/>
                  </a:lnTo>
                  <a:lnTo>
                    <a:pt x="1457" y="1561"/>
                  </a:lnTo>
                  <a:lnTo>
                    <a:pt x="1452" y="1510"/>
                  </a:lnTo>
                  <a:lnTo>
                    <a:pt x="1429" y="1452"/>
                  </a:lnTo>
                  <a:lnTo>
                    <a:pt x="1457" y="1422"/>
                  </a:lnTo>
                  <a:lnTo>
                    <a:pt x="1482" y="1412"/>
                  </a:lnTo>
                  <a:lnTo>
                    <a:pt x="1530" y="1367"/>
                  </a:lnTo>
                  <a:lnTo>
                    <a:pt x="1525" y="1334"/>
                  </a:lnTo>
                  <a:lnTo>
                    <a:pt x="1520" y="1304"/>
                  </a:lnTo>
                  <a:lnTo>
                    <a:pt x="1535" y="1314"/>
                  </a:lnTo>
                  <a:lnTo>
                    <a:pt x="1540" y="1309"/>
                  </a:lnTo>
                  <a:lnTo>
                    <a:pt x="1535" y="1288"/>
                  </a:lnTo>
                  <a:lnTo>
                    <a:pt x="1545" y="1288"/>
                  </a:lnTo>
                  <a:lnTo>
                    <a:pt x="1561" y="1283"/>
                  </a:lnTo>
                  <a:lnTo>
                    <a:pt x="1571" y="1258"/>
                  </a:lnTo>
                  <a:lnTo>
                    <a:pt x="1593" y="1253"/>
                  </a:lnTo>
                  <a:lnTo>
                    <a:pt x="1624" y="1235"/>
                  </a:lnTo>
                  <a:lnTo>
                    <a:pt x="1624" y="1195"/>
                  </a:lnTo>
                  <a:lnTo>
                    <a:pt x="1677" y="1170"/>
                  </a:lnTo>
                  <a:lnTo>
                    <a:pt x="1666" y="1117"/>
                  </a:lnTo>
                  <a:lnTo>
                    <a:pt x="1677" y="1170"/>
                  </a:lnTo>
                  <a:lnTo>
                    <a:pt x="1699" y="1155"/>
                  </a:lnTo>
                  <a:lnTo>
                    <a:pt x="1714" y="1160"/>
                  </a:lnTo>
                  <a:lnTo>
                    <a:pt x="1704" y="1175"/>
                  </a:lnTo>
                  <a:lnTo>
                    <a:pt x="1714" y="1195"/>
                  </a:lnTo>
                  <a:lnTo>
                    <a:pt x="1760" y="1160"/>
                  </a:lnTo>
                  <a:lnTo>
                    <a:pt x="1777" y="1137"/>
                  </a:lnTo>
                  <a:lnTo>
                    <a:pt x="1729" y="1132"/>
                  </a:lnTo>
                  <a:lnTo>
                    <a:pt x="1709" y="1102"/>
                  </a:lnTo>
                  <a:lnTo>
                    <a:pt x="1724" y="1087"/>
                  </a:lnTo>
                  <a:lnTo>
                    <a:pt x="1729" y="1067"/>
                  </a:lnTo>
                  <a:lnTo>
                    <a:pt x="1656" y="1082"/>
                  </a:lnTo>
                  <a:lnTo>
                    <a:pt x="1619" y="1112"/>
                  </a:lnTo>
                  <a:lnTo>
                    <a:pt x="1636" y="1077"/>
                  </a:lnTo>
                  <a:lnTo>
                    <a:pt x="1671" y="1056"/>
                  </a:lnTo>
                  <a:lnTo>
                    <a:pt x="1692" y="1034"/>
                  </a:lnTo>
                  <a:lnTo>
                    <a:pt x="1755" y="1039"/>
                  </a:lnTo>
                  <a:lnTo>
                    <a:pt x="1803" y="1034"/>
                  </a:lnTo>
                  <a:lnTo>
                    <a:pt x="1840" y="1009"/>
                  </a:lnTo>
                  <a:lnTo>
                    <a:pt x="1866" y="988"/>
                  </a:lnTo>
                  <a:lnTo>
                    <a:pt x="1845" y="938"/>
                  </a:lnTo>
                  <a:lnTo>
                    <a:pt x="1840" y="910"/>
                  </a:lnTo>
                  <a:lnTo>
                    <a:pt x="1772" y="875"/>
                  </a:lnTo>
                  <a:lnTo>
                    <a:pt x="1772" y="855"/>
                  </a:lnTo>
                  <a:lnTo>
                    <a:pt x="1714" y="746"/>
                  </a:lnTo>
                  <a:lnTo>
                    <a:pt x="1699" y="792"/>
                  </a:lnTo>
                  <a:lnTo>
                    <a:pt x="1661" y="802"/>
                  </a:lnTo>
                  <a:lnTo>
                    <a:pt x="1651" y="792"/>
                  </a:lnTo>
                  <a:lnTo>
                    <a:pt x="1636" y="792"/>
                  </a:lnTo>
                  <a:lnTo>
                    <a:pt x="1636" y="719"/>
                  </a:lnTo>
                  <a:lnTo>
                    <a:pt x="1603" y="714"/>
                  </a:lnTo>
                  <a:lnTo>
                    <a:pt x="1578" y="678"/>
                  </a:lnTo>
                  <a:lnTo>
                    <a:pt x="1550" y="683"/>
                  </a:lnTo>
                  <a:lnTo>
                    <a:pt x="1520" y="673"/>
                  </a:lnTo>
                  <a:lnTo>
                    <a:pt x="1500" y="678"/>
                  </a:lnTo>
                  <a:lnTo>
                    <a:pt x="1500" y="703"/>
                  </a:lnTo>
                  <a:lnTo>
                    <a:pt x="1500" y="731"/>
                  </a:lnTo>
                  <a:lnTo>
                    <a:pt x="1495" y="787"/>
                  </a:lnTo>
                  <a:lnTo>
                    <a:pt x="1487" y="807"/>
                  </a:lnTo>
                  <a:lnTo>
                    <a:pt x="1520" y="870"/>
                  </a:lnTo>
                  <a:lnTo>
                    <a:pt x="1467" y="915"/>
                  </a:lnTo>
                  <a:lnTo>
                    <a:pt x="1477" y="993"/>
                  </a:lnTo>
                  <a:lnTo>
                    <a:pt x="1457" y="1009"/>
                  </a:lnTo>
                  <a:lnTo>
                    <a:pt x="1437" y="998"/>
                  </a:lnTo>
                  <a:lnTo>
                    <a:pt x="1424" y="905"/>
                  </a:lnTo>
                  <a:lnTo>
                    <a:pt x="1371" y="900"/>
                  </a:lnTo>
                  <a:lnTo>
                    <a:pt x="1273" y="845"/>
                  </a:lnTo>
                  <a:lnTo>
                    <a:pt x="1253" y="845"/>
                  </a:lnTo>
                  <a:lnTo>
                    <a:pt x="1235" y="797"/>
                  </a:lnTo>
                  <a:lnTo>
                    <a:pt x="1220" y="782"/>
                  </a:lnTo>
                  <a:lnTo>
                    <a:pt x="1263" y="658"/>
                  </a:lnTo>
                  <a:lnTo>
                    <a:pt x="1288" y="630"/>
                  </a:lnTo>
                  <a:lnTo>
                    <a:pt x="1316" y="615"/>
                  </a:lnTo>
                  <a:lnTo>
                    <a:pt x="1331" y="615"/>
                  </a:lnTo>
                  <a:lnTo>
                    <a:pt x="1346" y="565"/>
                  </a:lnTo>
                  <a:lnTo>
                    <a:pt x="1356" y="524"/>
                  </a:lnTo>
                  <a:lnTo>
                    <a:pt x="1409" y="512"/>
                  </a:lnTo>
                  <a:lnTo>
                    <a:pt x="1437" y="492"/>
                  </a:lnTo>
                  <a:lnTo>
                    <a:pt x="1419" y="446"/>
                  </a:lnTo>
                  <a:lnTo>
                    <a:pt x="1432" y="416"/>
                  </a:lnTo>
                  <a:lnTo>
                    <a:pt x="1412" y="393"/>
                  </a:lnTo>
                  <a:lnTo>
                    <a:pt x="1414" y="393"/>
                  </a:lnTo>
                  <a:lnTo>
                    <a:pt x="1417" y="391"/>
                  </a:lnTo>
                  <a:lnTo>
                    <a:pt x="1419" y="388"/>
                  </a:lnTo>
                  <a:lnTo>
                    <a:pt x="1422" y="388"/>
                  </a:lnTo>
                  <a:lnTo>
                    <a:pt x="1424" y="388"/>
                  </a:lnTo>
                  <a:lnTo>
                    <a:pt x="1432" y="388"/>
                  </a:lnTo>
                  <a:lnTo>
                    <a:pt x="1440" y="388"/>
                  </a:lnTo>
                  <a:lnTo>
                    <a:pt x="1442" y="386"/>
                  </a:lnTo>
                  <a:lnTo>
                    <a:pt x="1442" y="383"/>
                  </a:lnTo>
                  <a:lnTo>
                    <a:pt x="1437" y="376"/>
                  </a:lnTo>
                  <a:lnTo>
                    <a:pt x="1437" y="373"/>
                  </a:lnTo>
                  <a:lnTo>
                    <a:pt x="1440" y="373"/>
                  </a:lnTo>
                  <a:lnTo>
                    <a:pt x="1445" y="376"/>
                  </a:lnTo>
                  <a:lnTo>
                    <a:pt x="1452" y="378"/>
                  </a:lnTo>
                  <a:lnTo>
                    <a:pt x="1455" y="381"/>
                  </a:lnTo>
                  <a:lnTo>
                    <a:pt x="1457" y="383"/>
                  </a:lnTo>
                  <a:lnTo>
                    <a:pt x="1462" y="386"/>
                  </a:lnTo>
                  <a:lnTo>
                    <a:pt x="1467" y="388"/>
                  </a:lnTo>
                  <a:lnTo>
                    <a:pt x="1472" y="393"/>
                  </a:lnTo>
                  <a:lnTo>
                    <a:pt x="1477" y="396"/>
                  </a:lnTo>
                  <a:lnTo>
                    <a:pt x="1485" y="398"/>
                  </a:lnTo>
                  <a:lnTo>
                    <a:pt x="1490" y="401"/>
                  </a:lnTo>
                  <a:lnTo>
                    <a:pt x="1495" y="403"/>
                  </a:lnTo>
                  <a:lnTo>
                    <a:pt x="1500" y="406"/>
                  </a:lnTo>
                  <a:lnTo>
                    <a:pt x="1505" y="406"/>
                  </a:lnTo>
                  <a:lnTo>
                    <a:pt x="1510" y="411"/>
                  </a:lnTo>
                  <a:lnTo>
                    <a:pt x="1515" y="413"/>
                  </a:lnTo>
                  <a:lnTo>
                    <a:pt x="1523" y="419"/>
                  </a:lnTo>
                  <a:lnTo>
                    <a:pt x="1528" y="424"/>
                  </a:lnTo>
                  <a:lnTo>
                    <a:pt x="1535" y="431"/>
                  </a:lnTo>
                  <a:lnTo>
                    <a:pt x="1543" y="441"/>
                  </a:lnTo>
                  <a:lnTo>
                    <a:pt x="1545" y="449"/>
                  </a:lnTo>
                  <a:lnTo>
                    <a:pt x="1538" y="456"/>
                  </a:lnTo>
                  <a:lnTo>
                    <a:pt x="1530" y="466"/>
                  </a:lnTo>
                  <a:lnTo>
                    <a:pt x="1528" y="477"/>
                  </a:lnTo>
                  <a:lnTo>
                    <a:pt x="1530" y="479"/>
                  </a:lnTo>
                  <a:lnTo>
                    <a:pt x="1538" y="482"/>
                  </a:lnTo>
                  <a:lnTo>
                    <a:pt x="1543" y="487"/>
                  </a:lnTo>
                  <a:lnTo>
                    <a:pt x="1545" y="489"/>
                  </a:lnTo>
                  <a:lnTo>
                    <a:pt x="1543" y="494"/>
                  </a:lnTo>
                  <a:lnTo>
                    <a:pt x="1535" y="499"/>
                  </a:lnTo>
                  <a:lnTo>
                    <a:pt x="1528" y="504"/>
                  </a:lnTo>
                  <a:lnTo>
                    <a:pt x="1525" y="509"/>
                  </a:lnTo>
                  <a:lnTo>
                    <a:pt x="1520" y="509"/>
                  </a:lnTo>
                  <a:lnTo>
                    <a:pt x="1518" y="509"/>
                  </a:lnTo>
                  <a:lnTo>
                    <a:pt x="1515" y="509"/>
                  </a:lnTo>
                  <a:lnTo>
                    <a:pt x="1513" y="509"/>
                  </a:lnTo>
                  <a:lnTo>
                    <a:pt x="1508" y="512"/>
                  </a:lnTo>
                  <a:lnTo>
                    <a:pt x="1500" y="514"/>
                  </a:lnTo>
                  <a:lnTo>
                    <a:pt x="1495" y="519"/>
                  </a:lnTo>
                  <a:lnTo>
                    <a:pt x="1492" y="522"/>
                  </a:lnTo>
                  <a:lnTo>
                    <a:pt x="1492" y="524"/>
                  </a:lnTo>
                  <a:lnTo>
                    <a:pt x="1495" y="527"/>
                  </a:lnTo>
                  <a:lnTo>
                    <a:pt x="1498" y="529"/>
                  </a:lnTo>
                  <a:lnTo>
                    <a:pt x="1500" y="532"/>
                  </a:lnTo>
                  <a:lnTo>
                    <a:pt x="1503" y="535"/>
                  </a:lnTo>
                  <a:lnTo>
                    <a:pt x="1508" y="537"/>
                  </a:lnTo>
                  <a:lnTo>
                    <a:pt x="1513" y="540"/>
                  </a:lnTo>
                  <a:lnTo>
                    <a:pt x="1518" y="540"/>
                  </a:lnTo>
                  <a:lnTo>
                    <a:pt x="1523" y="537"/>
                  </a:lnTo>
                  <a:lnTo>
                    <a:pt x="1528" y="532"/>
                  </a:lnTo>
                  <a:lnTo>
                    <a:pt x="1530" y="529"/>
                  </a:lnTo>
                  <a:lnTo>
                    <a:pt x="1535" y="527"/>
                  </a:lnTo>
                  <a:lnTo>
                    <a:pt x="1540" y="527"/>
                  </a:lnTo>
                  <a:lnTo>
                    <a:pt x="1548" y="524"/>
                  </a:lnTo>
                  <a:lnTo>
                    <a:pt x="1556" y="519"/>
                  </a:lnTo>
                  <a:lnTo>
                    <a:pt x="1561" y="519"/>
                  </a:lnTo>
                  <a:lnTo>
                    <a:pt x="1563" y="519"/>
                  </a:lnTo>
                  <a:lnTo>
                    <a:pt x="1566" y="522"/>
                  </a:lnTo>
                  <a:lnTo>
                    <a:pt x="1568" y="524"/>
                  </a:lnTo>
                  <a:lnTo>
                    <a:pt x="1571" y="524"/>
                  </a:lnTo>
                  <a:lnTo>
                    <a:pt x="1573" y="527"/>
                  </a:lnTo>
                  <a:lnTo>
                    <a:pt x="1576" y="529"/>
                  </a:lnTo>
                  <a:lnTo>
                    <a:pt x="1578" y="529"/>
                  </a:lnTo>
                  <a:lnTo>
                    <a:pt x="1583" y="532"/>
                  </a:lnTo>
                  <a:lnTo>
                    <a:pt x="1588" y="532"/>
                  </a:lnTo>
                  <a:lnTo>
                    <a:pt x="1593" y="535"/>
                  </a:lnTo>
                  <a:lnTo>
                    <a:pt x="1603" y="535"/>
                  </a:lnTo>
                  <a:lnTo>
                    <a:pt x="1606" y="540"/>
                  </a:lnTo>
                  <a:lnTo>
                    <a:pt x="1606" y="542"/>
                  </a:lnTo>
                  <a:lnTo>
                    <a:pt x="1608" y="547"/>
                  </a:lnTo>
                  <a:lnTo>
                    <a:pt x="1611" y="547"/>
                  </a:lnTo>
                  <a:lnTo>
                    <a:pt x="1616" y="550"/>
                  </a:lnTo>
                  <a:lnTo>
                    <a:pt x="1619" y="550"/>
                  </a:lnTo>
                  <a:lnTo>
                    <a:pt x="1621" y="550"/>
                  </a:lnTo>
                  <a:lnTo>
                    <a:pt x="1624" y="547"/>
                  </a:lnTo>
                  <a:lnTo>
                    <a:pt x="1629" y="547"/>
                  </a:lnTo>
                  <a:lnTo>
                    <a:pt x="1631" y="547"/>
                  </a:lnTo>
                  <a:lnTo>
                    <a:pt x="1634" y="547"/>
                  </a:lnTo>
                  <a:lnTo>
                    <a:pt x="1639" y="547"/>
                  </a:lnTo>
                  <a:lnTo>
                    <a:pt x="1641" y="547"/>
                  </a:lnTo>
                  <a:lnTo>
                    <a:pt x="1644" y="550"/>
                  </a:lnTo>
                  <a:lnTo>
                    <a:pt x="1649" y="550"/>
                  </a:lnTo>
                  <a:lnTo>
                    <a:pt x="1651" y="550"/>
                  </a:lnTo>
                  <a:lnTo>
                    <a:pt x="1654" y="547"/>
                  </a:lnTo>
                  <a:lnTo>
                    <a:pt x="1659" y="547"/>
                  </a:lnTo>
                  <a:lnTo>
                    <a:pt x="1664" y="547"/>
                  </a:lnTo>
                  <a:lnTo>
                    <a:pt x="1669" y="545"/>
                  </a:lnTo>
                  <a:lnTo>
                    <a:pt x="1671" y="545"/>
                  </a:lnTo>
                  <a:lnTo>
                    <a:pt x="1674" y="545"/>
                  </a:lnTo>
                  <a:lnTo>
                    <a:pt x="1679" y="545"/>
                  </a:lnTo>
                  <a:lnTo>
                    <a:pt x="1682" y="545"/>
                  </a:lnTo>
                  <a:lnTo>
                    <a:pt x="1684" y="545"/>
                  </a:lnTo>
                  <a:lnTo>
                    <a:pt x="1687" y="545"/>
                  </a:lnTo>
                  <a:lnTo>
                    <a:pt x="1692" y="545"/>
                  </a:lnTo>
                  <a:lnTo>
                    <a:pt x="1697" y="545"/>
                  </a:lnTo>
                  <a:lnTo>
                    <a:pt x="1699" y="542"/>
                  </a:lnTo>
                  <a:lnTo>
                    <a:pt x="1697" y="540"/>
                  </a:lnTo>
                  <a:lnTo>
                    <a:pt x="1697" y="537"/>
                  </a:lnTo>
                  <a:lnTo>
                    <a:pt x="1692" y="535"/>
                  </a:lnTo>
                  <a:lnTo>
                    <a:pt x="1687" y="532"/>
                  </a:lnTo>
                  <a:lnTo>
                    <a:pt x="1679" y="529"/>
                  </a:lnTo>
                  <a:lnTo>
                    <a:pt x="1677" y="529"/>
                  </a:lnTo>
                  <a:lnTo>
                    <a:pt x="1674" y="527"/>
                  </a:lnTo>
                  <a:lnTo>
                    <a:pt x="1671" y="524"/>
                  </a:lnTo>
                  <a:lnTo>
                    <a:pt x="1669" y="524"/>
                  </a:lnTo>
                  <a:lnTo>
                    <a:pt x="1666" y="524"/>
                  </a:lnTo>
                  <a:lnTo>
                    <a:pt x="1664" y="524"/>
                  </a:lnTo>
                  <a:lnTo>
                    <a:pt x="1661" y="524"/>
                  </a:lnTo>
                  <a:lnTo>
                    <a:pt x="1656" y="522"/>
                  </a:lnTo>
                  <a:lnTo>
                    <a:pt x="1651" y="519"/>
                  </a:lnTo>
                  <a:lnTo>
                    <a:pt x="1641" y="517"/>
                  </a:lnTo>
                  <a:lnTo>
                    <a:pt x="1636" y="514"/>
                  </a:lnTo>
                  <a:lnTo>
                    <a:pt x="1634" y="512"/>
                  </a:lnTo>
                  <a:lnTo>
                    <a:pt x="1634" y="509"/>
                  </a:lnTo>
                  <a:lnTo>
                    <a:pt x="1636" y="509"/>
                  </a:lnTo>
                  <a:lnTo>
                    <a:pt x="1639" y="509"/>
                  </a:lnTo>
                  <a:lnTo>
                    <a:pt x="1644" y="509"/>
                  </a:lnTo>
                  <a:lnTo>
                    <a:pt x="1649" y="512"/>
                  </a:lnTo>
                  <a:lnTo>
                    <a:pt x="1651" y="512"/>
                  </a:lnTo>
                  <a:lnTo>
                    <a:pt x="1656" y="514"/>
                  </a:lnTo>
                  <a:lnTo>
                    <a:pt x="1659" y="514"/>
                  </a:lnTo>
                  <a:lnTo>
                    <a:pt x="1664" y="514"/>
                  </a:lnTo>
                  <a:lnTo>
                    <a:pt x="1666" y="519"/>
                  </a:lnTo>
                  <a:lnTo>
                    <a:pt x="1671" y="519"/>
                  </a:lnTo>
                  <a:lnTo>
                    <a:pt x="1677" y="517"/>
                  </a:lnTo>
                  <a:lnTo>
                    <a:pt x="1687" y="514"/>
                  </a:lnTo>
                  <a:lnTo>
                    <a:pt x="1694" y="514"/>
                  </a:lnTo>
                  <a:lnTo>
                    <a:pt x="1697" y="519"/>
                  </a:lnTo>
                  <a:lnTo>
                    <a:pt x="1699" y="519"/>
                  </a:lnTo>
                  <a:lnTo>
                    <a:pt x="1704" y="522"/>
                  </a:lnTo>
                  <a:lnTo>
                    <a:pt x="1707" y="524"/>
                  </a:lnTo>
                  <a:lnTo>
                    <a:pt x="1707" y="522"/>
                  </a:lnTo>
                  <a:lnTo>
                    <a:pt x="1704" y="519"/>
                  </a:lnTo>
                  <a:lnTo>
                    <a:pt x="1702" y="514"/>
                  </a:lnTo>
                  <a:lnTo>
                    <a:pt x="1699" y="514"/>
                  </a:lnTo>
                  <a:lnTo>
                    <a:pt x="1699" y="509"/>
                  </a:lnTo>
                  <a:lnTo>
                    <a:pt x="1697" y="507"/>
                  </a:lnTo>
                  <a:lnTo>
                    <a:pt x="1694" y="502"/>
                  </a:lnTo>
                  <a:lnTo>
                    <a:pt x="1692" y="494"/>
                  </a:lnTo>
                  <a:lnTo>
                    <a:pt x="1692" y="492"/>
                  </a:lnTo>
                  <a:lnTo>
                    <a:pt x="1692" y="489"/>
                  </a:lnTo>
                  <a:lnTo>
                    <a:pt x="1692" y="487"/>
                  </a:lnTo>
                  <a:lnTo>
                    <a:pt x="1689" y="482"/>
                  </a:lnTo>
                  <a:lnTo>
                    <a:pt x="1682" y="479"/>
                  </a:lnTo>
                  <a:lnTo>
                    <a:pt x="1677" y="479"/>
                  </a:lnTo>
                  <a:lnTo>
                    <a:pt x="1671" y="477"/>
                  </a:lnTo>
                  <a:lnTo>
                    <a:pt x="1669" y="471"/>
                  </a:lnTo>
                  <a:lnTo>
                    <a:pt x="1664" y="469"/>
                  </a:lnTo>
                  <a:lnTo>
                    <a:pt x="1659" y="469"/>
                  </a:lnTo>
                  <a:lnTo>
                    <a:pt x="1651" y="466"/>
                  </a:lnTo>
                  <a:lnTo>
                    <a:pt x="1646" y="466"/>
                  </a:lnTo>
                  <a:lnTo>
                    <a:pt x="1644" y="466"/>
                  </a:lnTo>
                  <a:lnTo>
                    <a:pt x="1639" y="464"/>
                  </a:lnTo>
                  <a:lnTo>
                    <a:pt x="1634" y="461"/>
                  </a:lnTo>
                  <a:lnTo>
                    <a:pt x="1631" y="459"/>
                  </a:lnTo>
                  <a:lnTo>
                    <a:pt x="1626" y="459"/>
                  </a:lnTo>
                  <a:lnTo>
                    <a:pt x="1624" y="454"/>
                  </a:lnTo>
                  <a:lnTo>
                    <a:pt x="1621" y="451"/>
                  </a:lnTo>
                  <a:lnTo>
                    <a:pt x="1616" y="446"/>
                  </a:lnTo>
                  <a:lnTo>
                    <a:pt x="1614" y="441"/>
                  </a:lnTo>
                  <a:lnTo>
                    <a:pt x="1611" y="439"/>
                  </a:lnTo>
                  <a:lnTo>
                    <a:pt x="1611" y="434"/>
                  </a:lnTo>
                  <a:lnTo>
                    <a:pt x="1614" y="431"/>
                  </a:lnTo>
                  <a:lnTo>
                    <a:pt x="1619" y="431"/>
                  </a:lnTo>
                  <a:lnTo>
                    <a:pt x="1624" y="431"/>
                  </a:lnTo>
                  <a:lnTo>
                    <a:pt x="1631" y="434"/>
                  </a:lnTo>
                  <a:lnTo>
                    <a:pt x="1636" y="436"/>
                  </a:lnTo>
                  <a:lnTo>
                    <a:pt x="1639" y="436"/>
                  </a:lnTo>
                  <a:lnTo>
                    <a:pt x="1644" y="439"/>
                  </a:lnTo>
                  <a:lnTo>
                    <a:pt x="1649" y="441"/>
                  </a:lnTo>
                  <a:lnTo>
                    <a:pt x="1654" y="444"/>
                  </a:lnTo>
                  <a:lnTo>
                    <a:pt x="1659" y="446"/>
                  </a:lnTo>
                  <a:lnTo>
                    <a:pt x="1664" y="449"/>
                  </a:lnTo>
                  <a:lnTo>
                    <a:pt x="1669" y="451"/>
                  </a:lnTo>
                  <a:lnTo>
                    <a:pt x="1671" y="451"/>
                  </a:lnTo>
                  <a:lnTo>
                    <a:pt x="1677" y="449"/>
                  </a:lnTo>
                  <a:lnTo>
                    <a:pt x="1679" y="444"/>
                  </a:lnTo>
                  <a:lnTo>
                    <a:pt x="1679" y="441"/>
                  </a:lnTo>
                  <a:lnTo>
                    <a:pt x="1677" y="436"/>
                  </a:lnTo>
                  <a:lnTo>
                    <a:pt x="1671" y="434"/>
                  </a:lnTo>
                  <a:lnTo>
                    <a:pt x="1666" y="431"/>
                  </a:lnTo>
                  <a:lnTo>
                    <a:pt x="1666" y="429"/>
                  </a:lnTo>
                  <a:lnTo>
                    <a:pt x="1666" y="426"/>
                  </a:lnTo>
                  <a:lnTo>
                    <a:pt x="1669" y="424"/>
                  </a:lnTo>
                  <a:lnTo>
                    <a:pt x="1671" y="424"/>
                  </a:lnTo>
                  <a:lnTo>
                    <a:pt x="1674" y="421"/>
                  </a:lnTo>
                  <a:lnTo>
                    <a:pt x="1677" y="419"/>
                  </a:lnTo>
                  <a:lnTo>
                    <a:pt x="1677" y="416"/>
                  </a:lnTo>
                  <a:lnTo>
                    <a:pt x="1674" y="413"/>
                  </a:lnTo>
                  <a:lnTo>
                    <a:pt x="1671" y="408"/>
                  </a:lnTo>
                  <a:lnTo>
                    <a:pt x="1669" y="406"/>
                  </a:lnTo>
                  <a:lnTo>
                    <a:pt x="1664" y="406"/>
                  </a:lnTo>
                  <a:lnTo>
                    <a:pt x="1664" y="403"/>
                  </a:lnTo>
                  <a:lnTo>
                    <a:pt x="1669" y="401"/>
                  </a:lnTo>
                  <a:lnTo>
                    <a:pt x="1674" y="398"/>
                  </a:lnTo>
                  <a:lnTo>
                    <a:pt x="1677" y="393"/>
                  </a:lnTo>
                  <a:lnTo>
                    <a:pt x="1674" y="391"/>
                  </a:lnTo>
                  <a:lnTo>
                    <a:pt x="1669" y="388"/>
                  </a:lnTo>
                  <a:lnTo>
                    <a:pt x="1661" y="386"/>
                  </a:lnTo>
                  <a:lnTo>
                    <a:pt x="1654" y="386"/>
                  </a:lnTo>
                  <a:lnTo>
                    <a:pt x="1649" y="386"/>
                  </a:lnTo>
                  <a:lnTo>
                    <a:pt x="1644" y="386"/>
                  </a:lnTo>
                  <a:lnTo>
                    <a:pt x="1639" y="388"/>
                  </a:lnTo>
                  <a:lnTo>
                    <a:pt x="1636" y="388"/>
                  </a:lnTo>
                  <a:lnTo>
                    <a:pt x="1634" y="388"/>
                  </a:lnTo>
                  <a:lnTo>
                    <a:pt x="1631" y="386"/>
                  </a:lnTo>
                  <a:lnTo>
                    <a:pt x="1634" y="383"/>
                  </a:lnTo>
                  <a:lnTo>
                    <a:pt x="1631" y="383"/>
                  </a:lnTo>
                  <a:lnTo>
                    <a:pt x="1629" y="381"/>
                  </a:lnTo>
                  <a:lnTo>
                    <a:pt x="1626" y="381"/>
                  </a:lnTo>
                  <a:lnTo>
                    <a:pt x="1621" y="381"/>
                  </a:lnTo>
                  <a:lnTo>
                    <a:pt x="1616" y="381"/>
                  </a:lnTo>
                  <a:lnTo>
                    <a:pt x="1611" y="378"/>
                  </a:lnTo>
                  <a:lnTo>
                    <a:pt x="1606" y="378"/>
                  </a:lnTo>
                  <a:lnTo>
                    <a:pt x="1603" y="378"/>
                  </a:lnTo>
                  <a:lnTo>
                    <a:pt x="1598" y="376"/>
                  </a:lnTo>
                  <a:lnTo>
                    <a:pt x="1598" y="378"/>
                  </a:lnTo>
                  <a:lnTo>
                    <a:pt x="1601" y="381"/>
                  </a:lnTo>
                  <a:lnTo>
                    <a:pt x="1603" y="386"/>
                  </a:lnTo>
                  <a:lnTo>
                    <a:pt x="1601" y="386"/>
                  </a:lnTo>
                  <a:lnTo>
                    <a:pt x="1596" y="386"/>
                  </a:lnTo>
                  <a:lnTo>
                    <a:pt x="1591" y="381"/>
                  </a:lnTo>
                  <a:lnTo>
                    <a:pt x="1583" y="376"/>
                  </a:lnTo>
                  <a:lnTo>
                    <a:pt x="1578" y="373"/>
                  </a:lnTo>
                  <a:lnTo>
                    <a:pt x="1576" y="373"/>
                  </a:lnTo>
                  <a:lnTo>
                    <a:pt x="1568" y="376"/>
                  </a:lnTo>
                  <a:lnTo>
                    <a:pt x="1563" y="373"/>
                  </a:lnTo>
                  <a:lnTo>
                    <a:pt x="1558" y="371"/>
                  </a:lnTo>
                  <a:lnTo>
                    <a:pt x="1558" y="366"/>
                  </a:lnTo>
                  <a:lnTo>
                    <a:pt x="1561" y="363"/>
                  </a:lnTo>
                  <a:lnTo>
                    <a:pt x="1561" y="361"/>
                  </a:lnTo>
                  <a:lnTo>
                    <a:pt x="1561" y="358"/>
                  </a:lnTo>
                  <a:lnTo>
                    <a:pt x="1563" y="356"/>
                  </a:lnTo>
                  <a:lnTo>
                    <a:pt x="1566" y="356"/>
                  </a:lnTo>
                  <a:lnTo>
                    <a:pt x="1568" y="356"/>
                  </a:lnTo>
                  <a:lnTo>
                    <a:pt x="1568" y="353"/>
                  </a:lnTo>
                  <a:lnTo>
                    <a:pt x="1561" y="350"/>
                  </a:lnTo>
                  <a:lnTo>
                    <a:pt x="1556" y="350"/>
                  </a:lnTo>
                  <a:lnTo>
                    <a:pt x="1553" y="345"/>
                  </a:lnTo>
                  <a:lnTo>
                    <a:pt x="1556" y="343"/>
                  </a:lnTo>
                  <a:lnTo>
                    <a:pt x="1561" y="343"/>
                  </a:lnTo>
                  <a:lnTo>
                    <a:pt x="1558" y="343"/>
                  </a:lnTo>
                  <a:lnTo>
                    <a:pt x="1556" y="340"/>
                  </a:lnTo>
                  <a:lnTo>
                    <a:pt x="1553" y="335"/>
                  </a:lnTo>
                  <a:lnTo>
                    <a:pt x="1548" y="333"/>
                  </a:lnTo>
                  <a:lnTo>
                    <a:pt x="1545" y="333"/>
                  </a:lnTo>
                  <a:lnTo>
                    <a:pt x="1540" y="333"/>
                  </a:lnTo>
                  <a:lnTo>
                    <a:pt x="1538" y="333"/>
                  </a:lnTo>
                  <a:lnTo>
                    <a:pt x="1540" y="330"/>
                  </a:lnTo>
                  <a:lnTo>
                    <a:pt x="1540" y="328"/>
                  </a:lnTo>
                  <a:lnTo>
                    <a:pt x="1538" y="325"/>
                  </a:lnTo>
                  <a:lnTo>
                    <a:pt x="1533" y="325"/>
                  </a:lnTo>
                  <a:lnTo>
                    <a:pt x="1528" y="325"/>
                  </a:lnTo>
                  <a:lnTo>
                    <a:pt x="1520" y="325"/>
                  </a:lnTo>
                  <a:lnTo>
                    <a:pt x="1515" y="325"/>
                  </a:lnTo>
                  <a:lnTo>
                    <a:pt x="1510" y="325"/>
                  </a:lnTo>
                  <a:lnTo>
                    <a:pt x="1503" y="323"/>
                  </a:lnTo>
                  <a:lnTo>
                    <a:pt x="1500" y="323"/>
                  </a:lnTo>
                  <a:lnTo>
                    <a:pt x="1500" y="320"/>
                  </a:lnTo>
                  <a:lnTo>
                    <a:pt x="1498" y="318"/>
                  </a:lnTo>
                  <a:lnTo>
                    <a:pt x="1492" y="315"/>
                  </a:lnTo>
                  <a:lnTo>
                    <a:pt x="1485" y="315"/>
                  </a:lnTo>
                  <a:lnTo>
                    <a:pt x="1480" y="318"/>
                  </a:lnTo>
                  <a:lnTo>
                    <a:pt x="1475" y="323"/>
                  </a:lnTo>
                  <a:lnTo>
                    <a:pt x="1472" y="325"/>
                  </a:lnTo>
                  <a:lnTo>
                    <a:pt x="1467" y="325"/>
                  </a:lnTo>
                  <a:lnTo>
                    <a:pt x="1462" y="320"/>
                  </a:lnTo>
                  <a:lnTo>
                    <a:pt x="1460" y="318"/>
                  </a:lnTo>
                  <a:lnTo>
                    <a:pt x="1457" y="313"/>
                  </a:lnTo>
                  <a:lnTo>
                    <a:pt x="1455" y="310"/>
                  </a:lnTo>
                  <a:lnTo>
                    <a:pt x="1450" y="305"/>
                  </a:lnTo>
                  <a:lnTo>
                    <a:pt x="1442" y="300"/>
                  </a:lnTo>
                  <a:lnTo>
                    <a:pt x="1435" y="298"/>
                  </a:lnTo>
                  <a:lnTo>
                    <a:pt x="1429" y="298"/>
                  </a:lnTo>
                  <a:lnTo>
                    <a:pt x="1427" y="300"/>
                  </a:lnTo>
                  <a:lnTo>
                    <a:pt x="1419" y="303"/>
                  </a:lnTo>
                  <a:lnTo>
                    <a:pt x="1414" y="305"/>
                  </a:lnTo>
                  <a:lnTo>
                    <a:pt x="1414" y="308"/>
                  </a:lnTo>
                  <a:lnTo>
                    <a:pt x="1414" y="313"/>
                  </a:lnTo>
                  <a:lnTo>
                    <a:pt x="1409" y="315"/>
                  </a:lnTo>
                  <a:lnTo>
                    <a:pt x="1404" y="320"/>
                  </a:lnTo>
                  <a:lnTo>
                    <a:pt x="1397" y="320"/>
                  </a:lnTo>
                  <a:lnTo>
                    <a:pt x="1394" y="320"/>
                  </a:lnTo>
                  <a:lnTo>
                    <a:pt x="1392" y="315"/>
                  </a:lnTo>
                  <a:lnTo>
                    <a:pt x="1392" y="310"/>
                  </a:lnTo>
                  <a:lnTo>
                    <a:pt x="1389" y="305"/>
                  </a:lnTo>
                  <a:lnTo>
                    <a:pt x="1389" y="303"/>
                  </a:lnTo>
                  <a:lnTo>
                    <a:pt x="1387" y="298"/>
                  </a:lnTo>
                  <a:lnTo>
                    <a:pt x="1384" y="292"/>
                  </a:lnTo>
                  <a:lnTo>
                    <a:pt x="1382" y="290"/>
                  </a:lnTo>
                  <a:lnTo>
                    <a:pt x="1374" y="285"/>
                  </a:lnTo>
                  <a:lnTo>
                    <a:pt x="1366" y="285"/>
                  </a:lnTo>
                  <a:lnTo>
                    <a:pt x="1359" y="287"/>
                  </a:lnTo>
                  <a:lnTo>
                    <a:pt x="1354" y="292"/>
                  </a:lnTo>
                  <a:lnTo>
                    <a:pt x="1351" y="303"/>
                  </a:lnTo>
                  <a:lnTo>
                    <a:pt x="1349" y="313"/>
                  </a:lnTo>
                  <a:lnTo>
                    <a:pt x="1349" y="325"/>
                  </a:lnTo>
                  <a:lnTo>
                    <a:pt x="1354" y="343"/>
                  </a:lnTo>
                  <a:lnTo>
                    <a:pt x="1359" y="356"/>
                  </a:lnTo>
                  <a:lnTo>
                    <a:pt x="1356" y="353"/>
                  </a:lnTo>
                  <a:lnTo>
                    <a:pt x="1354" y="350"/>
                  </a:lnTo>
                  <a:lnTo>
                    <a:pt x="1349" y="345"/>
                  </a:lnTo>
                  <a:lnTo>
                    <a:pt x="1344" y="338"/>
                  </a:lnTo>
                  <a:lnTo>
                    <a:pt x="1341" y="330"/>
                  </a:lnTo>
                  <a:lnTo>
                    <a:pt x="1339" y="323"/>
                  </a:lnTo>
                  <a:lnTo>
                    <a:pt x="1339" y="310"/>
                  </a:lnTo>
                  <a:lnTo>
                    <a:pt x="1344" y="298"/>
                  </a:lnTo>
                  <a:lnTo>
                    <a:pt x="1344" y="290"/>
                  </a:lnTo>
                  <a:lnTo>
                    <a:pt x="1341" y="287"/>
                  </a:lnTo>
                  <a:lnTo>
                    <a:pt x="1336" y="287"/>
                  </a:lnTo>
                  <a:lnTo>
                    <a:pt x="1331" y="287"/>
                  </a:lnTo>
                  <a:lnTo>
                    <a:pt x="1324" y="290"/>
                  </a:lnTo>
                  <a:lnTo>
                    <a:pt x="1316" y="298"/>
                  </a:lnTo>
                  <a:lnTo>
                    <a:pt x="1311" y="310"/>
                  </a:lnTo>
                  <a:lnTo>
                    <a:pt x="1308" y="325"/>
                  </a:lnTo>
                  <a:lnTo>
                    <a:pt x="1308" y="335"/>
                  </a:lnTo>
                  <a:lnTo>
                    <a:pt x="1308" y="340"/>
                  </a:lnTo>
                  <a:lnTo>
                    <a:pt x="1308" y="345"/>
                  </a:lnTo>
                  <a:lnTo>
                    <a:pt x="1308" y="356"/>
                  </a:lnTo>
                  <a:lnTo>
                    <a:pt x="1308" y="361"/>
                  </a:lnTo>
                  <a:lnTo>
                    <a:pt x="1311" y="363"/>
                  </a:lnTo>
                  <a:lnTo>
                    <a:pt x="1316" y="366"/>
                  </a:lnTo>
                  <a:lnTo>
                    <a:pt x="1319" y="366"/>
                  </a:lnTo>
                  <a:lnTo>
                    <a:pt x="1321" y="366"/>
                  </a:lnTo>
                  <a:lnTo>
                    <a:pt x="1329" y="368"/>
                  </a:lnTo>
                  <a:lnTo>
                    <a:pt x="1334" y="371"/>
                  </a:lnTo>
                  <a:lnTo>
                    <a:pt x="1339" y="371"/>
                  </a:lnTo>
                  <a:lnTo>
                    <a:pt x="1341" y="373"/>
                  </a:lnTo>
                  <a:lnTo>
                    <a:pt x="1339" y="376"/>
                  </a:lnTo>
                  <a:lnTo>
                    <a:pt x="1334" y="376"/>
                  </a:lnTo>
                  <a:lnTo>
                    <a:pt x="1331" y="376"/>
                  </a:lnTo>
                  <a:lnTo>
                    <a:pt x="1326" y="376"/>
                  </a:lnTo>
                  <a:lnTo>
                    <a:pt x="1321" y="378"/>
                  </a:lnTo>
                  <a:lnTo>
                    <a:pt x="1316" y="381"/>
                  </a:lnTo>
                  <a:lnTo>
                    <a:pt x="1316" y="383"/>
                  </a:lnTo>
                  <a:lnTo>
                    <a:pt x="1319" y="386"/>
                  </a:lnTo>
                  <a:lnTo>
                    <a:pt x="1321" y="386"/>
                  </a:lnTo>
                  <a:lnTo>
                    <a:pt x="1326" y="388"/>
                  </a:lnTo>
                  <a:lnTo>
                    <a:pt x="1331" y="391"/>
                  </a:lnTo>
                  <a:lnTo>
                    <a:pt x="1334" y="393"/>
                  </a:lnTo>
                  <a:lnTo>
                    <a:pt x="1339" y="396"/>
                  </a:lnTo>
                  <a:lnTo>
                    <a:pt x="1341" y="396"/>
                  </a:lnTo>
                  <a:lnTo>
                    <a:pt x="1346" y="396"/>
                  </a:lnTo>
                  <a:lnTo>
                    <a:pt x="1351" y="393"/>
                  </a:lnTo>
                  <a:lnTo>
                    <a:pt x="1356" y="391"/>
                  </a:lnTo>
                  <a:lnTo>
                    <a:pt x="1359" y="393"/>
                  </a:lnTo>
                  <a:lnTo>
                    <a:pt x="1361" y="396"/>
                  </a:lnTo>
                  <a:lnTo>
                    <a:pt x="1371" y="398"/>
                  </a:lnTo>
                  <a:lnTo>
                    <a:pt x="1374" y="398"/>
                  </a:lnTo>
                  <a:lnTo>
                    <a:pt x="1366" y="436"/>
                  </a:lnTo>
                  <a:lnTo>
                    <a:pt x="1336" y="482"/>
                  </a:lnTo>
                  <a:lnTo>
                    <a:pt x="1326" y="426"/>
                  </a:lnTo>
                  <a:lnTo>
                    <a:pt x="1308" y="403"/>
                  </a:lnTo>
                  <a:lnTo>
                    <a:pt x="1288" y="431"/>
                  </a:lnTo>
                  <a:lnTo>
                    <a:pt x="1278" y="403"/>
                  </a:lnTo>
                  <a:lnTo>
                    <a:pt x="1258" y="368"/>
                  </a:lnTo>
                  <a:lnTo>
                    <a:pt x="1248" y="323"/>
                  </a:lnTo>
                  <a:lnTo>
                    <a:pt x="1215" y="270"/>
                  </a:lnTo>
                  <a:lnTo>
                    <a:pt x="1190" y="343"/>
                  </a:lnTo>
                  <a:lnTo>
                    <a:pt x="1190" y="368"/>
                  </a:lnTo>
                  <a:lnTo>
                    <a:pt x="1225" y="398"/>
                  </a:lnTo>
                  <a:lnTo>
                    <a:pt x="1230" y="431"/>
                  </a:lnTo>
                  <a:lnTo>
                    <a:pt x="1205" y="456"/>
                  </a:lnTo>
                  <a:lnTo>
                    <a:pt x="1190" y="446"/>
                  </a:lnTo>
                  <a:lnTo>
                    <a:pt x="1185" y="446"/>
                  </a:lnTo>
                  <a:lnTo>
                    <a:pt x="1185" y="444"/>
                  </a:lnTo>
                  <a:lnTo>
                    <a:pt x="1187" y="439"/>
                  </a:lnTo>
                  <a:lnTo>
                    <a:pt x="1185" y="434"/>
                  </a:lnTo>
                  <a:lnTo>
                    <a:pt x="1185" y="429"/>
                  </a:lnTo>
                  <a:lnTo>
                    <a:pt x="1182" y="424"/>
                  </a:lnTo>
                  <a:lnTo>
                    <a:pt x="1185" y="424"/>
                  </a:lnTo>
                  <a:lnTo>
                    <a:pt x="1187" y="424"/>
                  </a:lnTo>
                  <a:lnTo>
                    <a:pt x="1190" y="424"/>
                  </a:lnTo>
                  <a:lnTo>
                    <a:pt x="1192" y="424"/>
                  </a:lnTo>
                  <a:lnTo>
                    <a:pt x="1195" y="424"/>
                  </a:lnTo>
                  <a:lnTo>
                    <a:pt x="1198" y="419"/>
                  </a:lnTo>
                  <a:lnTo>
                    <a:pt x="1200" y="413"/>
                  </a:lnTo>
                  <a:lnTo>
                    <a:pt x="1198" y="408"/>
                  </a:lnTo>
                  <a:lnTo>
                    <a:pt x="1192" y="406"/>
                  </a:lnTo>
                  <a:lnTo>
                    <a:pt x="1190" y="403"/>
                  </a:lnTo>
                  <a:lnTo>
                    <a:pt x="1185" y="403"/>
                  </a:lnTo>
                  <a:lnTo>
                    <a:pt x="1180" y="398"/>
                  </a:lnTo>
                  <a:lnTo>
                    <a:pt x="1175" y="396"/>
                  </a:lnTo>
                  <a:lnTo>
                    <a:pt x="1170" y="391"/>
                  </a:lnTo>
                  <a:lnTo>
                    <a:pt x="1167" y="388"/>
                  </a:lnTo>
                  <a:lnTo>
                    <a:pt x="1165" y="383"/>
                  </a:lnTo>
                  <a:lnTo>
                    <a:pt x="1162" y="378"/>
                  </a:lnTo>
                  <a:lnTo>
                    <a:pt x="1162" y="373"/>
                  </a:lnTo>
                  <a:lnTo>
                    <a:pt x="1162" y="371"/>
                  </a:lnTo>
                  <a:lnTo>
                    <a:pt x="1165" y="368"/>
                  </a:lnTo>
                  <a:lnTo>
                    <a:pt x="1165" y="363"/>
                  </a:lnTo>
                  <a:lnTo>
                    <a:pt x="1162" y="356"/>
                  </a:lnTo>
                  <a:lnTo>
                    <a:pt x="1162" y="350"/>
                  </a:lnTo>
                  <a:lnTo>
                    <a:pt x="1160" y="343"/>
                  </a:lnTo>
                  <a:lnTo>
                    <a:pt x="1160" y="338"/>
                  </a:lnTo>
                  <a:lnTo>
                    <a:pt x="1157" y="333"/>
                  </a:lnTo>
                  <a:lnTo>
                    <a:pt x="1157" y="328"/>
                  </a:lnTo>
                  <a:lnTo>
                    <a:pt x="1160" y="325"/>
                  </a:lnTo>
                  <a:lnTo>
                    <a:pt x="1162" y="323"/>
                  </a:lnTo>
                  <a:lnTo>
                    <a:pt x="1165" y="323"/>
                  </a:lnTo>
                  <a:lnTo>
                    <a:pt x="1167" y="318"/>
                  </a:lnTo>
                  <a:lnTo>
                    <a:pt x="1172" y="310"/>
                  </a:lnTo>
                  <a:lnTo>
                    <a:pt x="1172" y="308"/>
                  </a:lnTo>
                  <a:lnTo>
                    <a:pt x="1172" y="305"/>
                  </a:lnTo>
                  <a:lnTo>
                    <a:pt x="1170" y="303"/>
                  </a:lnTo>
                  <a:lnTo>
                    <a:pt x="1165" y="300"/>
                  </a:lnTo>
                  <a:lnTo>
                    <a:pt x="1162" y="300"/>
                  </a:lnTo>
                  <a:lnTo>
                    <a:pt x="1157" y="300"/>
                  </a:lnTo>
                  <a:lnTo>
                    <a:pt x="1152" y="300"/>
                  </a:lnTo>
                  <a:lnTo>
                    <a:pt x="1147" y="300"/>
                  </a:lnTo>
                  <a:lnTo>
                    <a:pt x="1142" y="303"/>
                  </a:lnTo>
                  <a:lnTo>
                    <a:pt x="1145" y="305"/>
                  </a:lnTo>
                  <a:lnTo>
                    <a:pt x="1147" y="308"/>
                  </a:lnTo>
                  <a:lnTo>
                    <a:pt x="1150" y="310"/>
                  </a:lnTo>
                  <a:lnTo>
                    <a:pt x="1152" y="313"/>
                  </a:lnTo>
                  <a:lnTo>
                    <a:pt x="1150" y="313"/>
                  </a:lnTo>
                  <a:lnTo>
                    <a:pt x="1147" y="315"/>
                  </a:lnTo>
                  <a:lnTo>
                    <a:pt x="1145" y="313"/>
                  </a:lnTo>
                  <a:lnTo>
                    <a:pt x="1142" y="310"/>
                  </a:lnTo>
                  <a:lnTo>
                    <a:pt x="1137" y="310"/>
                  </a:lnTo>
                  <a:lnTo>
                    <a:pt x="1134" y="313"/>
                  </a:lnTo>
                  <a:lnTo>
                    <a:pt x="1132" y="315"/>
                  </a:lnTo>
                  <a:lnTo>
                    <a:pt x="1132" y="320"/>
                  </a:lnTo>
                  <a:lnTo>
                    <a:pt x="1132" y="323"/>
                  </a:lnTo>
                  <a:lnTo>
                    <a:pt x="1134" y="328"/>
                  </a:lnTo>
                  <a:lnTo>
                    <a:pt x="1137" y="330"/>
                  </a:lnTo>
                  <a:lnTo>
                    <a:pt x="1134" y="335"/>
                  </a:lnTo>
                  <a:lnTo>
                    <a:pt x="1132" y="340"/>
                  </a:lnTo>
                  <a:lnTo>
                    <a:pt x="1132" y="348"/>
                  </a:lnTo>
                  <a:lnTo>
                    <a:pt x="1129" y="353"/>
                  </a:lnTo>
                  <a:lnTo>
                    <a:pt x="1127" y="350"/>
                  </a:lnTo>
                  <a:lnTo>
                    <a:pt x="1124" y="343"/>
                  </a:lnTo>
                  <a:lnTo>
                    <a:pt x="1124" y="335"/>
                  </a:lnTo>
                  <a:lnTo>
                    <a:pt x="1124" y="328"/>
                  </a:lnTo>
                  <a:lnTo>
                    <a:pt x="1119" y="323"/>
                  </a:lnTo>
                  <a:lnTo>
                    <a:pt x="1117" y="320"/>
                  </a:lnTo>
                  <a:lnTo>
                    <a:pt x="1112" y="315"/>
                  </a:lnTo>
                  <a:lnTo>
                    <a:pt x="1109" y="315"/>
                  </a:lnTo>
                  <a:lnTo>
                    <a:pt x="1109" y="318"/>
                  </a:lnTo>
                  <a:lnTo>
                    <a:pt x="1112" y="323"/>
                  </a:lnTo>
                  <a:lnTo>
                    <a:pt x="1112" y="328"/>
                  </a:lnTo>
                  <a:lnTo>
                    <a:pt x="1109" y="328"/>
                  </a:lnTo>
                  <a:lnTo>
                    <a:pt x="1104" y="328"/>
                  </a:lnTo>
                  <a:lnTo>
                    <a:pt x="1099" y="325"/>
                  </a:lnTo>
                  <a:lnTo>
                    <a:pt x="1094" y="320"/>
                  </a:lnTo>
                  <a:lnTo>
                    <a:pt x="1092" y="315"/>
                  </a:lnTo>
                  <a:lnTo>
                    <a:pt x="1092" y="313"/>
                  </a:lnTo>
                  <a:lnTo>
                    <a:pt x="1087" y="313"/>
                  </a:lnTo>
                  <a:lnTo>
                    <a:pt x="1082" y="315"/>
                  </a:lnTo>
                  <a:lnTo>
                    <a:pt x="1079" y="315"/>
                  </a:lnTo>
                  <a:lnTo>
                    <a:pt x="1077" y="313"/>
                  </a:lnTo>
                  <a:lnTo>
                    <a:pt x="1079" y="310"/>
                  </a:lnTo>
                  <a:lnTo>
                    <a:pt x="1082" y="303"/>
                  </a:lnTo>
                  <a:lnTo>
                    <a:pt x="1082" y="300"/>
                  </a:lnTo>
                  <a:lnTo>
                    <a:pt x="1077" y="298"/>
                  </a:lnTo>
                  <a:lnTo>
                    <a:pt x="1071" y="300"/>
                  </a:lnTo>
                  <a:lnTo>
                    <a:pt x="1064" y="300"/>
                  </a:lnTo>
                  <a:lnTo>
                    <a:pt x="1056" y="303"/>
                  </a:lnTo>
                  <a:lnTo>
                    <a:pt x="1051" y="303"/>
                  </a:lnTo>
                  <a:lnTo>
                    <a:pt x="1049" y="305"/>
                  </a:lnTo>
                  <a:lnTo>
                    <a:pt x="1044" y="305"/>
                  </a:lnTo>
                  <a:lnTo>
                    <a:pt x="1039" y="308"/>
                  </a:lnTo>
                  <a:lnTo>
                    <a:pt x="1036" y="310"/>
                  </a:lnTo>
                  <a:lnTo>
                    <a:pt x="1036" y="315"/>
                  </a:lnTo>
                  <a:lnTo>
                    <a:pt x="1034" y="320"/>
                  </a:lnTo>
                  <a:lnTo>
                    <a:pt x="1029" y="323"/>
                  </a:lnTo>
                  <a:lnTo>
                    <a:pt x="1024" y="323"/>
                  </a:lnTo>
                  <a:lnTo>
                    <a:pt x="1021" y="325"/>
                  </a:lnTo>
                  <a:lnTo>
                    <a:pt x="1021" y="330"/>
                  </a:lnTo>
                  <a:lnTo>
                    <a:pt x="1024" y="333"/>
                  </a:lnTo>
                  <a:lnTo>
                    <a:pt x="1029" y="338"/>
                  </a:lnTo>
                  <a:lnTo>
                    <a:pt x="1034" y="343"/>
                  </a:lnTo>
                  <a:lnTo>
                    <a:pt x="1036" y="345"/>
                  </a:lnTo>
                  <a:lnTo>
                    <a:pt x="1039" y="345"/>
                  </a:lnTo>
                  <a:lnTo>
                    <a:pt x="1039" y="350"/>
                  </a:lnTo>
                  <a:lnTo>
                    <a:pt x="1039" y="353"/>
                  </a:lnTo>
                  <a:lnTo>
                    <a:pt x="1034" y="356"/>
                  </a:lnTo>
                  <a:lnTo>
                    <a:pt x="1026" y="353"/>
                  </a:lnTo>
                  <a:lnTo>
                    <a:pt x="1021" y="356"/>
                  </a:lnTo>
                  <a:lnTo>
                    <a:pt x="1021" y="358"/>
                  </a:lnTo>
                  <a:lnTo>
                    <a:pt x="1021" y="361"/>
                  </a:lnTo>
                  <a:lnTo>
                    <a:pt x="1021" y="366"/>
                  </a:lnTo>
                  <a:lnTo>
                    <a:pt x="1024" y="371"/>
                  </a:lnTo>
                  <a:lnTo>
                    <a:pt x="1026" y="373"/>
                  </a:lnTo>
                  <a:lnTo>
                    <a:pt x="1031" y="373"/>
                  </a:lnTo>
                  <a:lnTo>
                    <a:pt x="1036" y="373"/>
                  </a:lnTo>
                  <a:lnTo>
                    <a:pt x="1044" y="373"/>
                  </a:lnTo>
                  <a:lnTo>
                    <a:pt x="1051" y="376"/>
                  </a:lnTo>
                  <a:lnTo>
                    <a:pt x="1054" y="376"/>
                  </a:lnTo>
                  <a:lnTo>
                    <a:pt x="1059" y="376"/>
                  </a:lnTo>
                  <a:lnTo>
                    <a:pt x="1069" y="378"/>
                  </a:lnTo>
                  <a:lnTo>
                    <a:pt x="1077" y="381"/>
                  </a:lnTo>
                  <a:lnTo>
                    <a:pt x="1082" y="386"/>
                  </a:lnTo>
                  <a:lnTo>
                    <a:pt x="1082" y="391"/>
                  </a:lnTo>
                  <a:lnTo>
                    <a:pt x="1079" y="396"/>
                  </a:lnTo>
                  <a:lnTo>
                    <a:pt x="1079" y="398"/>
                  </a:lnTo>
                  <a:lnTo>
                    <a:pt x="1077" y="398"/>
                  </a:lnTo>
                  <a:lnTo>
                    <a:pt x="1071" y="396"/>
                  </a:lnTo>
                  <a:lnTo>
                    <a:pt x="1066" y="396"/>
                  </a:lnTo>
                  <a:lnTo>
                    <a:pt x="1059" y="393"/>
                  </a:lnTo>
                  <a:lnTo>
                    <a:pt x="1054" y="388"/>
                  </a:lnTo>
                  <a:lnTo>
                    <a:pt x="1049" y="388"/>
                  </a:lnTo>
                  <a:lnTo>
                    <a:pt x="1044" y="386"/>
                  </a:lnTo>
                  <a:lnTo>
                    <a:pt x="1039" y="383"/>
                  </a:lnTo>
                  <a:lnTo>
                    <a:pt x="1034" y="383"/>
                  </a:lnTo>
                  <a:lnTo>
                    <a:pt x="1026" y="383"/>
                  </a:lnTo>
                  <a:lnTo>
                    <a:pt x="1021" y="383"/>
                  </a:lnTo>
                  <a:lnTo>
                    <a:pt x="1019" y="383"/>
                  </a:lnTo>
                  <a:lnTo>
                    <a:pt x="1019" y="388"/>
                  </a:lnTo>
                  <a:lnTo>
                    <a:pt x="1019" y="393"/>
                  </a:lnTo>
                  <a:lnTo>
                    <a:pt x="1019" y="398"/>
                  </a:lnTo>
                  <a:lnTo>
                    <a:pt x="1019" y="403"/>
                  </a:lnTo>
                  <a:lnTo>
                    <a:pt x="1021" y="406"/>
                  </a:lnTo>
                  <a:lnTo>
                    <a:pt x="1026" y="406"/>
                  </a:lnTo>
                  <a:lnTo>
                    <a:pt x="1031" y="408"/>
                  </a:lnTo>
                  <a:lnTo>
                    <a:pt x="1036" y="413"/>
                  </a:lnTo>
                  <a:lnTo>
                    <a:pt x="1044" y="419"/>
                  </a:lnTo>
                  <a:lnTo>
                    <a:pt x="1049" y="424"/>
                  </a:lnTo>
                  <a:lnTo>
                    <a:pt x="1049" y="429"/>
                  </a:lnTo>
                  <a:lnTo>
                    <a:pt x="1051" y="434"/>
                  </a:lnTo>
                  <a:lnTo>
                    <a:pt x="1051" y="439"/>
                  </a:lnTo>
                  <a:lnTo>
                    <a:pt x="1054" y="441"/>
                  </a:lnTo>
                  <a:lnTo>
                    <a:pt x="1056" y="441"/>
                  </a:lnTo>
                  <a:lnTo>
                    <a:pt x="1059" y="441"/>
                  </a:lnTo>
                  <a:lnTo>
                    <a:pt x="1064" y="444"/>
                  </a:lnTo>
                  <a:lnTo>
                    <a:pt x="1066" y="444"/>
                  </a:lnTo>
                  <a:lnTo>
                    <a:pt x="1071" y="446"/>
                  </a:lnTo>
                  <a:lnTo>
                    <a:pt x="1074" y="446"/>
                  </a:lnTo>
                  <a:lnTo>
                    <a:pt x="1077" y="446"/>
                  </a:lnTo>
                  <a:lnTo>
                    <a:pt x="1079" y="446"/>
                  </a:lnTo>
                  <a:lnTo>
                    <a:pt x="1084" y="446"/>
                  </a:lnTo>
                  <a:lnTo>
                    <a:pt x="1087" y="444"/>
                  </a:lnTo>
                  <a:lnTo>
                    <a:pt x="1094" y="444"/>
                  </a:lnTo>
                  <a:lnTo>
                    <a:pt x="1102" y="441"/>
                  </a:lnTo>
                  <a:lnTo>
                    <a:pt x="1107" y="439"/>
                  </a:lnTo>
                  <a:lnTo>
                    <a:pt x="1114" y="439"/>
                  </a:lnTo>
                  <a:lnTo>
                    <a:pt x="1119" y="436"/>
                  </a:lnTo>
                  <a:lnTo>
                    <a:pt x="1124" y="434"/>
                  </a:lnTo>
                  <a:lnTo>
                    <a:pt x="1129" y="429"/>
                  </a:lnTo>
                  <a:lnTo>
                    <a:pt x="1132" y="426"/>
                  </a:lnTo>
                  <a:lnTo>
                    <a:pt x="1134" y="429"/>
                  </a:lnTo>
                  <a:lnTo>
                    <a:pt x="1137" y="429"/>
                  </a:lnTo>
                  <a:lnTo>
                    <a:pt x="1142" y="434"/>
                  </a:lnTo>
                  <a:lnTo>
                    <a:pt x="1145" y="434"/>
                  </a:lnTo>
                  <a:lnTo>
                    <a:pt x="1147" y="439"/>
                  </a:lnTo>
                  <a:lnTo>
                    <a:pt x="1152" y="441"/>
                  </a:lnTo>
                  <a:lnTo>
                    <a:pt x="1157" y="444"/>
                  </a:lnTo>
                  <a:lnTo>
                    <a:pt x="1160" y="449"/>
                  </a:lnTo>
                  <a:lnTo>
                    <a:pt x="1167" y="451"/>
                  </a:lnTo>
                  <a:lnTo>
                    <a:pt x="1157" y="471"/>
                  </a:lnTo>
                  <a:lnTo>
                    <a:pt x="1122" y="461"/>
                  </a:lnTo>
                  <a:lnTo>
                    <a:pt x="1069" y="461"/>
                  </a:lnTo>
                  <a:lnTo>
                    <a:pt x="1039" y="441"/>
                  </a:lnTo>
                  <a:lnTo>
                    <a:pt x="991" y="451"/>
                  </a:lnTo>
                  <a:lnTo>
                    <a:pt x="996" y="466"/>
                  </a:lnTo>
                  <a:lnTo>
                    <a:pt x="1001" y="497"/>
                  </a:lnTo>
                  <a:lnTo>
                    <a:pt x="986" y="492"/>
                  </a:lnTo>
                  <a:lnTo>
                    <a:pt x="958" y="461"/>
                  </a:lnTo>
                  <a:lnTo>
                    <a:pt x="903" y="471"/>
                  </a:lnTo>
                  <a:lnTo>
                    <a:pt x="875" y="451"/>
                  </a:lnTo>
                  <a:lnTo>
                    <a:pt x="885" y="431"/>
                  </a:lnTo>
                  <a:lnTo>
                    <a:pt x="850" y="421"/>
                  </a:lnTo>
                  <a:lnTo>
                    <a:pt x="807" y="398"/>
                  </a:lnTo>
                  <a:lnTo>
                    <a:pt x="749" y="383"/>
                  </a:lnTo>
                  <a:lnTo>
                    <a:pt x="713" y="393"/>
                  </a:lnTo>
                  <a:lnTo>
                    <a:pt x="676" y="353"/>
                  </a:lnTo>
                  <a:lnTo>
                    <a:pt x="577" y="398"/>
                  </a:lnTo>
                  <a:lnTo>
                    <a:pt x="550" y="426"/>
                  </a:lnTo>
                  <a:lnTo>
                    <a:pt x="509" y="416"/>
                  </a:lnTo>
                  <a:lnTo>
                    <a:pt x="482" y="388"/>
                  </a:lnTo>
                  <a:lnTo>
                    <a:pt x="451" y="378"/>
                  </a:lnTo>
                  <a:lnTo>
                    <a:pt x="439" y="378"/>
                  </a:lnTo>
                  <a:lnTo>
                    <a:pt x="424" y="363"/>
                  </a:lnTo>
                  <a:lnTo>
                    <a:pt x="376" y="368"/>
                  </a:lnTo>
                  <a:lnTo>
                    <a:pt x="308" y="338"/>
                  </a:lnTo>
                  <a:lnTo>
                    <a:pt x="277" y="343"/>
                  </a:lnTo>
                  <a:lnTo>
                    <a:pt x="252" y="328"/>
                  </a:lnTo>
                  <a:lnTo>
                    <a:pt x="245" y="310"/>
                  </a:lnTo>
                  <a:lnTo>
                    <a:pt x="199" y="295"/>
                  </a:lnTo>
                  <a:lnTo>
                    <a:pt x="171" y="315"/>
                  </a:lnTo>
                  <a:lnTo>
                    <a:pt x="131" y="333"/>
                  </a:lnTo>
                  <a:lnTo>
                    <a:pt x="98" y="353"/>
                  </a:lnTo>
                  <a:lnTo>
                    <a:pt x="78" y="403"/>
                  </a:lnTo>
                  <a:lnTo>
                    <a:pt x="35" y="413"/>
                  </a:lnTo>
                  <a:lnTo>
                    <a:pt x="35" y="446"/>
                  </a:lnTo>
                  <a:lnTo>
                    <a:pt x="68" y="487"/>
                  </a:lnTo>
                  <a:lnTo>
                    <a:pt x="98" y="502"/>
                  </a:lnTo>
                  <a:lnTo>
                    <a:pt x="98" y="522"/>
                  </a:lnTo>
                  <a:lnTo>
                    <a:pt x="78" y="532"/>
                  </a:lnTo>
                  <a:lnTo>
                    <a:pt x="50" y="522"/>
                  </a:lnTo>
                  <a:lnTo>
                    <a:pt x="0" y="560"/>
                  </a:lnTo>
                  <a:lnTo>
                    <a:pt x="15" y="575"/>
                  </a:lnTo>
                  <a:lnTo>
                    <a:pt x="35" y="595"/>
                  </a:lnTo>
                  <a:lnTo>
                    <a:pt x="83" y="595"/>
                  </a:lnTo>
                  <a:lnTo>
                    <a:pt x="118" y="600"/>
                  </a:lnTo>
                  <a:lnTo>
                    <a:pt x="103" y="635"/>
                  </a:lnTo>
                  <a:lnTo>
                    <a:pt x="63" y="653"/>
                  </a:lnTo>
                  <a:lnTo>
                    <a:pt x="30" y="673"/>
                  </a:lnTo>
                  <a:lnTo>
                    <a:pt x="25" y="698"/>
                  </a:lnTo>
                  <a:lnTo>
                    <a:pt x="63" y="724"/>
                  </a:lnTo>
                  <a:lnTo>
                    <a:pt x="68" y="751"/>
                  </a:lnTo>
                  <a:lnTo>
                    <a:pt x="93" y="761"/>
                  </a:lnTo>
                  <a:lnTo>
                    <a:pt x="98" y="797"/>
                  </a:lnTo>
                  <a:lnTo>
                    <a:pt x="136" y="792"/>
                  </a:lnTo>
                  <a:lnTo>
                    <a:pt x="182" y="792"/>
                  </a:lnTo>
                  <a:lnTo>
                    <a:pt x="156" y="840"/>
                  </a:lnTo>
                  <a:lnTo>
                    <a:pt x="78" y="905"/>
                  </a:lnTo>
                  <a:lnTo>
                    <a:pt x="166" y="860"/>
                  </a:lnTo>
                  <a:lnTo>
                    <a:pt x="234" y="787"/>
                  </a:lnTo>
                  <a:lnTo>
                    <a:pt x="229" y="772"/>
                  </a:lnTo>
                  <a:lnTo>
                    <a:pt x="272" y="719"/>
                  </a:lnTo>
                  <a:lnTo>
                    <a:pt x="282" y="741"/>
                  </a:lnTo>
                  <a:lnTo>
                    <a:pt x="287" y="766"/>
                  </a:lnTo>
                  <a:lnTo>
                    <a:pt x="320" y="741"/>
                  </a:lnTo>
                  <a:lnTo>
                    <a:pt x="355" y="719"/>
                  </a:lnTo>
                  <a:lnTo>
                    <a:pt x="371" y="731"/>
                  </a:lnTo>
                  <a:lnTo>
                    <a:pt x="451" y="746"/>
                  </a:lnTo>
                  <a:lnTo>
                    <a:pt x="504" y="772"/>
                  </a:lnTo>
                  <a:lnTo>
                    <a:pt x="545" y="751"/>
                  </a:lnTo>
                  <a:lnTo>
                    <a:pt x="603" y="855"/>
                  </a:lnTo>
                  <a:lnTo>
                    <a:pt x="640" y="880"/>
                  </a:lnTo>
                  <a:lnTo>
                    <a:pt x="635" y="920"/>
                  </a:lnTo>
                  <a:lnTo>
                    <a:pt x="650" y="953"/>
                  </a:lnTo>
                  <a:lnTo>
                    <a:pt x="691" y="1009"/>
                  </a:lnTo>
                  <a:lnTo>
                    <a:pt x="749" y="1046"/>
                  </a:lnTo>
                  <a:lnTo>
                    <a:pt x="754" y="1072"/>
                  </a:lnTo>
                  <a:lnTo>
                    <a:pt x="759" y="1102"/>
                  </a:lnTo>
                  <a:lnTo>
                    <a:pt x="744" y="1112"/>
                  </a:lnTo>
                  <a:lnTo>
                    <a:pt x="749" y="1092"/>
                  </a:lnTo>
                  <a:lnTo>
                    <a:pt x="719" y="1082"/>
                  </a:lnTo>
                  <a:lnTo>
                    <a:pt x="734" y="1137"/>
                  </a:lnTo>
                  <a:lnTo>
                    <a:pt x="729" y="1180"/>
                  </a:lnTo>
                  <a:lnTo>
                    <a:pt x="719" y="1220"/>
                  </a:lnTo>
                  <a:lnTo>
                    <a:pt x="729" y="1253"/>
                  </a:lnTo>
                  <a:lnTo>
                    <a:pt x="729" y="1273"/>
                  </a:lnTo>
                  <a:lnTo>
                    <a:pt x="754" y="1324"/>
                  </a:lnTo>
                  <a:lnTo>
                    <a:pt x="774" y="1359"/>
                  </a:lnTo>
                  <a:lnTo>
                    <a:pt x="792" y="1387"/>
                  </a:lnTo>
                  <a:lnTo>
                    <a:pt x="837" y="1417"/>
                  </a:lnTo>
                  <a:lnTo>
                    <a:pt x="842" y="1427"/>
                  </a:lnTo>
                  <a:lnTo>
                    <a:pt x="845" y="1427"/>
                  </a:lnTo>
                  <a:lnTo>
                    <a:pt x="875" y="1483"/>
                  </a:lnTo>
                  <a:lnTo>
                    <a:pt x="895" y="1515"/>
                  </a:lnTo>
                  <a:lnTo>
                    <a:pt x="890" y="1525"/>
                  </a:lnTo>
                  <a:lnTo>
                    <a:pt x="928" y="1551"/>
                  </a:lnTo>
                  <a:lnTo>
                    <a:pt x="933" y="1576"/>
                  </a:lnTo>
                  <a:lnTo>
                    <a:pt x="948" y="1586"/>
                  </a:lnTo>
                  <a:lnTo>
                    <a:pt x="968" y="1606"/>
                  </a:lnTo>
                  <a:lnTo>
                    <a:pt x="976" y="1591"/>
                  </a:lnTo>
                  <a:lnTo>
                    <a:pt x="953" y="1576"/>
                  </a:lnTo>
                  <a:lnTo>
                    <a:pt x="933" y="1530"/>
                  </a:lnTo>
                  <a:lnTo>
                    <a:pt x="895" y="1477"/>
                  </a:lnTo>
                  <a:lnTo>
                    <a:pt x="885" y="1447"/>
                  </a:lnTo>
                  <a:lnTo>
                    <a:pt x="913" y="1457"/>
                  </a:lnTo>
                  <a:lnTo>
                    <a:pt x="938" y="1510"/>
                  </a:lnTo>
                  <a:lnTo>
                    <a:pt x="948" y="1525"/>
                  </a:lnTo>
                  <a:lnTo>
                    <a:pt x="976" y="1541"/>
                  </a:lnTo>
                  <a:lnTo>
                    <a:pt x="976" y="1556"/>
                  </a:lnTo>
                  <a:lnTo>
                    <a:pt x="996" y="1566"/>
                  </a:lnTo>
                  <a:lnTo>
                    <a:pt x="1006" y="1581"/>
                  </a:lnTo>
                  <a:lnTo>
                    <a:pt x="1031" y="1606"/>
                  </a:lnTo>
                  <a:lnTo>
                    <a:pt x="1036" y="1644"/>
                  </a:lnTo>
                  <a:lnTo>
                    <a:pt x="1036" y="1659"/>
                  </a:lnTo>
                  <a:lnTo>
                    <a:pt x="1104" y="1699"/>
                  </a:lnTo>
                  <a:lnTo>
                    <a:pt x="1137" y="1717"/>
                  </a:lnTo>
                  <a:lnTo>
                    <a:pt x="1195" y="1732"/>
                  </a:lnTo>
                  <a:lnTo>
                    <a:pt x="1210" y="1727"/>
                  </a:lnTo>
                  <a:lnTo>
                    <a:pt x="1225" y="1727"/>
                  </a:lnTo>
                  <a:lnTo>
                    <a:pt x="1250" y="1747"/>
                  </a:lnTo>
                  <a:lnTo>
                    <a:pt x="1256" y="1755"/>
                  </a:lnTo>
                  <a:lnTo>
                    <a:pt x="1288" y="1760"/>
                  </a:lnTo>
                  <a:lnTo>
                    <a:pt x="1303" y="1755"/>
                  </a:lnTo>
                  <a:lnTo>
                    <a:pt x="1303" y="1752"/>
                  </a:lnTo>
                  <a:lnTo>
                    <a:pt x="1331" y="1767"/>
                  </a:lnTo>
                  <a:lnTo>
                    <a:pt x="1361" y="1755"/>
                  </a:lnTo>
                  <a:lnTo>
                    <a:pt x="1329" y="1767"/>
                  </a:lnTo>
                  <a:lnTo>
                    <a:pt x="1356" y="1810"/>
                  </a:lnTo>
                  <a:lnTo>
                    <a:pt x="1366" y="1820"/>
                  </a:lnTo>
                  <a:lnTo>
                    <a:pt x="1414" y="1851"/>
                  </a:lnTo>
                  <a:lnTo>
                    <a:pt x="1419" y="1830"/>
                  </a:lnTo>
                  <a:lnTo>
                    <a:pt x="1404" y="1810"/>
                  </a:lnTo>
                  <a:close/>
                  <a:moveTo>
                    <a:pt x="1268" y="1722"/>
                  </a:moveTo>
                  <a:lnTo>
                    <a:pt x="1268" y="1722"/>
                  </a:lnTo>
                  <a:lnTo>
                    <a:pt x="1281" y="1722"/>
                  </a:lnTo>
                  <a:lnTo>
                    <a:pt x="1283" y="1722"/>
                  </a:lnTo>
                  <a:lnTo>
                    <a:pt x="1268" y="1722"/>
                  </a:lnTo>
                  <a:close/>
                  <a:moveTo>
                    <a:pt x="1593" y="1692"/>
                  </a:moveTo>
                  <a:lnTo>
                    <a:pt x="1614" y="1692"/>
                  </a:lnTo>
                  <a:lnTo>
                    <a:pt x="1629" y="1679"/>
                  </a:lnTo>
                  <a:lnTo>
                    <a:pt x="1671" y="1687"/>
                  </a:lnTo>
                  <a:lnTo>
                    <a:pt x="1651" y="1674"/>
                  </a:lnTo>
                  <a:lnTo>
                    <a:pt x="1619" y="1659"/>
                  </a:lnTo>
                  <a:lnTo>
                    <a:pt x="1578" y="1659"/>
                  </a:lnTo>
                  <a:lnTo>
                    <a:pt x="1578" y="1669"/>
                  </a:lnTo>
                  <a:lnTo>
                    <a:pt x="1556" y="1674"/>
                  </a:lnTo>
                  <a:lnTo>
                    <a:pt x="1583" y="1687"/>
                  </a:lnTo>
                  <a:lnTo>
                    <a:pt x="1593" y="1692"/>
                  </a:lnTo>
                  <a:close/>
                  <a:moveTo>
                    <a:pt x="1520" y="1634"/>
                  </a:moveTo>
                  <a:lnTo>
                    <a:pt x="1520" y="1634"/>
                  </a:lnTo>
                  <a:lnTo>
                    <a:pt x="1513" y="1624"/>
                  </a:lnTo>
                  <a:lnTo>
                    <a:pt x="1510" y="1619"/>
                  </a:lnTo>
                  <a:lnTo>
                    <a:pt x="1472" y="1604"/>
                  </a:lnTo>
                  <a:lnTo>
                    <a:pt x="1414" y="1604"/>
                  </a:lnTo>
                  <a:lnTo>
                    <a:pt x="1382" y="1609"/>
                  </a:lnTo>
                  <a:lnTo>
                    <a:pt x="1371" y="1619"/>
                  </a:lnTo>
                  <a:lnTo>
                    <a:pt x="1397" y="1624"/>
                  </a:lnTo>
                  <a:lnTo>
                    <a:pt x="1419" y="1624"/>
                  </a:lnTo>
                  <a:lnTo>
                    <a:pt x="1450" y="1624"/>
                  </a:lnTo>
                  <a:lnTo>
                    <a:pt x="1482" y="1629"/>
                  </a:lnTo>
                  <a:lnTo>
                    <a:pt x="1492" y="1644"/>
                  </a:lnTo>
                  <a:lnTo>
                    <a:pt x="1503" y="1654"/>
                  </a:lnTo>
                  <a:lnTo>
                    <a:pt x="1545" y="1654"/>
                  </a:lnTo>
                  <a:lnTo>
                    <a:pt x="1553" y="1654"/>
                  </a:lnTo>
                  <a:lnTo>
                    <a:pt x="1556" y="1651"/>
                  </a:lnTo>
                  <a:lnTo>
                    <a:pt x="1556" y="1649"/>
                  </a:lnTo>
                  <a:lnTo>
                    <a:pt x="1545" y="1639"/>
                  </a:lnTo>
                  <a:lnTo>
                    <a:pt x="1538" y="1639"/>
                  </a:lnTo>
                  <a:lnTo>
                    <a:pt x="1528" y="1636"/>
                  </a:lnTo>
                  <a:lnTo>
                    <a:pt x="1520" y="1634"/>
                  </a:lnTo>
                  <a:close/>
                  <a:moveTo>
                    <a:pt x="1704" y="1717"/>
                  </a:moveTo>
                  <a:lnTo>
                    <a:pt x="1729" y="1722"/>
                  </a:lnTo>
                  <a:lnTo>
                    <a:pt x="1729" y="1709"/>
                  </a:lnTo>
                  <a:lnTo>
                    <a:pt x="1707" y="1709"/>
                  </a:lnTo>
                  <a:lnTo>
                    <a:pt x="1704" y="1717"/>
                  </a:lnTo>
                  <a:close/>
                  <a:moveTo>
                    <a:pt x="1452" y="1861"/>
                  </a:moveTo>
                  <a:lnTo>
                    <a:pt x="1452" y="1861"/>
                  </a:lnTo>
                  <a:lnTo>
                    <a:pt x="1467" y="1846"/>
                  </a:lnTo>
                  <a:lnTo>
                    <a:pt x="1487" y="1851"/>
                  </a:lnTo>
                  <a:lnTo>
                    <a:pt x="1492" y="1866"/>
                  </a:lnTo>
                  <a:lnTo>
                    <a:pt x="1508" y="1851"/>
                  </a:lnTo>
                  <a:lnTo>
                    <a:pt x="1487" y="1836"/>
                  </a:lnTo>
                  <a:lnTo>
                    <a:pt x="1462" y="1836"/>
                  </a:lnTo>
                  <a:lnTo>
                    <a:pt x="1445" y="1838"/>
                  </a:lnTo>
                  <a:lnTo>
                    <a:pt x="1432" y="1838"/>
                  </a:lnTo>
                  <a:lnTo>
                    <a:pt x="1424" y="1836"/>
                  </a:lnTo>
                  <a:lnTo>
                    <a:pt x="1419" y="1836"/>
                  </a:lnTo>
                  <a:lnTo>
                    <a:pt x="1419" y="1830"/>
                  </a:lnTo>
                  <a:lnTo>
                    <a:pt x="1414" y="1851"/>
                  </a:lnTo>
                  <a:lnTo>
                    <a:pt x="1435" y="1871"/>
                  </a:lnTo>
                  <a:lnTo>
                    <a:pt x="1445" y="1871"/>
                  </a:lnTo>
                  <a:lnTo>
                    <a:pt x="1452" y="1861"/>
                  </a:lnTo>
                  <a:close/>
                  <a:moveTo>
                    <a:pt x="2201" y="2073"/>
                  </a:moveTo>
                  <a:lnTo>
                    <a:pt x="2201" y="2073"/>
                  </a:lnTo>
                  <a:lnTo>
                    <a:pt x="2168" y="2062"/>
                  </a:lnTo>
                  <a:lnTo>
                    <a:pt x="2123" y="2037"/>
                  </a:lnTo>
                  <a:lnTo>
                    <a:pt x="2070" y="2032"/>
                  </a:lnTo>
                  <a:lnTo>
                    <a:pt x="2055" y="2027"/>
                  </a:lnTo>
                  <a:lnTo>
                    <a:pt x="2042" y="2012"/>
                  </a:lnTo>
                  <a:lnTo>
                    <a:pt x="2002" y="1997"/>
                  </a:lnTo>
                  <a:lnTo>
                    <a:pt x="1964" y="1974"/>
                  </a:lnTo>
                  <a:lnTo>
                    <a:pt x="1959" y="1954"/>
                  </a:lnTo>
                  <a:lnTo>
                    <a:pt x="1944" y="1914"/>
                  </a:lnTo>
                  <a:lnTo>
                    <a:pt x="1939" y="1914"/>
                  </a:lnTo>
                  <a:lnTo>
                    <a:pt x="1903" y="1893"/>
                  </a:lnTo>
                  <a:lnTo>
                    <a:pt x="1891" y="1893"/>
                  </a:lnTo>
                  <a:lnTo>
                    <a:pt x="1891" y="1896"/>
                  </a:lnTo>
                  <a:lnTo>
                    <a:pt x="1891" y="1893"/>
                  </a:lnTo>
                  <a:lnTo>
                    <a:pt x="1848" y="1888"/>
                  </a:lnTo>
                  <a:lnTo>
                    <a:pt x="1848" y="1883"/>
                  </a:lnTo>
                  <a:lnTo>
                    <a:pt x="1848" y="1888"/>
                  </a:lnTo>
                  <a:lnTo>
                    <a:pt x="1848" y="1881"/>
                  </a:lnTo>
                  <a:lnTo>
                    <a:pt x="1828" y="1876"/>
                  </a:lnTo>
                  <a:lnTo>
                    <a:pt x="1823" y="1861"/>
                  </a:lnTo>
                  <a:lnTo>
                    <a:pt x="1803" y="1846"/>
                  </a:lnTo>
                  <a:lnTo>
                    <a:pt x="1798" y="1846"/>
                  </a:lnTo>
                  <a:lnTo>
                    <a:pt x="1782" y="1841"/>
                  </a:lnTo>
                  <a:lnTo>
                    <a:pt x="1777" y="1830"/>
                  </a:lnTo>
                  <a:lnTo>
                    <a:pt x="1745" y="1815"/>
                  </a:lnTo>
                  <a:lnTo>
                    <a:pt x="1694" y="1820"/>
                  </a:lnTo>
                  <a:lnTo>
                    <a:pt x="1666" y="1815"/>
                  </a:lnTo>
                  <a:lnTo>
                    <a:pt x="1661" y="1805"/>
                  </a:lnTo>
                  <a:lnTo>
                    <a:pt x="1636" y="1800"/>
                  </a:lnTo>
                  <a:lnTo>
                    <a:pt x="1608" y="1805"/>
                  </a:lnTo>
                  <a:lnTo>
                    <a:pt x="1606" y="1803"/>
                  </a:lnTo>
                  <a:lnTo>
                    <a:pt x="1606" y="1798"/>
                  </a:lnTo>
                  <a:lnTo>
                    <a:pt x="1603" y="1790"/>
                  </a:lnTo>
                  <a:lnTo>
                    <a:pt x="1591" y="1795"/>
                  </a:lnTo>
                  <a:lnTo>
                    <a:pt x="1603" y="1790"/>
                  </a:lnTo>
                  <a:lnTo>
                    <a:pt x="1603" y="1785"/>
                  </a:lnTo>
                  <a:lnTo>
                    <a:pt x="1566" y="1795"/>
                  </a:lnTo>
                  <a:lnTo>
                    <a:pt x="1545" y="1805"/>
                  </a:lnTo>
                  <a:lnTo>
                    <a:pt x="1535" y="1830"/>
                  </a:lnTo>
                  <a:lnTo>
                    <a:pt x="1525" y="1836"/>
                  </a:lnTo>
                  <a:lnTo>
                    <a:pt x="1508" y="1851"/>
                  </a:lnTo>
                  <a:lnTo>
                    <a:pt x="1492" y="1866"/>
                  </a:lnTo>
                  <a:lnTo>
                    <a:pt x="1498" y="1878"/>
                  </a:lnTo>
                  <a:lnTo>
                    <a:pt x="1503" y="1904"/>
                  </a:lnTo>
                  <a:lnTo>
                    <a:pt x="1503" y="1919"/>
                  </a:lnTo>
                  <a:lnTo>
                    <a:pt x="1508" y="1939"/>
                  </a:lnTo>
                  <a:lnTo>
                    <a:pt x="1487" y="1954"/>
                  </a:lnTo>
                  <a:lnTo>
                    <a:pt x="1477" y="1964"/>
                  </a:lnTo>
                  <a:lnTo>
                    <a:pt x="1472" y="1974"/>
                  </a:lnTo>
                  <a:lnTo>
                    <a:pt x="1450" y="2022"/>
                  </a:lnTo>
                  <a:lnTo>
                    <a:pt x="1462" y="2042"/>
                  </a:lnTo>
                  <a:lnTo>
                    <a:pt x="1450" y="2047"/>
                  </a:lnTo>
                  <a:lnTo>
                    <a:pt x="1452" y="2047"/>
                  </a:lnTo>
                  <a:lnTo>
                    <a:pt x="1435" y="2057"/>
                  </a:lnTo>
                  <a:lnTo>
                    <a:pt x="1452" y="2093"/>
                  </a:lnTo>
                  <a:lnTo>
                    <a:pt x="1482" y="2146"/>
                  </a:lnTo>
                  <a:lnTo>
                    <a:pt x="1515" y="2211"/>
                  </a:lnTo>
                  <a:lnTo>
                    <a:pt x="1515" y="2221"/>
                  </a:lnTo>
                  <a:lnTo>
                    <a:pt x="1626" y="2284"/>
                  </a:lnTo>
                  <a:lnTo>
                    <a:pt x="1631" y="2284"/>
                  </a:lnTo>
                  <a:lnTo>
                    <a:pt x="1631" y="2282"/>
                  </a:lnTo>
                  <a:lnTo>
                    <a:pt x="1634" y="2279"/>
                  </a:lnTo>
                  <a:lnTo>
                    <a:pt x="1649" y="2294"/>
                  </a:lnTo>
                  <a:lnTo>
                    <a:pt x="1649" y="2297"/>
                  </a:lnTo>
                  <a:lnTo>
                    <a:pt x="1644" y="2315"/>
                  </a:lnTo>
                  <a:lnTo>
                    <a:pt x="1666" y="2352"/>
                  </a:lnTo>
                  <a:lnTo>
                    <a:pt x="1671" y="2362"/>
                  </a:lnTo>
                  <a:lnTo>
                    <a:pt x="1677" y="2357"/>
                  </a:lnTo>
                  <a:lnTo>
                    <a:pt x="1677" y="2360"/>
                  </a:lnTo>
                  <a:lnTo>
                    <a:pt x="1671" y="2362"/>
                  </a:lnTo>
                  <a:lnTo>
                    <a:pt x="1677" y="2368"/>
                  </a:lnTo>
                  <a:lnTo>
                    <a:pt x="1671" y="2388"/>
                  </a:lnTo>
                  <a:lnTo>
                    <a:pt x="1656" y="2405"/>
                  </a:lnTo>
                  <a:lnTo>
                    <a:pt x="1656" y="2436"/>
                  </a:lnTo>
                  <a:lnTo>
                    <a:pt x="1646" y="2456"/>
                  </a:lnTo>
                  <a:lnTo>
                    <a:pt x="1629" y="2524"/>
                  </a:lnTo>
                  <a:lnTo>
                    <a:pt x="1634" y="2574"/>
                  </a:lnTo>
                  <a:lnTo>
                    <a:pt x="1603" y="2642"/>
                  </a:lnTo>
                  <a:lnTo>
                    <a:pt x="1598" y="2713"/>
                  </a:lnTo>
                  <a:lnTo>
                    <a:pt x="1598" y="2751"/>
                  </a:lnTo>
                  <a:lnTo>
                    <a:pt x="1593" y="2786"/>
                  </a:lnTo>
                  <a:lnTo>
                    <a:pt x="1603" y="2806"/>
                  </a:lnTo>
                  <a:lnTo>
                    <a:pt x="1588" y="2889"/>
                  </a:lnTo>
                  <a:lnTo>
                    <a:pt x="1571" y="2925"/>
                  </a:lnTo>
                  <a:lnTo>
                    <a:pt x="1578" y="2950"/>
                  </a:lnTo>
                  <a:lnTo>
                    <a:pt x="1593" y="2983"/>
                  </a:lnTo>
                  <a:lnTo>
                    <a:pt x="1677" y="3018"/>
                  </a:lnTo>
                  <a:lnTo>
                    <a:pt x="1656" y="2998"/>
                  </a:lnTo>
                  <a:lnTo>
                    <a:pt x="1654" y="2993"/>
                  </a:lnTo>
                  <a:lnTo>
                    <a:pt x="1679" y="3018"/>
                  </a:lnTo>
                  <a:lnTo>
                    <a:pt x="1651" y="2960"/>
                  </a:lnTo>
                  <a:lnTo>
                    <a:pt x="1671" y="2927"/>
                  </a:lnTo>
                  <a:lnTo>
                    <a:pt x="1694" y="2894"/>
                  </a:lnTo>
                  <a:lnTo>
                    <a:pt x="1702" y="2862"/>
                  </a:lnTo>
                  <a:lnTo>
                    <a:pt x="1689" y="2847"/>
                  </a:lnTo>
                  <a:lnTo>
                    <a:pt x="1687" y="2824"/>
                  </a:lnTo>
                  <a:lnTo>
                    <a:pt x="1722" y="2781"/>
                  </a:lnTo>
                  <a:lnTo>
                    <a:pt x="1740" y="2741"/>
                  </a:lnTo>
                  <a:lnTo>
                    <a:pt x="1727" y="2726"/>
                  </a:lnTo>
                  <a:lnTo>
                    <a:pt x="1752" y="2715"/>
                  </a:lnTo>
                  <a:lnTo>
                    <a:pt x="1780" y="2673"/>
                  </a:lnTo>
                  <a:lnTo>
                    <a:pt x="1828" y="2655"/>
                  </a:lnTo>
                  <a:lnTo>
                    <a:pt x="1848" y="2642"/>
                  </a:lnTo>
                  <a:lnTo>
                    <a:pt x="1856" y="2605"/>
                  </a:lnTo>
                  <a:lnTo>
                    <a:pt x="1840" y="2594"/>
                  </a:lnTo>
                  <a:lnTo>
                    <a:pt x="1840" y="2584"/>
                  </a:lnTo>
                  <a:lnTo>
                    <a:pt x="1850" y="2594"/>
                  </a:lnTo>
                  <a:lnTo>
                    <a:pt x="1876" y="2599"/>
                  </a:lnTo>
                  <a:lnTo>
                    <a:pt x="1901" y="2579"/>
                  </a:lnTo>
                  <a:lnTo>
                    <a:pt x="1906" y="2569"/>
                  </a:lnTo>
                  <a:lnTo>
                    <a:pt x="1903" y="2559"/>
                  </a:lnTo>
                  <a:lnTo>
                    <a:pt x="1906" y="2569"/>
                  </a:lnTo>
                  <a:lnTo>
                    <a:pt x="1914" y="2552"/>
                  </a:lnTo>
                  <a:lnTo>
                    <a:pt x="1934" y="2531"/>
                  </a:lnTo>
                  <a:lnTo>
                    <a:pt x="1959" y="2506"/>
                  </a:lnTo>
                  <a:lnTo>
                    <a:pt x="1982" y="2438"/>
                  </a:lnTo>
                  <a:lnTo>
                    <a:pt x="1997" y="2408"/>
                  </a:lnTo>
                  <a:lnTo>
                    <a:pt x="2055" y="2373"/>
                  </a:lnTo>
                  <a:lnTo>
                    <a:pt x="2090" y="2368"/>
                  </a:lnTo>
                  <a:lnTo>
                    <a:pt x="2100" y="2362"/>
                  </a:lnTo>
                  <a:lnTo>
                    <a:pt x="2110" y="2342"/>
                  </a:lnTo>
                  <a:lnTo>
                    <a:pt x="2118" y="2320"/>
                  </a:lnTo>
                  <a:lnTo>
                    <a:pt x="2133" y="2294"/>
                  </a:lnTo>
                  <a:lnTo>
                    <a:pt x="2138" y="2284"/>
                  </a:lnTo>
                  <a:lnTo>
                    <a:pt x="2143" y="2196"/>
                  </a:lnTo>
                  <a:lnTo>
                    <a:pt x="2158" y="2191"/>
                  </a:lnTo>
                  <a:lnTo>
                    <a:pt x="2211" y="2125"/>
                  </a:lnTo>
                  <a:lnTo>
                    <a:pt x="2211" y="2110"/>
                  </a:lnTo>
                  <a:lnTo>
                    <a:pt x="2201" y="2073"/>
                  </a:lnTo>
                  <a:close/>
                  <a:moveTo>
                    <a:pt x="1440" y="567"/>
                  </a:moveTo>
                  <a:lnTo>
                    <a:pt x="1445" y="570"/>
                  </a:lnTo>
                  <a:lnTo>
                    <a:pt x="1447" y="570"/>
                  </a:lnTo>
                  <a:lnTo>
                    <a:pt x="1450" y="572"/>
                  </a:lnTo>
                  <a:lnTo>
                    <a:pt x="1455" y="575"/>
                  </a:lnTo>
                  <a:lnTo>
                    <a:pt x="1457" y="575"/>
                  </a:lnTo>
                  <a:lnTo>
                    <a:pt x="1462" y="577"/>
                  </a:lnTo>
                  <a:lnTo>
                    <a:pt x="1467" y="577"/>
                  </a:lnTo>
                  <a:lnTo>
                    <a:pt x="1470" y="580"/>
                  </a:lnTo>
                  <a:lnTo>
                    <a:pt x="1472" y="580"/>
                  </a:lnTo>
                  <a:lnTo>
                    <a:pt x="1475" y="577"/>
                  </a:lnTo>
                  <a:lnTo>
                    <a:pt x="1475" y="575"/>
                  </a:lnTo>
                  <a:lnTo>
                    <a:pt x="1477" y="575"/>
                  </a:lnTo>
                  <a:lnTo>
                    <a:pt x="1480" y="570"/>
                  </a:lnTo>
                  <a:lnTo>
                    <a:pt x="1482" y="567"/>
                  </a:lnTo>
                  <a:lnTo>
                    <a:pt x="1480" y="565"/>
                  </a:lnTo>
                  <a:lnTo>
                    <a:pt x="1475" y="565"/>
                  </a:lnTo>
                  <a:lnTo>
                    <a:pt x="1472" y="562"/>
                  </a:lnTo>
                  <a:lnTo>
                    <a:pt x="1457" y="562"/>
                  </a:lnTo>
                  <a:lnTo>
                    <a:pt x="1455" y="560"/>
                  </a:lnTo>
                  <a:lnTo>
                    <a:pt x="1452" y="555"/>
                  </a:lnTo>
                  <a:lnTo>
                    <a:pt x="1450" y="550"/>
                  </a:lnTo>
                  <a:lnTo>
                    <a:pt x="1447" y="545"/>
                  </a:lnTo>
                  <a:lnTo>
                    <a:pt x="1442" y="545"/>
                  </a:lnTo>
                  <a:lnTo>
                    <a:pt x="1435" y="542"/>
                  </a:lnTo>
                  <a:lnTo>
                    <a:pt x="1429" y="540"/>
                  </a:lnTo>
                  <a:lnTo>
                    <a:pt x="1424" y="540"/>
                  </a:lnTo>
                  <a:lnTo>
                    <a:pt x="1419" y="540"/>
                  </a:lnTo>
                  <a:lnTo>
                    <a:pt x="1417" y="540"/>
                  </a:lnTo>
                  <a:lnTo>
                    <a:pt x="1414" y="542"/>
                  </a:lnTo>
                  <a:lnTo>
                    <a:pt x="1412" y="545"/>
                  </a:lnTo>
                  <a:lnTo>
                    <a:pt x="1409" y="545"/>
                  </a:lnTo>
                  <a:lnTo>
                    <a:pt x="1409" y="542"/>
                  </a:lnTo>
                  <a:lnTo>
                    <a:pt x="1407" y="535"/>
                  </a:lnTo>
                  <a:lnTo>
                    <a:pt x="1404" y="529"/>
                  </a:lnTo>
                  <a:lnTo>
                    <a:pt x="1402" y="527"/>
                  </a:lnTo>
                  <a:lnTo>
                    <a:pt x="1399" y="524"/>
                  </a:lnTo>
                  <a:lnTo>
                    <a:pt x="1394" y="524"/>
                  </a:lnTo>
                  <a:lnTo>
                    <a:pt x="1392" y="524"/>
                  </a:lnTo>
                  <a:lnTo>
                    <a:pt x="1392" y="529"/>
                  </a:lnTo>
                  <a:lnTo>
                    <a:pt x="1392" y="535"/>
                  </a:lnTo>
                  <a:lnTo>
                    <a:pt x="1392" y="542"/>
                  </a:lnTo>
                  <a:lnTo>
                    <a:pt x="1392" y="547"/>
                  </a:lnTo>
                  <a:lnTo>
                    <a:pt x="1392" y="550"/>
                  </a:lnTo>
                  <a:lnTo>
                    <a:pt x="1394" y="552"/>
                  </a:lnTo>
                  <a:lnTo>
                    <a:pt x="1394" y="555"/>
                  </a:lnTo>
                  <a:lnTo>
                    <a:pt x="1394" y="560"/>
                  </a:lnTo>
                  <a:lnTo>
                    <a:pt x="1394" y="565"/>
                  </a:lnTo>
                  <a:lnTo>
                    <a:pt x="1394" y="570"/>
                  </a:lnTo>
                  <a:lnTo>
                    <a:pt x="1397" y="575"/>
                  </a:lnTo>
                  <a:lnTo>
                    <a:pt x="1397" y="577"/>
                  </a:lnTo>
                  <a:lnTo>
                    <a:pt x="1394" y="577"/>
                  </a:lnTo>
                  <a:lnTo>
                    <a:pt x="1392" y="580"/>
                  </a:lnTo>
                  <a:lnTo>
                    <a:pt x="1389" y="585"/>
                  </a:lnTo>
                  <a:lnTo>
                    <a:pt x="1387" y="587"/>
                  </a:lnTo>
                  <a:lnTo>
                    <a:pt x="1384" y="590"/>
                  </a:lnTo>
                  <a:lnTo>
                    <a:pt x="1387" y="593"/>
                  </a:lnTo>
                  <a:lnTo>
                    <a:pt x="1392" y="593"/>
                  </a:lnTo>
                  <a:lnTo>
                    <a:pt x="1397" y="590"/>
                  </a:lnTo>
                  <a:lnTo>
                    <a:pt x="1399" y="590"/>
                  </a:lnTo>
                  <a:lnTo>
                    <a:pt x="1402" y="590"/>
                  </a:lnTo>
                  <a:lnTo>
                    <a:pt x="1407" y="590"/>
                  </a:lnTo>
                  <a:lnTo>
                    <a:pt x="1409" y="590"/>
                  </a:lnTo>
                  <a:lnTo>
                    <a:pt x="1412" y="593"/>
                  </a:lnTo>
                  <a:lnTo>
                    <a:pt x="1414" y="598"/>
                  </a:lnTo>
                  <a:lnTo>
                    <a:pt x="1414" y="600"/>
                  </a:lnTo>
                  <a:lnTo>
                    <a:pt x="1417" y="603"/>
                  </a:lnTo>
                  <a:lnTo>
                    <a:pt x="1419" y="603"/>
                  </a:lnTo>
                  <a:lnTo>
                    <a:pt x="1424" y="600"/>
                  </a:lnTo>
                  <a:lnTo>
                    <a:pt x="1424" y="598"/>
                  </a:lnTo>
                  <a:lnTo>
                    <a:pt x="1427" y="595"/>
                  </a:lnTo>
                  <a:lnTo>
                    <a:pt x="1427" y="593"/>
                  </a:lnTo>
                  <a:lnTo>
                    <a:pt x="1429" y="590"/>
                  </a:lnTo>
                  <a:lnTo>
                    <a:pt x="1435" y="587"/>
                  </a:lnTo>
                  <a:lnTo>
                    <a:pt x="1437" y="585"/>
                  </a:lnTo>
                  <a:lnTo>
                    <a:pt x="1437" y="580"/>
                  </a:lnTo>
                  <a:lnTo>
                    <a:pt x="1437" y="575"/>
                  </a:lnTo>
                  <a:lnTo>
                    <a:pt x="1435" y="570"/>
                  </a:lnTo>
                  <a:lnTo>
                    <a:pt x="1437" y="567"/>
                  </a:lnTo>
                  <a:lnTo>
                    <a:pt x="1440" y="567"/>
                  </a:lnTo>
                  <a:close/>
                  <a:moveTo>
                    <a:pt x="966" y="300"/>
                  </a:moveTo>
                  <a:lnTo>
                    <a:pt x="968" y="303"/>
                  </a:lnTo>
                  <a:lnTo>
                    <a:pt x="971" y="310"/>
                  </a:lnTo>
                  <a:lnTo>
                    <a:pt x="973" y="323"/>
                  </a:lnTo>
                  <a:lnTo>
                    <a:pt x="973" y="330"/>
                  </a:lnTo>
                  <a:lnTo>
                    <a:pt x="973" y="335"/>
                  </a:lnTo>
                  <a:lnTo>
                    <a:pt x="978" y="338"/>
                  </a:lnTo>
                  <a:lnTo>
                    <a:pt x="983" y="335"/>
                  </a:lnTo>
                  <a:lnTo>
                    <a:pt x="986" y="333"/>
                  </a:lnTo>
                  <a:lnTo>
                    <a:pt x="988" y="330"/>
                  </a:lnTo>
                  <a:lnTo>
                    <a:pt x="991" y="333"/>
                  </a:lnTo>
                  <a:lnTo>
                    <a:pt x="996" y="335"/>
                  </a:lnTo>
                  <a:lnTo>
                    <a:pt x="998" y="338"/>
                  </a:lnTo>
                  <a:lnTo>
                    <a:pt x="1003" y="335"/>
                  </a:lnTo>
                  <a:lnTo>
                    <a:pt x="1006" y="330"/>
                  </a:lnTo>
                  <a:lnTo>
                    <a:pt x="1011" y="323"/>
                  </a:lnTo>
                  <a:lnTo>
                    <a:pt x="1016" y="320"/>
                  </a:lnTo>
                  <a:lnTo>
                    <a:pt x="1024" y="318"/>
                  </a:lnTo>
                  <a:lnTo>
                    <a:pt x="1026" y="315"/>
                  </a:lnTo>
                  <a:lnTo>
                    <a:pt x="1026" y="310"/>
                  </a:lnTo>
                  <a:lnTo>
                    <a:pt x="1026" y="305"/>
                  </a:lnTo>
                  <a:lnTo>
                    <a:pt x="1029" y="305"/>
                  </a:lnTo>
                  <a:lnTo>
                    <a:pt x="1039" y="303"/>
                  </a:lnTo>
                  <a:lnTo>
                    <a:pt x="1044" y="300"/>
                  </a:lnTo>
                  <a:lnTo>
                    <a:pt x="1049" y="300"/>
                  </a:lnTo>
                  <a:lnTo>
                    <a:pt x="1054" y="298"/>
                  </a:lnTo>
                  <a:lnTo>
                    <a:pt x="1059" y="295"/>
                  </a:lnTo>
                  <a:lnTo>
                    <a:pt x="1064" y="295"/>
                  </a:lnTo>
                  <a:lnTo>
                    <a:pt x="1066" y="292"/>
                  </a:lnTo>
                  <a:lnTo>
                    <a:pt x="1066" y="290"/>
                  </a:lnTo>
                  <a:lnTo>
                    <a:pt x="1069" y="287"/>
                  </a:lnTo>
                  <a:lnTo>
                    <a:pt x="1066" y="285"/>
                  </a:lnTo>
                  <a:lnTo>
                    <a:pt x="1066" y="277"/>
                  </a:lnTo>
                  <a:lnTo>
                    <a:pt x="1064" y="270"/>
                  </a:lnTo>
                  <a:lnTo>
                    <a:pt x="1059" y="265"/>
                  </a:lnTo>
                  <a:lnTo>
                    <a:pt x="1056" y="262"/>
                  </a:lnTo>
                  <a:lnTo>
                    <a:pt x="1054" y="262"/>
                  </a:lnTo>
                  <a:lnTo>
                    <a:pt x="1049" y="262"/>
                  </a:lnTo>
                  <a:lnTo>
                    <a:pt x="1046" y="262"/>
                  </a:lnTo>
                  <a:lnTo>
                    <a:pt x="1044" y="257"/>
                  </a:lnTo>
                  <a:lnTo>
                    <a:pt x="1041" y="255"/>
                  </a:lnTo>
                  <a:lnTo>
                    <a:pt x="1039" y="250"/>
                  </a:lnTo>
                  <a:lnTo>
                    <a:pt x="1031" y="247"/>
                  </a:lnTo>
                  <a:lnTo>
                    <a:pt x="1026" y="247"/>
                  </a:lnTo>
                  <a:lnTo>
                    <a:pt x="1021" y="247"/>
                  </a:lnTo>
                  <a:lnTo>
                    <a:pt x="1019" y="245"/>
                  </a:lnTo>
                  <a:lnTo>
                    <a:pt x="1016" y="242"/>
                  </a:lnTo>
                  <a:lnTo>
                    <a:pt x="1011" y="242"/>
                  </a:lnTo>
                  <a:lnTo>
                    <a:pt x="1008" y="240"/>
                  </a:lnTo>
                  <a:lnTo>
                    <a:pt x="1006" y="242"/>
                  </a:lnTo>
                  <a:lnTo>
                    <a:pt x="1006" y="245"/>
                  </a:lnTo>
                  <a:lnTo>
                    <a:pt x="1006" y="250"/>
                  </a:lnTo>
                  <a:lnTo>
                    <a:pt x="1003" y="255"/>
                  </a:lnTo>
                  <a:lnTo>
                    <a:pt x="1003" y="257"/>
                  </a:lnTo>
                  <a:lnTo>
                    <a:pt x="998" y="260"/>
                  </a:lnTo>
                  <a:lnTo>
                    <a:pt x="993" y="267"/>
                  </a:lnTo>
                  <a:lnTo>
                    <a:pt x="986" y="272"/>
                  </a:lnTo>
                  <a:lnTo>
                    <a:pt x="983" y="277"/>
                  </a:lnTo>
                  <a:lnTo>
                    <a:pt x="978" y="282"/>
                  </a:lnTo>
                  <a:lnTo>
                    <a:pt x="971" y="287"/>
                  </a:lnTo>
                  <a:lnTo>
                    <a:pt x="966" y="295"/>
                  </a:lnTo>
                  <a:lnTo>
                    <a:pt x="963" y="300"/>
                  </a:lnTo>
                  <a:lnTo>
                    <a:pt x="966" y="300"/>
                  </a:lnTo>
                  <a:close/>
                  <a:moveTo>
                    <a:pt x="1498" y="494"/>
                  </a:moveTo>
                  <a:lnTo>
                    <a:pt x="1498" y="494"/>
                  </a:lnTo>
                  <a:lnTo>
                    <a:pt x="1498" y="492"/>
                  </a:lnTo>
                  <a:lnTo>
                    <a:pt x="1498" y="489"/>
                  </a:lnTo>
                  <a:lnTo>
                    <a:pt x="1495" y="489"/>
                  </a:lnTo>
                  <a:lnTo>
                    <a:pt x="1495" y="492"/>
                  </a:lnTo>
                  <a:lnTo>
                    <a:pt x="1498" y="494"/>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defTabSz="912768" eaLnBrk="0" fontAlgn="auto" hangingPunct="0">
                <a:spcBef>
                  <a:spcPts val="600"/>
                </a:spcBef>
                <a:spcAft>
                  <a:spcPts val="600"/>
                </a:spcAft>
                <a:defRPr/>
              </a:pPr>
              <a:endParaRPr lang="en-GB" sz="1500" kern="0" dirty="0">
                <a:solidFill>
                  <a:srgbClr val="FFFFFF"/>
                </a:solidFill>
                <a:latin typeface="Arial" panose="020B0604020202020204" pitchFamily="34" charset="0"/>
                <a:ea typeface="MS PGothic" panose="020B0600070205080204" pitchFamily="34" charset="-128"/>
                <a:cs typeface="Arial" pitchFamily="34" charset="0"/>
              </a:endParaRPr>
            </a:p>
          </p:txBody>
        </p:sp>
        <p:sp>
          <p:nvSpPr>
            <p:cNvPr id="7" name="Freeform 43"/>
            <p:cNvSpPr>
              <a:spLocks/>
            </p:cNvSpPr>
            <p:nvPr/>
          </p:nvSpPr>
          <p:spPr bwMode="auto">
            <a:xfrm>
              <a:off x="3277" y="2412"/>
              <a:ext cx="46" cy="28"/>
            </a:xfrm>
            <a:custGeom>
              <a:avLst/>
              <a:gdLst>
                <a:gd name="T0" fmla="*/ 0 w 46"/>
                <a:gd name="T1" fmla="*/ 15 h 28"/>
                <a:gd name="T2" fmla="*/ 3 w 46"/>
                <a:gd name="T3" fmla="*/ 17 h 28"/>
                <a:gd name="T4" fmla="*/ 12 w 46"/>
                <a:gd name="T5" fmla="*/ 14 h 28"/>
                <a:gd name="T6" fmla="*/ 13 w 46"/>
                <a:gd name="T7" fmla="*/ 8 h 28"/>
                <a:gd name="T8" fmla="*/ 27 w 46"/>
                <a:gd name="T9" fmla="*/ 9 h 28"/>
                <a:gd name="T10" fmla="*/ 46 w 46"/>
                <a:gd name="T11" fmla="*/ 0 h 28"/>
                <a:gd name="T12" fmla="*/ 46 w 46"/>
                <a:gd name="T13" fmla="*/ 1 h 28"/>
                <a:gd name="T14" fmla="*/ 33 w 46"/>
                <a:gd name="T15" fmla="*/ 11 h 28"/>
                <a:gd name="T16" fmla="*/ 36 w 46"/>
                <a:gd name="T17" fmla="*/ 18 h 28"/>
                <a:gd name="T18" fmla="*/ 27 w 46"/>
                <a:gd name="T19" fmla="*/ 21 h 28"/>
                <a:gd name="T20" fmla="*/ 15 w 46"/>
                <a:gd name="T21" fmla="*/ 28 h 28"/>
                <a:gd name="T22" fmla="*/ 13 w 46"/>
                <a:gd name="T23" fmla="*/ 28 h 28"/>
                <a:gd name="T24" fmla="*/ 8 w 46"/>
                <a:gd name="T25" fmla="*/ 26 h 28"/>
                <a:gd name="T26" fmla="*/ 2 w 46"/>
                <a:gd name="T27" fmla="*/ 23 h 28"/>
                <a:gd name="T28" fmla="*/ 0 w 46"/>
                <a:gd name="T29" fmla="*/ 15 h 2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46" h="28">
                  <a:moveTo>
                    <a:pt x="0" y="15"/>
                  </a:moveTo>
                  <a:lnTo>
                    <a:pt x="3" y="17"/>
                  </a:lnTo>
                  <a:lnTo>
                    <a:pt x="12" y="14"/>
                  </a:lnTo>
                  <a:lnTo>
                    <a:pt x="13" y="8"/>
                  </a:lnTo>
                  <a:lnTo>
                    <a:pt x="27" y="9"/>
                  </a:lnTo>
                  <a:lnTo>
                    <a:pt x="46" y="0"/>
                  </a:lnTo>
                  <a:lnTo>
                    <a:pt x="46" y="1"/>
                  </a:lnTo>
                  <a:lnTo>
                    <a:pt x="33" y="11"/>
                  </a:lnTo>
                  <a:lnTo>
                    <a:pt x="36" y="18"/>
                  </a:lnTo>
                  <a:lnTo>
                    <a:pt x="27" y="21"/>
                  </a:lnTo>
                  <a:lnTo>
                    <a:pt x="15" y="28"/>
                  </a:lnTo>
                  <a:lnTo>
                    <a:pt x="13" y="28"/>
                  </a:lnTo>
                  <a:lnTo>
                    <a:pt x="8" y="26"/>
                  </a:lnTo>
                  <a:lnTo>
                    <a:pt x="2" y="23"/>
                  </a:lnTo>
                  <a:lnTo>
                    <a:pt x="0" y="15"/>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defTabSz="912768" eaLnBrk="0" fontAlgn="auto" hangingPunct="0">
                <a:spcBef>
                  <a:spcPts val="600"/>
                </a:spcBef>
                <a:spcAft>
                  <a:spcPts val="600"/>
                </a:spcAft>
                <a:defRPr/>
              </a:pPr>
              <a:endParaRPr lang="en-GB" sz="1500" kern="0" dirty="0">
                <a:solidFill>
                  <a:srgbClr val="FFFFFF"/>
                </a:solidFill>
                <a:latin typeface="Arial" panose="020B0604020202020204" pitchFamily="34" charset="0"/>
                <a:ea typeface="MS PGothic" panose="020B0600070205080204" pitchFamily="34" charset="-128"/>
                <a:cs typeface="Arial" pitchFamily="34" charset="0"/>
              </a:endParaRPr>
            </a:p>
          </p:txBody>
        </p:sp>
      </p:grpSp>
    </p:spTree>
    <p:extLst>
      <p:ext uri="{BB962C8B-B14F-4D97-AF65-F5344CB8AC3E}">
        <p14:creationId xmlns:p14="http://schemas.microsoft.com/office/powerpoint/2010/main" val="138147181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p:cNvGrpSpPr/>
          <p:nvPr/>
        </p:nvGrpSpPr>
        <p:grpSpPr>
          <a:xfrm>
            <a:off x="1182918" y="1580094"/>
            <a:ext cx="9826165" cy="4866212"/>
            <a:chOff x="522164" y="1980431"/>
            <a:chExt cx="9721080" cy="5020335"/>
          </a:xfrm>
          <a:solidFill>
            <a:schemeClr val="bg2"/>
          </a:solidFill>
        </p:grpSpPr>
        <p:sp>
          <p:nvSpPr>
            <p:cNvPr id="5" name="Freeform 4"/>
            <p:cNvSpPr>
              <a:spLocks/>
            </p:cNvSpPr>
            <p:nvPr/>
          </p:nvSpPr>
          <p:spPr bwMode="auto">
            <a:xfrm>
              <a:off x="2834839" y="3808215"/>
              <a:ext cx="55861" cy="27522"/>
            </a:xfrm>
            <a:custGeom>
              <a:avLst/>
              <a:gdLst/>
              <a:ahLst/>
              <a:cxnLst>
                <a:cxn ang="0">
                  <a:pos x="1" y="7"/>
                </a:cxn>
                <a:cxn ang="0">
                  <a:pos x="1" y="6"/>
                </a:cxn>
                <a:cxn ang="0">
                  <a:pos x="4" y="4"/>
                </a:cxn>
                <a:cxn ang="0">
                  <a:pos x="8" y="4"/>
                </a:cxn>
                <a:cxn ang="0">
                  <a:pos x="12" y="2"/>
                </a:cxn>
                <a:cxn ang="0">
                  <a:pos x="14" y="2"/>
                </a:cxn>
                <a:cxn ang="0">
                  <a:pos x="14" y="4"/>
                </a:cxn>
                <a:cxn ang="0">
                  <a:pos x="17" y="2"/>
                </a:cxn>
                <a:cxn ang="0">
                  <a:pos x="17" y="2"/>
                </a:cxn>
                <a:cxn ang="0">
                  <a:pos x="11" y="6"/>
                </a:cxn>
                <a:cxn ang="0">
                  <a:pos x="8" y="7"/>
                </a:cxn>
                <a:cxn ang="0">
                  <a:pos x="4" y="7"/>
                </a:cxn>
                <a:cxn ang="0">
                  <a:pos x="1" y="9"/>
                </a:cxn>
                <a:cxn ang="0">
                  <a:pos x="1" y="7"/>
                </a:cxn>
              </a:cxnLst>
              <a:rect l="0" t="0" r="r" b="b"/>
              <a:pathLst>
                <a:path w="18" h="9">
                  <a:moveTo>
                    <a:pt x="1" y="7"/>
                  </a:moveTo>
                  <a:cubicBezTo>
                    <a:pt x="0" y="7"/>
                    <a:pt x="0" y="7"/>
                    <a:pt x="1" y="6"/>
                  </a:cubicBezTo>
                  <a:cubicBezTo>
                    <a:pt x="4" y="4"/>
                    <a:pt x="3" y="4"/>
                    <a:pt x="4" y="4"/>
                  </a:cubicBezTo>
                  <a:cubicBezTo>
                    <a:pt x="6" y="4"/>
                    <a:pt x="6" y="4"/>
                    <a:pt x="8" y="4"/>
                  </a:cubicBezTo>
                  <a:cubicBezTo>
                    <a:pt x="9" y="2"/>
                    <a:pt x="11" y="4"/>
                    <a:pt x="12" y="2"/>
                  </a:cubicBezTo>
                  <a:cubicBezTo>
                    <a:pt x="15" y="0"/>
                    <a:pt x="17" y="0"/>
                    <a:pt x="14" y="2"/>
                  </a:cubicBezTo>
                  <a:cubicBezTo>
                    <a:pt x="12" y="4"/>
                    <a:pt x="12" y="4"/>
                    <a:pt x="14" y="4"/>
                  </a:cubicBezTo>
                  <a:cubicBezTo>
                    <a:pt x="15" y="2"/>
                    <a:pt x="15" y="4"/>
                    <a:pt x="17" y="2"/>
                  </a:cubicBezTo>
                  <a:cubicBezTo>
                    <a:pt x="18" y="2"/>
                    <a:pt x="18" y="2"/>
                    <a:pt x="17" y="2"/>
                  </a:cubicBezTo>
                  <a:cubicBezTo>
                    <a:pt x="15" y="4"/>
                    <a:pt x="12" y="6"/>
                    <a:pt x="11" y="6"/>
                  </a:cubicBezTo>
                  <a:cubicBezTo>
                    <a:pt x="9" y="6"/>
                    <a:pt x="9" y="7"/>
                    <a:pt x="8" y="7"/>
                  </a:cubicBezTo>
                  <a:cubicBezTo>
                    <a:pt x="6" y="7"/>
                    <a:pt x="4" y="7"/>
                    <a:pt x="4" y="7"/>
                  </a:cubicBezTo>
                  <a:cubicBezTo>
                    <a:pt x="4" y="9"/>
                    <a:pt x="1" y="9"/>
                    <a:pt x="1" y="9"/>
                  </a:cubicBezTo>
                  <a:cubicBezTo>
                    <a:pt x="3" y="7"/>
                    <a:pt x="3" y="7"/>
                    <a:pt x="1" y="7"/>
                  </a:cubicBezTo>
                </a:path>
              </a:pathLst>
            </a:custGeom>
            <a:grpFill/>
            <a:ln w="6350" cmpd="sng">
              <a:solidFill>
                <a:schemeClr val="bg1"/>
              </a:solidFill>
              <a:round/>
              <a:headEnd/>
              <a:tailEnd/>
            </a:ln>
          </p:spPr>
          <p:txBody>
            <a:bodyPr/>
            <a:lstStyle/>
            <a:p>
              <a:endParaRPr lang="en-GB" sz="1633" dirty="0"/>
            </a:p>
          </p:txBody>
        </p:sp>
        <p:sp>
          <p:nvSpPr>
            <p:cNvPr id="6" name="Freeform 7"/>
            <p:cNvSpPr>
              <a:spLocks/>
            </p:cNvSpPr>
            <p:nvPr/>
          </p:nvSpPr>
          <p:spPr bwMode="auto">
            <a:xfrm>
              <a:off x="4904794" y="2819042"/>
              <a:ext cx="279309" cy="147324"/>
            </a:xfrm>
            <a:custGeom>
              <a:avLst/>
              <a:gdLst/>
              <a:ahLst/>
              <a:cxnLst>
                <a:cxn ang="0">
                  <a:pos x="81" y="13"/>
                </a:cxn>
                <a:cxn ang="0">
                  <a:pos x="86" y="16"/>
                </a:cxn>
                <a:cxn ang="0">
                  <a:pos x="89" y="25"/>
                </a:cxn>
                <a:cxn ang="0">
                  <a:pos x="83" y="30"/>
                </a:cxn>
                <a:cxn ang="0">
                  <a:pos x="72" y="34"/>
                </a:cxn>
                <a:cxn ang="0">
                  <a:pos x="60" y="41"/>
                </a:cxn>
                <a:cxn ang="0">
                  <a:pos x="51" y="45"/>
                </a:cxn>
                <a:cxn ang="0">
                  <a:pos x="40" y="44"/>
                </a:cxn>
                <a:cxn ang="0">
                  <a:pos x="26" y="39"/>
                </a:cxn>
                <a:cxn ang="0">
                  <a:pos x="17" y="37"/>
                </a:cxn>
                <a:cxn ang="0">
                  <a:pos x="22" y="36"/>
                </a:cxn>
                <a:cxn ang="0">
                  <a:pos x="20" y="30"/>
                </a:cxn>
                <a:cxn ang="0">
                  <a:pos x="17" y="27"/>
                </a:cxn>
                <a:cxn ang="0">
                  <a:pos x="7" y="25"/>
                </a:cxn>
                <a:cxn ang="0">
                  <a:pos x="14" y="24"/>
                </a:cxn>
                <a:cxn ang="0">
                  <a:pos x="22" y="24"/>
                </a:cxn>
                <a:cxn ang="0">
                  <a:pos x="19" y="20"/>
                </a:cxn>
                <a:cxn ang="0">
                  <a:pos x="20" y="17"/>
                </a:cxn>
                <a:cxn ang="0">
                  <a:pos x="10" y="17"/>
                </a:cxn>
                <a:cxn ang="0">
                  <a:pos x="2" y="16"/>
                </a:cxn>
                <a:cxn ang="0">
                  <a:pos x="5" y="14"/>
                </a:cxn>
                <a:cxn ang="0">
                  <a:pos x="8" y="11"/>
                </a:cxn>
                <a:cxn ang="0">
                  <a:pos x="13" y="8"/>
                </a:cxn>
                <a:cxn ang="0">
                  <a:pos x="20" y="10"/>
                </a:cxn>
                <a:cxn ang="0">
                  <a:pos x="13" y="6"/>
                </a:cxn>
                <a:cxn ang="0">
                  <a:pos x="19" y="3"/>
                </a:cxn>
                <a:cxn ang="0">
                  <a:pos x="26" y="8"/>
                </a:cxn>
                <a:cxn ang="0">
                  <a:pos x="28" y="16"/>
                </a:cxn>
                <a:cxn ang="0">
                  <a:pos x="34" y="14"/>
                </a:cxn>
                <a:cxn ang="0">
                  <a:pos x="36" y="11"/>
                </a:cxn>
                <a:cxn ang="0">
                  <a:pos x="39" y="10"/>
                </a:cxn>
                <a:cxn ang="0">
                  <a:pos x="43" y="11"/>
                </a:cxn>
                <a:cxn ang="0">
                  <a:pos x="49" y="8"/>
                </a:cxn>
                <a:cxn ang="0">
                  <a:pos x="52" y="10"/>
                </a:cxn>
                <a:cxn ang="0">
                  <a:pos x="57" y="10"/>
                </a:cxn>
                <a:cxn ang="0">
                  <a:pos x="63" y="6"/>
                </a:cxn>
                <a:cxn ang="0">
                  <a:pos x="66" y="5"/>
                </a:cxn>
                <a:cxn ang="0">
                  <a:pos x="72" y="3"/>
                </a:cxn>
                <a:cxn ang="0">
                  <a:pos x="78" y="5"/>
                </a:cxn>
                <a:cxn ang="0">
                  <a:pos x="80" y="6"/>
                </a:cxn>
                <a:cxn ang="0">
                  <a:pos x="81" y="11"/>
                </a:cxn>
                <a:cxn ang="0">
                  <a:pos x="81" y="13"/>
                </a:cxn>
              </a:cxnLst>
              <a:rect l="0" t="0" r="r" b="b"/>
              <a:pathLst>
                <a:path w="90" h="47">
                  <a:moveTo>
                    <a:pt x="81" y="13"/>
                  </a:moveTo>
                  <a:cubicBezTo>
                    <a:pt x="84" y="13"/>
                    <a:pt x="83" y="14"/>
                    <a:pt x="86" y="16"/>
                  </a:cubicBezTo>
                  <a:cubicBezTo>
                    <a:pt x="90" y="16"/>
                    <a:pt x="90" y="22"/>
                    <a:pt x="89" y="25"/>
                  </a:cubicBezTo>
                  <a:cubicBezTo>
                    <a:pt x="86" y="28"/>
                    <a:pt x="86" y="25"/>
                    <a:pt x="83" y="30"/>
                  </a:cubicBezTo>
                  <a:cubicBezTo>
                    <a:pt x="80" y="34"/>
                    <a:pt x="77" y="31"/>
                    <a:pt x="72" y="34"/>
                  </a:cubicBezTo>
                  <a:cubicBezTo>
                    <a:pt x="66" y="37"/>
                    <a:pt x="64" y="41"/>
                    <a:pt x="60" y="41"/>
                  </a:cubicBezTo>
                  <a:cubicBezTo>
                    <a:pt x="54" y="41"/>
                    <a:pt x="57" y="44"/>
                    <a:pt x="51" y="45"/>
                  </a:cubicBezTo>
                  <a:cubicBezTo>
                    <a:pt x="45" y="47"/>
                    <a:pt x="46" y="44"/>
                    <a:pt x="40" y="44"/>
                  </a:cubicBezTo>
                  <a:cubicBezTo>
                    <a:pt x="34" y="44"/>
                    <a:pt x="34" y="39"/>
                    <a:pt x="26" y="39"/>
                  </a:cubicBezTo>
                  <a:cubicBezTo>
                    <a:pt x="19" y="39"/>
                    <a:pt x="17" y="41"/>
                    <a:pt x="17" y="37"/>
                  </a:cubicBezTo>
                  <a:cubicBezTo>
                    <a:pt x="16" y="34"/>
                    <a:pt x="20" y="39"/>
                    <a:pt x="22" y="36"/>
                  </a:cubicBezTo>
                  <a:cubicBezTo>
                    <a:pt x="23" y="34"/>
                    <a:pt x="23" y="31"/>
                    <a:pt x="20" y="30"/>
                  </a:cubicBezTo>
                  <a:cubicBezTo>
                    <a:pt x="19" y="30"/>
                    <a:pt x="22" y="27"/>
                    <a:pt x="17" y="27"/>
                  </a:cubicBezTo>
                  <a:cubicBezTo>
                    <a:pt x="10" y="25"/>
                    <a:pt x="7" y="28"/>
                    <a:pt x="7" y="25"/>
                  </a:cubicBezTo>
                  <a:cubicBezTo>
                    <a:pt x="7" y="24"/>
                    <a:pt x="11" y="25"/>
                    <a:pt x="14" y="24"/>
                  </a:cubicBezTo>
                  <a:cubicBezTo>
                    <a:pt x="16" y="22"/>
                    <a:pt x="17" y="25"/>
                    <a:pt x="22" y="24"/>
                  </a:cubicBezTo>
                  <a:cubicBezTo>
                    <a:pt x="26" y="20"/>
                    <a:pt x="19" y="24"/>
                    <a:pt x="19" y="20"/>
                  </a:cubicBezTo>
                  <a:cubicBezTo>
                    <a:pt x="19" y="19"/>
                    <a:pt x="26" y="17"/>
                    <a:pt x="20" y="17"/>
                  </a:cubicBezTo>
                  <a:cubicBezTo>
                    <a:pt x="14" y="16"/>
                    <a:pt x="14" y="16"/>
                    <a:pt x="10" y="17"/>
                  </a:cubicBezTo>
                  <a:cubicBezTo>
                    <a:pt x="5" y="19"/>
                    <a:pt x="0" y="16"/>
                    <a:pt x="2" y="16"/>
                  </a:cubicBezTo>
                  <a:cubicBezTo>
                    <a:pt x="4" y="14"/>
                    <a:pt x="7" y="16"/>
                    <a:pt x="5" y="14"/>
                  </a:cubicBezTo>
                  <a:cubicBezTo>
                    <a:pt x="5" y="11"/>
                    <a:pt x="8" y="14"/>
                    <a:pt x="8" y="11"/>
                  </a:cubicBezTo>
                  <a:cubicBezTo>
                    <a:pt x="8" y="8"/>
                    <a:pt x="10" y="5"/>
                    <a:pt x="13" y="8"/>
                  </a:cubicBezTo>
                  <a:cubicBezTo>
                    <a:pt x="16" y="10"/>
                    <a:pt x="22" y="13"/>
                    <a:pt x="20" y="10"/>
                  </a:cubicBezTo>
                  <a:cubicBezTo>
                    <a:pt x="19" y="8"/>
                    <a:pt x="14" y="8"/>
                    <a:pt x="13" y="6"/>
                  </a:cubicBezTo>
                  <a:cubicBezTo>
                    <a:pt x="11" y="5"/>
                    <a:pt x="14" y="2"/>
                    <a:pt x="19" y="3"/>
                  </a:cubicBezTo>
                  <a:cubicBezTo>
                    <a:pt x="23" y="5"/>
                    <a:pt x="20" y="5"/>
                    <a:pt x="26" y="8"/>
                  </a:cubicBezTo>
                  <a:cubicBezTo>
                    <a:pt x="31" y="11"/>
                    <a:pt x="26" y="11"/>
                    <a:pt x="28" y="16"/>
                  </a:cubicBezTo>
                  <a:cubicBezTo>
                    <a:pt x="31" y="22"/>
                    <a:pt x="31" y="11"/>
                    <a:pt x="34" y="14"/>
                  </a:cubicBezTo>
                  <a:cubicBezTo>
                    <a:pt x="36" y="17"/>
                    <a:pt x="37" y="14"/>
                    <a:pt x="36" y="11"/>
                  </a:cubicBezTo>
                  <a:cubicBezTo>
                    <a:pt x="34" y="10"/>
                    <a:pt x="37" y="5"/>
                    <a:pt x="39" y="10"/>
                  </a:cubicBezTo>
                  <a:cubicBezTo>
                    <a:pt x="42" y="14"/>
                    <a:pt x="43" y="14"/>
                    <a:pt x="43" y="11"/>
                  </a:cubicBezTo>
                  <a:cubicBezTo>
                    <a:pt x="43" y="8"/>
                    <a:pt x="49" y="5"/>
                    <a:pt x="49" y="8"/>
                  </a:cubicBezTo>
                  <a:cubicBezTo>
                    <a:pt x="51" y="11"/>
                    <a:pt x="52" y="13"/>
                    <a:pt x="52" y="10"/>
                  </a:cubicBezTo>
                  <a:cubicBezTo>
                    <a:pt x="52" y="6"/>
                    <a:pt x="54" y="5"/>
                    <a:pt x="57" y="10"/>
                  </a:cubicBezTo>
                  <a:cubicBezTo>
                    <a:pt x="60" y="13"/>
                    <a:pt x="60" y="5"/>
                    <a:pt x="63" y="6"/>
                  </a:cubicBezTo>
                  <a:cubicBezTo>
                    <a:pt x="66" y="8"/>
                    <a:pt x="68" y="6"/>
                    <a:pt x="66" y="5"/>
                  </a:cubicBezTo>
                  <a:cubicBezTo>
                    <a:pt x="64" y="2"/>
                    <a:pt x="71" y="0"/>
                    <a:pt x="72" y="3"/>
                  </a:cubicBezTo>
                  <a:cubicBezTo>
                    <a:pt x="75" y="10"/>
                    <a:pt x="75" y="5"/>
                    <a:pt x="78" y="5"/>
                  </a:cubicBezTo>
                  <a:cubicBezTo>
                    <a:pt x="81" y="3"/>
                    <a:pt x="83" y="3"/>
                    <a:pt x="80" y="6"/>
                  </a:cubicBezTo>
                  <a:cubicBezTo>
                    <a:pt x="75" y="10"/>
                    <a:pt x="84" y="6"/>
                    <a:pt x="81" y="11"/>
                  </a:cubicBezTo>
                  <a:cubicBezTo>
                    <a:pt x="80" y="11"/>
                    <a:pt x="80" y="13"/>
                    <a:pt x="81" y="13"/>
                  </a:cubicBezTo>
                </a:path>
              </a:pathLst>
            </a:custGeom>
            <a:solidFill>
              <a:schemeClr val="tx2"/>
            </a:solidFill>
            <a:ln w="6350" cmpd="sng">
              <a:solidFill>
                <a:schemeClr val="bg1"/>
              </a:solidFill>
              <a:round/>
              <a:headEnd/>
              <a:tailEnd/>
            </a:ln>
          </p:spPr>
          <p:txBody>
            <a:bodyPr/>
            <a:lstStyle/>
            <a:p>
              <a:endParaRPr lang="en-GB" sz="1633" dirty="0"/>
            </a:p>
          </p:txBody>
        </p:sp>
        <p:sp>
          <p:nvSpPr>
            <p:cNvPr id="7" name="Freeform 12"/>
            <p:cNvSpPr>
              <a:spLocks/>
            </p:cNvSpPr>
            <p:nvPr/>
          </p:nvSpPr>
          <p:spPr bwMode="auto">
            <a:xfrm>
              <a:off x="2858779" y="1980431"/>
              <a:ext cx="1514651" cy="1126782"/>
            </a:xfrm>
            <a:custGeom>
              <a:avLst/>
              <a:gdLst/>
              <a:ahLst/>
              <a:cxnLst>
                <a:cxn ang="0">
                  <a:pos x="394" y="224"/>
                </a:cxn>
                <a:cxn ang="0">
                  <a:pos x="343" y="245"/>
                </a:cxn>
                <a:cxn ang="0">
                  <a:pos x="315" y="259"/>
                </a:cxn>
                <a:cxn ang="0">
                  <a:pos x="291" y="276"/>
                </a:cxn>
                <a:cxn ang="0">
                  <a:pos x="280" y="283"/>
                </a:cxn>
                <a:cxn ang="0">
                  <a:pos x="279" y="272"/>
                </a:cxn>
                <a:cxn ang="0">
                  <a:pos x="273" y="283"/>
                </a:cxn>
                <a:cxn ang="0">
                  <a:pos x="260" y="290"/>
                </a:cxn>
                <a:cxn ang="0">
                  <a:pos x="256" y="303"/>
                </a:cxn>
                <a:cxn ang="0">
                  <a:pos x="244" y="321"/>
                </a:cxn>
                <a:cxn ang="0">
                  <a:pos x="241" y="346"/>
                </a:cxn>
                <a:cxn ang="0">
                  <a:pos x="227" y="356"/>
                </a:cxn>
                <a:cxn ang="0">
                  <a:pos x="215" y="342"/>
                </a:cxn>
                <a:cxn ang="0">
                  <a:pos x="198" y="343"/>
                </a:cxn>
                <a:cxn ang="0">
                  <a:pos x="187" y="331"/>
                </a:cxn>
                <a:cxn ang="0">
                  <a:pos x="175" y="314"/>
                </a:cxn>
                <a:cxn ang="0">
                  <a:pos x="178" y="298"/>
                </a:cxn>
                <a:cxn ang="0">
                  <a:pos x="172" y="297"/>
                </a:cxn>
                <a:cxn ang="0">
                  <a:pos x="160" y="281"/>
                </a:cxn>
                <a:cxn ang="0">
                  <a:pos x="155" y="252"/>
                </a:cxn>
                <a:cxn ang="0">
                  <a:pos x="174" y="241"/>
                </a:cxn>
                <a:cxn ang="0">
                  <a:pos x="169" y="220"/>
                </a:cxn>
                <a:cxn ang="0">
                  <a:pos x="175" y="213"/>
                </a:cxn>
                <a:cxn ang="0">
                  <a:pos x="152" y="197"/>
                </a:cxn>
                <a:cxn ang="0">
                  <a:pos x="142" y="183"/>
                </a:cxn>
                <a:cxn ang="0">
                  <a:pos x="129" y="158"/>
                </a:cxn>
                <a:cxn ang="0">
                  <a:pos x="97" y="127"/>
                </a:cxn>
                <a:cxn ang="0">
                  <a:pos x="56" y="126"/>
                </a:cxn>
                <a:cxn ang="0">
                  <a:pos x="17" y="115"/>
                </a:cxn>
                <a:cxn ang="0">
                  <a:pos x="21" y="102"/>
                </a:cxn>
                <a:cxn ang="0">
                  <a:pos x="39" y="79"/>
                </a:cxn>
                <a:cxn ang="0">
                  <a:pos x="62" y="49"/>
                </a:cxn>
                <a:cxn ang="0">
                  <a:pos x="154" y="26"/>
                </a:cxn>
                <a:cxn ang="0">
                  <a:pos x="183" y="21"/>
                </a:cxn>
                <a:cxn ang="0">
                  <a:pos x="221" y="17"/>
                </a:cxn>
                <a:cxn ang="0">
                  <a:pos x="209" y="14"/>
                </a:cxn>
                <a:cxn ang="0">
                  <a:pos x="279" y="10"/>
                </a:cxn>
                <a:cxn ang="0">
                  <a:pos x="343" y="3"/>
                </a:cxn>
                <a:cxn ang="0">
                  <a:pos x="355" y="10"/>
                </a:cxn>
                <a:cxn ang="0">
                  <a:pos x="393" y="26"/>
                </a:cxn>
                <a:cxn ang="0">
                  <a:pos x="375" y="35"/>
                </a:cxn>
                <a:cxn ang="0">
                  <a:pos x="407" y="43"/>
                </a:cxn>
                <a:cxn ang="0">
                  <a:pos x="483" y="38"/>
                </a:cxn>
                <a:cxn ang="0">
                  <a:pos x="426" y="54"/>
                </a:cxn>
                <a:cxn ang="0">
                  <a:pos x="420" y="65"/>
                </a:cxn>
                <a:cxn ang="0">
                  <a:pos x="422" y="82"/>
                </a:cxn>
                <a:cxn ang="0">
                  <a:pos x="425" y="102"/>
                </a:cxn>
                <a:cxn ang="0">
                  <a:pos x="413" y="116"/>
                </a:cxn>
                <a:cxn ang="0">
                  <a:pos x="425" y="132"/>
                </a:cxn>
                <a:cxn ang="0">
                  <a:pos x="426" y="155"/>
                </a:cxn>
                <a:cxn ang="0">
                  <a:pos x="408" y="169"/>
                </a:cxn>
                <a:cxn ang="0">
                  <a:pos x="391" y="188"/>
                </a:cxn>
                <a:cxn ang="0">
                  <a:pos x="408" y="199"/>
                </a:cxn>
                <a:cxn ang="0">
                  <a:pos x="382" y="199"/>
                </a:cxn>
                <a:cxn ang="0">
                  <a:pos x="362" y="205"/>
                </a:cxn>
                <a:cxn ang="0">
                  <a:pos x="362" y="216"/>
                </a:cxn>
              </a:cxnLst>
              <a:rect l="0" t="0" r="r" b="b"/>
              <a:pathLst>
                <a:path w="489" h="359">
                  <a:moveTo>
                    <a:pt x="375" y="216"/>
                  </a:moveTo>
                  <a:cubicBezTo>
                    <a:pt x="382" y="210"/>
                    <a:pt x="387" y="219"/>
                    <a:pt x="396" y="219"/>
                  </a:cubicBezTo>
                  <a:cubicBezTo>
                    <a:pt x="405" y="217"/>
                    <a:pt x="408" y="217"/>
                    <a:pt x="402" y="220"/>
                  </a:cubicBezTo>
                  <a:cubicBezTo>
                    <a:pt x="396" y="222"/>
                    <a:pt x="401" y="224"/>
                    <a:pt x="394" y="224"/>
                  </a:cubicBezTo>
                  <a:cubicBezTo>
                    <a:pt x="390" y="224"/>
                    <a:pt x="396" y="227"/>
                    <a:pt x="390" y="228"/>
                  </a:cubicBezTo>
                  <a:cubicBezTo>
                    <a:pt x="384" y="228"/>
                    <a:pt x="381" y="231"/>
                    <a:pt x="378" y="236"/>
                  </a:cubicBezTo>
                  <a:cubicBezTo>
                    <a:pt x="375" y="239"/>
                    <a:pt x="362" y="239"/>
                    <a:pt x="353" y="242"/>
                  </a:cubicBezTo>
                  <a:cubicBezTo>
                    <a:pt x="344" y="247"/>
                    <a:pt x="344" y="241"/>
                    <a:pt x="343" y="245"/>
                  </a:cubicBezTo>
                  <a:cubicBezTo>
                    <a:pt x="341" y="248"/>
                    <a:pt x="335" y="248"/>
                    <a:pt x="332" y="247"/>
                  </a:cubicBezTo>
                  <a:cubicBezTo>
                    <a:pt x="327" y="245"/>
                    <a:pt x="318" y="238"/>
                    <a:pt x="324" y="244"/>
                  </a:cubicBezTo>
                  <a:cubicBezTo>
                    <a:pt x="329" y="248"/>
                    <a:pt x="327" y="250"/>
                    <a:pt x="324" y="250"/>
                  </a:cubicBezTo>
                  <a:cubicBezTo>
                    <a:pt x="321" y="250"/>
                    <a:pt x="317" y="253"/>
                    <a:pt x="315" y="259"/>
                  </a:cubicBezTo>
                  <a:cubicBezTo>
                    <a:pt x="315" y="264"/>
                    <a:pt x="305" y="273"/>
                    <a:pt x="300" y="273"/>
                  </a:cubicBezTo>
                  <a:cubicBezTo>
                    <a:pt x="300" y="273"/>
                    <a:pt x="300" y="272"/>
                    <a:pt x="298" y="272"/>
                  </a:cubicBezTo>
                  <a:cubicBezTo>
                    <a:pt x="297" y="272"/>
                    <a:pt x="298" y="275"/>
                    <a:pt x="297" y="275"/>
                  </a:cubicBezTo>
                  <a:cubicBezTo>
                    <a:pt x="295" y="275"/>
                    <a:pt x="292" y="278"/>
                    <a:pt x="291" y="276"/>
                  </a:cubicBezTo>
                  <a:cubicBezTo>
                    <a:pt x="288" y="278"/>
                    <a:pt x="288" y="278"/>
                    <a:pt x="288" y="278"/>
                  </a:cubicBezTo>
                  <a:cubicBezTo>
                    <a:pt x="289" y="280"/>
                    <a:pt x="289" y="281"/>
                    <a:pt x="288" y="280"/>
                  </a:cubicBezTo>
                  <a:cubicBezTo>
                    <a:pt x="286" y="278"/>
                    <a:pt x="286" y="280"/>
                    <a:pt x="285" y="281"/>
                  </a:cubicBezTo>
                  <a:cubicBezTo>
                    <a:pt x="283" y="283"/>
                    <a:pt x="282" y="283"/>
                    <a:pt x="280" y="283"/>
                  </a:cubicBezTo>
                  <a:cubicBezTo>
                    <a:pt x="279" y="281"/>
                    <a:pt x="280" y="278"/>
                    <a:pt x="280" y="276"/>
                  </a:cubicBezTo>
                  <a:cubicBezTo>
                    <a:pt x="280" y="275"/>
                    <a:pt x="283" y="275"/>
                    <a:pt x="283" y="273"/>
                  </a:cubicBezTo>
                  <a:cubicBezTo>
                    <a:pt x="283" y="272"/>
                    <a:pt x="286" y="272"/>
                    <a:pt x="283" y="272"/>
                  </a:cubicBezTo>
                  <a:cubicBezTo>
                    <a:pt x="280" y="272"/>
                    <a:pt x="280" y="270"/>
                    <a:pt x="279" y="272"/>
                  </a:cubicBezTo>
                  <a:cubicBezTo>
                    <a:pt x="279" y="272"/>
                    <a:pt x="283" y="273"/>
                    <a:pt x="280" y="275"/>
                  </a:cubicBezTo>
                  <a:cubicBezTo>
                    <a:pt x="277" y="276"/>
                    <a:pt x="280" y="276"/>
                    <a:pt x="279" y="278"/>
                  </a:cubicBezTo>
                  <a:cubicBezTo>
                    <a:pt x="276" y="280"/>
                    <a:pt x="279" y="280"/>
                    <a:pt x="277" y="281"/>
                  </a:cubicBezTo>
                  <a:cubicBezTo>
                    <a:pt x="277" y="283"/>
                    <a:pt x="276" y="281"/>
                    <a:pt x="273" y="283"/>
                  </a:cubicBezTo>
                  <a:cubicBezTo>
                    <a:pt x="270" y="283"/>
                    <a:pt x="268" y="281"/>
                    <a:pt x="266" y="283"/>
                  </a:cubicBezTo>
                  <a:cubicBezTo>
                    <a:pt x="263" y="284"/>
                    <a:pt x="262" y="283"/>
                    <a:pt x="265" y="284"/>
                  </a:cubicBezTo>
                  <a:cubicBezTo>
                    <a:pt x="268" y="286"/>
                    <a:pt x="268" y="287"/>
                    <a:pt x="266" y="286"/>
                  </a:cubicBezTo>
                  <a:cubicBezTo>
                    <a:pt x="263" y="286"/>
                    <a:pt x="263" y="292"/>
                    <a:pt x="260" y="290"/>
                  </a:cubicBezTo>
                  <a:cubicBezTo>
                    <a:pt x="257" y="289"/>
                    <a:pt x="251" y="289"/>
                    <a:pt x="256" y="293"/>
                  </a:cubicBezTo>
                  <a:cubicBezTo>
                    <a:pt x="260" y="298"/>
                    <a:pt x="260" y="300"/>
                    <a:pt x="259" y="300"/>
                  </a:cubicBezTo>
                  <a:cubicBezTo>
                    <a:pt x="256" y="298"/>
                    <a:pt x="256" y="301"/>
                    <a:pt x="253" y="300"/>
                  </a:cubicBezTo>
                  <a:cubicBezTo>
                    <a:pt x="250" y="298"/>
                    <a:pt x="251" y="303"/>
                    <a:pt x="256" y="303"/>
                  </a:cubicBezTo>
                  <a:cubicBezTo>
                    <a:pt x="260" y="303"/>
                    <a:pt x="257" y="303"/>
                    <a:pt x="259" y="306"/>
                  </a:cubicBezTo>
                  <a:cubicBezTo>
                    <a:pt x="259" y="311"/>
                    <a:pt x="254" y="311"/>
                    <a:pt x="254" y="314"/>
                  </a:cubicBezTo>
                  <a:cubicBezTo>
                    <a:pt x="254" y="318"/>
                    <a:pt x="251" y="311"/>
                    <a:pt x="251" y="315"/>
                  </a:cubicBezTo>
                  <a:cubicBezTo>
                    <a:pt x="250" y="321"/>
                    <a:pt x="244" y="318"/>
                    <a:pt x="244" y="321"/>
                  </a:cubicBezTo>
                  <a:cubicBezTo>
                    <a:pt x="242" y="323"/>
                    <a:pt x="245" y="321"/>
                    <a:pt x="245" y="325"/>
                  </a:cubicBezTo>
                  <a:cubicBezTo>
                    <a:pt x="247" y="328"/>
                    <a:pt x="239" y="321"/>
                    <a:pt x="242" y="326"/>
                  </a:cubicBezTo>
                  <a:cubicBezTo>
                    <a:pt x="244" y="329"/>
                    <a:pt x="245" y="325"/>
                    <a:pt x="245" y="329"/>
                  </a:cubicBezTo>
                  <a:cubicBezTo>
                    <a:pt x="247" y="334"/>
                    <a:pt x="239" y="343"/>
                    <a:pt x="241" y="346"/>
                  </a:cubicBezTo>
                  <a:cubicBezTo>
                    <a:pt x="242" y="350"/>
                    <a:pt x="237" y="350"/>
                    <a:pt x="236" y="351"/>
                  </a:cubicBezTo>
                  <a:cubicBezTo>
                    <a:pt x="234" y="354"/>
                    <a:pt x="239" y="350"/>
                    <a:pt x="239" y="354"/>
                  </a:cubicBezTo>
                  <a:cubicBezTo>
                    <a:pt x="239" y="359"/>
                    <a:pt x="236" y="359"/>
                    <a:pt x="233" y="357"/>
                  </a:cubicBezTo>
                  <a:cubicBezTo>
                    <a:pt x="230" y="354"/>
                    <a:pt x="230" y="353"/>
                    <a:pt x="227" y="356"/>
                  </a:cubicBezTo>
                  <a:cubicBezTo>
                    <a:pt x="225" y="357"/>
                    <a:pt x="221" y="357"/>
                    <a:pt x="222" y="353"/>
                  </a:cubicBezTo>
                  <a:cubicBezTo>
                    <a:pt x="227" y="348"/>
                    <a:pt x="221" y="353"/>
                    <a:pt x="218" y="351"/>
                  </a:cubicBezTo>
                  <a:cubicBezTo>
                    <a:pt x="213" y="348"/>
                    <a:pt x="213" y="348"/>
                    <a:pt x="216" y="345"/>
                  </a:cubicBezTo>
                  <a:cubicBezTo>
                    <a:pt x="219" y="342"/>
                    <a:pt x="215" y="339"/>
                    <a:pt x="215" y="342"/>
                  </a:cubicBezTo>
                  <a:cubicBezTo>
                    <a:pt x="216" y="343"/>
                    <a:pt x="212" y="343"/>
                    <a:pt x="210" y="346"/>
                  </a:cubicBezTo>
                  <a:cubicBezTo>
                    <a:pt x="207" y="348"/>
                    <a:pt x="209" y="343"/>
                    <a:pt x="204" y="346"/>
                  </a:cubicBezTo>
                  <a:cubicBezTo>
                    <a:pt x="199" y="350"/>
                    <a:pt x="198" y="348"/>
                    <a:pt x="198" y="345"/>
                  </a:cubicBezTo>
                  <a:cubicBezTo>
                    <a:pt x="196" y="343"/>
                    <a:pt x="199" y="345"/>
                    <a:pt x="198" y="343"/>
                  </a:cubicBezTo>
                  <a:cubicBezTo>
                    <a:pt x="198" y="340"/>
                    <a:pt x="193" y="343"/>
                    <a:pt x="195" y="340"/>
                  </a:cubicBezTo>
                  <a:cubicBezTo>
                    <a:pt x="196" y="337"/>
                    <a:pt x="189" y="340"/>
                    <a:pt x="190" y="337"/>
                  </a:cubicBezTo>
                  <a:cubicBezTo>
                    <a:pt x="192" y="334"/>
                    <a:pt x="192" y="334"/>
                    <a:pt x="189" y="334"/>
                  </a:cubicBezTo>
                  <a:cubicBezTo>
                    <a:pt x="187" y="336"/>
                    <a:pt x="190" y="329"/>
                    <a:pt x="187" y="331"/>
                  </a:cubicBezTo>
                  <a:cubicBezTo>
                    <a:pt x="184" y="332"/>
                    <a:pt x="189" y="328"/>
                    <a:pt x="184" y="326"/>
                  </a:cubicBezTo>
                  <a:cubicBezTo>
                    <a:pt x="181" y="325"/>
                    <a:pt x="181" y="325"/>
                    <a:pt x="181" y="323"/>
                  </a:cubicBezTo>
                  <a:cubicBezTo>
                    <a:pt x="181" y="320"/>
                    <a:pt x="178" y="318"/>
                    <a:pt x="180" y="317"/>
                  </a:cubicBezTo>
                  <a:cubicBezTo>
                    <a:pt x="180" y="314"/>
                    <a:pt x="177" y="317"/>
                    <a:pt x="175" y="314"/>
                  </a:cubicBezTo>
                  <a:cubicBezTo>
                    <a:pt x="174" y="311"/>
                    <a:pt x="170" y="307"/>
                    <a:pt x="172" y="306"/>
                  </a:cubicBezTo>
                  <a:cubicBezTo>
                    <a:pt x="174" y="304"/>
                    <a:pt x="169" y="304"/>
                    <a:pt x="172" y="303"/>
                  </a:cubicBezTo>
                  <a:cubicBezTo>
                    <a:pt x="174" y="303"/>
                    <a:pt x="167" y="301"/>
                    <a:pt x="174" y="301"/>
                  </a:cubicBezTo>
                  <a:cubicBezTo>
                    <a:pt x="178" y="301"/>
                    <a:pt x="172" y="298"/>
                    <a:pt x="178" y="298"/>
                  </a:cubicBezTo>
                  <a:cubicBezTo>
                    <a:pt x="183" y="298"/>
                    <a:pt x="175" y="297"/>
                    <a:pt x="178" y="295"/>
                  </a:cubicBezTo>
                  <a:cubicBezTo>
                    <a:pt x="181" y="293"/>
                    <a:pt x="184" y="300"/>
                    <a:pt x="184" y="297"/>
                  </a:cubicBezTo>
                  <a:cubicBezTo>
                    <a:pt x="183" y="293"/>
                    <a:pt x="180" y="292"/>
                    <a:pt x="177" y="295"/>
                  </a:cubicBezTo>
                  <a:cubicBezTo>
                    <a:pt x="174" y="297"/>
                    <a:pt x="177" y="289"/>
                    <a:pt x="172" y="297"/>
                  </a:cubicBezTo>
                  <a:cubicBezTo>
                    <a:pt x="167" y="304"/>
                    <a:pt x="166" y="298"/>
                    <a:pt x="167" y="295"/>
                  </a:cubicBezTo>
                  <a:cubicBezTo>
                    <a:pt x="167" y="292"/>
                    <a:pt x="166" y="295"/>
                    <a:pt x="166" y="290"/>
                  </a:cubicBezTo>
                  <a:cubicBezTo>
                    <a:pt x="166" y="287"/>
                    <a:pt x="163" y="289"/>
                    <a:pt x="163" y="286"/>
                  </a:cubicBezTo>
                  <a:cubicBezTo>
                    <a:pt x="164" y="283"/>
                    <a:pt x="161" y="281"/>
                    <a:pt x="160" y="281"/>
                  </a:cubicBezTo>
                  <a:cubicBezTo>
                    <a:pt x="157" y="281"/>
                    <a:pt x="160" y="280"/>
                    <a:pt x="155" y="276"/>
                  </a:cubicBezTo>
                  <a:cubicBezTo>
                    <a:pt x="152" y="273"/>
                    <a:pt x="155" y="267"/>
                    <a:pt x="161" y="264"/>
                  </a:cubicBezTo>
                  <a:cubicBezTo>
                    <a:pt x="155" y="264"/>
                    <a:pt x="151" y="264"/>
                    <a:pt x="152" y="259"/>
                  </a:cubicBezTo>
                  <a:cubicBezTo>
                    <a:pt x="154" y="255"/>
                    <a:pt x="155" y="253"/>
                    <a:pt x="155" y="252"/>
                  </a:cubicBezTo>
                  <a:cubicBezTo>
                    <a:pt x="154" y="250"/>
                    <a:pt x="161" y="248"/>
                    <a:pt x="158" y="247"/>
                  </a:cubicBezTo>
                  <a:cubicBezTo>
                    <a:pt x="155" y="244"/>
                    <a:pt x="158" y="245"/>
                    <a:pt x="157" y="244"/>
                  </a:cubicBezTo>
                  <a:cubicBezTo>
                    <a:pt x="157" y="242"/>
                    <a:pt x="161" y="244"/>
                    <a:pt x="163" y="241"/>
                  </a:cubicBezTo>
                  <a:cubicBezTo>
                    <a:pt x="166" y="239"/>
                    <a:pt x="169" y="242"/>
                    <a:pt x="174" y="241"/>
                  </a:cubicBezTo>
                  <a:cubicBezTo>
                    <a:pt x="178" y="239"/>
                    <a:pt x="174" y="239"/>
                    <a:pt x="174" y="234"/>
                  </a:cubicBezTo>
                  <a:cubicBezTo>
                    <a:pt x="175" y="231"/>
                    <a:pt x="178" y="227"/>
                    <a:pt x="178" y="224"/>
                  </a:cubicBezTo>
                  <a:cubicBezTo>
                    <a:pt x="177" y="220"/>
                    <a:pt x="175" y="228"/>
                    <a:pt x="174" y="225"/>
                  </a:cubicBezTo>
                  <a:cubicBezTo>
                    <a:pt x="172" y="224"/>
                    <a:pt x="178" y="220"/>
                    <a:pt x="169" y="220"/>
                  </a:cubicBezTo>
                  <a:cubicBezTo>
                    <a:pt x="161" y="219"/>
                    <a:pt x="164" y="214"/>
                    <a:pt x="157" y="214"/>
                  </a:cubicBezTo>
                  <a:cubicBezTo>
                    <a:pt x="152" y="214"/>
                    <a:pt x="146" y="211"/>
                    <a:pt x="148" y="210"/>
                  </a:cubicBezTo>
                  <a:cubicBezTo>
                    <a:pt x="151" y="206"/>
                    <a:pt x="163" y="208"/>
                    <a:pt x="166" y="210"/>
                  </a:cubicBezTo>
                  <a:cubicBezTo>
                    <a:pt x="170" y="213"/>
                    <a:pt x="177" y="214"/>
                    <a:pt x="175" y="213"/>
                  </a:cubicBezTo>
                  <a:cubicBezTo>
                    <a:pt x="174" y="211"/>
                    <a:pt x="172" y="210"/>
                    <a:pt x="175" y="206"/>
                  </a:cubicBezTo>
                  <a:cubicBezTo>
                    <a:pt x="175" y="206"/>
                    <a:pt x="163" y="205"/>
                    <a:pt x="164" y="202"/>
                  </a:cubicBezTo>
                  <a:cubicBezTo>
                    <a:pt x="167" y="197"/>
                    <a:pt x="158" y="200"/>
                    <a:pt x="163" y="197"/>
                  </a:cubicBezTo>
                  <a:cubicBezTo>
                    <a:pt x="166" y="196"/>
                    <a:pt x="155" y="191"/>
                    <a:pt x="152" y="197"/>
                  </a:cubicBezTo>
                  <a:cubicBezTo>
                    <a:pt x="151" y="203"/>
                    <a:pt x="145" y="197"/>
                    <a:pt x="142" y="199"/>
                  </a:cubicBezTo>
                  <a:cubicBezTo>
                    <a:pt x="140" y="200"/>
                    <a:pt x="138" y="197"/>
                    <a:pt x="137" y="196"/>
                  </a:cubicBezTo>
                  <a:cubicBezTo>
                    <a:pt x="135" y="192"/>
                    <a:pt x="145" y="194"/>
                    <a:pt x="142" y="191"/>
                  </a:cubicBezTo>
                  <a:cubicBezTo>
                    <a:pt x="137" y="186"/>
                    <a:pt x="137" y="183"/>
                    <a:pt x="142" y="183"/>
                  </a:cubicBezTo>
                  <a:cubicBezTo>
                    <a:pt x="146" y="182"/>
                    <a:pt x="149" y="175"/>
                    <a:pt x="142" y="174"/>
                  </a:cubicBezTo>
                  <a:cubicBezTo>
                    <a:pt x="135" y="172"/>
                    <a:pt x="146" y="169"/>
                    <a:pt x="140" y="166"/>
                  </a:cubicBezTo>
                  <a:cubicBezTo>
                    <a:pt x="131" y="163"/>
                    <a:pt x="142" y="163"/>
                    <a:pt x="135" y="160"/>
                  </a:cubicBezTo>
                  <a:cubicBezTo>
                    <a:pt x="132" y="158"/>
                    <a:pt x="135" y="155"/>
                    <a:pt x="129" y="158"/>
                  </a:cubicBezTo>
                  <a:cubicBezTo>
                    <a:pt x="122" y="160"/>
                    <a:pt x="129" y="155"/>
                    <a:pt x="131" y="152"/>
                  </a:cubicBezTo>
                  <a:cubicBezTo>
                    <a:pt x="132" y="149"/>
                    <a:pt x="113" y="141"/>
                    <a:pt x="116" y="138"/>
                  </a:cubicBezTo>
                  <a:cubicBezTo>
                    <a:pt x="120" y="135"/>
                    <a:pt x="116" y="135"/>
                    <a:pt x="108" y="130"/>
                  </a:cubicBezTo>
                  <a:cubicBezTo>
                    <a:pt x="100" y="127"/>
                    <a:pt x="100" y="130"/>
                    <a:pt x="97" y="127"/>
                  </a:cubicBezTo>
                  <a:cubicBezTo>
                    <a:pt x="94" y="124"/>
                    <a:pt x="87" y="127"/>
                    <a:pt x="81" y="124"/>
                  </a:cubicBezTo>
                  <a:cubicBezTo>
                    <a:pt x="75" y="122"/>
                    <a:pt x="76" y="130"/>
                    <a:pt x="71" y="126"/>
                  </a:cubicBezTo>
                  <a:cubicBezTo>
                    <a:pt x="67" y="122"/>
                    <a:pt x="68" y="129"/>
                    <a:pt x="61" y="129"/>
                  </a:cubicBezTo>
                  <a:cubicBezTo>
                    <a:pt x="55" y="127"/>
                    <a:pt x="62" y="122"/>
                    <a:pt x="56" y="126"/>
                  </a:cubicBezTo>
                  <a:cubicBezTo>
                    <a:pt x="49" y="129"/>
                    <a:pt x="52" y="122"/>
                    <a:pt x="49" y="124"/>
                  </a:cubicBezTo>
                  <a:cubicBezTo>
                    <a:pt x="44" y="126"/>
                    <a:pt x="58" y="133"/>
                    <a:pt x="47" y="129"/>
                  </a:cubicBezTo>
                  <a:cubicBezTo>
                    <a:pt x="35" y="126"/>
                    <a:pt x="23" y="124"/>
                    <a:pt x="32" y="121"/>
                  </a:cubicBezTo>
                  <a:cubicBezTo>
                    <a:pt x="41" y="118"/>
                    <a:pt x="23" y="118"/>
                    <a:pt x="17" y="115"/>
                  </a:cubicBezTo>
                  <a:cubicBezTo>
                    <a:pt x="9" y="112"/>
                    <a:pt x="24" y="108"/>
                    <a:pt x="36" y="107"/>
                  </a:cubicBezTo>
                  <a:cubicBezTo>
                    <a:pt x="49" y="107"/>
                    <a:pt x="58" y="107"/>
                    <a:pt x="56" y="104"/>
                  </a:cubicBezTo>
                  <a:cubicBezTo>
                    <a:pt x="55" y="101"/>
                    <a:pt x="46" y="105"/>
                    <a:pt x="36" y="105"/>
                  </a:cubicBezTo>
                  <a:cubicBezTo>
                    <a:pt x="27" y="105"/>
                    <a:pt x="24" y="105"/>
                    <a:pt x="21" y="102"/>
                  </a:cubicBezTo>
                  <a:cubicBezTo>
                    <a:pt x="18" y="99"/>
                    <a:pt x="17" y="102"/>
                    <a:pt x="14" y="99"/>
                  </a:cubicBezTo>
                  <a:cubicBezTo>
                    <a:pt x="10" y="98"/>
                    <a:pt x="9" y="101"/>
                    <a:pt x="4" y="96"/>
                  </a:cubicBezTo>
                  <a:cubicBezTo>
                    <a:pt x="0" y="91"/>
                    <a:pt x="1" y="88"/>
                    <a:pt x="20" y="85"/>
                  </a:cubicBezTo>
                  <a:cubicBezTo>
                    <a:pt x="36" y="82"/>
                    <a:pt x="29" y="80"/>
                    <a:pt x="39" y="79"/>
                  </a:cubicBezTo>
                  <a:cubicBezTo>
                    <a:pt x="50" y="77"/>
                    <a:pt x="56" y="82"/>
                    <a:pt x="61" y="76"/>
                  </a:cubicBezTo>
                  <a:cubicBezTo>
                    <a:pt x="67" y="70"/>
                    <a:pt x="67" y="62"/>
                    <a:pt x="62" y="63"/>
                  </a:cubicBezTo>
                  <a:cubicBezTo>
                    <a:pt x="58" y="63"/>
                    <a:pt x="49" y="63"/>
                    <a:pt x="46" y="60"/>
                  </a:cubicBezTo>
                  <a:cubicBezTo>
                    <a:pt x="44" y="57"/>
                    <a:pt x="55" y="54"/>
                    <a:pt x="62" y="49"/>
                  </a:cubicBezTo>
                  <a:cubicBezTo>
                    <a:pt x="70" y="45"/>
                    <a:pt x="79" y="42"/>
                    <a:pt x="90" y="45"/>
                  </a:cubicBezTo>
                  <a:cubicBezTo>
                    <a:pt x="97" y="46"/>
                    <a:pt x="99" y="42"/>
                    <a:pt x="94" y="37"/>
                  </a:cubicBezTo>
                  <a:cubicBezTo>
                    <a:pt x="91" y="32"/>
                    <a:pt x="97" y="29"/>
                    <a:pt x="120" y="28"/>
                  </a:cubicBezTo>
                  <a:cubicBezTo>
                    <a:pt x="145" y="24"/>
                    <a:pt x="148" y="20"/>
                    <a:pt x="154" y="26"/>
                  </a:cubicBezTo>
                  <a:cubicBezTo>
                    <a:pt x="160" y="34"/>
                    <a:pt x="149" y="46"/>
                    <a:pt x="157" y="35"/>
                  </a:cubicBezTo>
                  <a:cubicBezTo>
                    <a:pt x="163" y="24"/>
                    <a:pt x="178" y="37"/>
                    <a:pt x="177" y="34"/>
                  </a:cubicBezTo>
                  <a:cubicBezTo>
                    <a:pt x="174" y="28"/>
                    <a:pt x="192" y="35"/>
                    <a:pt x="183" y="29"/>
                  </a:cubicBezTo>
                  <a:cubicBezTo>
                    <a:pt x="172" y="23"/>
                    <a:pt x="170" y="20"/>
                    <a:pt x="183" y="21"/>
                  </a:cubicBezTo>
                  <a:cubicBezTo>
                    <a:pt x="195" y="21"/>
                    <a:pt x="199" y="26"/>
                    <a:pt x="210" y="28"/>
                  </a:cubicBezTo>
                  <a:cubicBezTo>
                    <a:pt x="221" y="29"/>
                    <a:pt x="219" y="35"/>
                    <a:pt x="225" y="34"/>
                  </a:cubicBezTo>
                  <a:cubicBezTo>
                    <a:pt x="231" y="34"/>
                    <a:pt x="221" y="26"/>
                    <a:pt x="230" y="24"/>
                  </a:cubicBezTo>
                  <a:cubicBezTo>
                    <a:pt x="244" y="23"/>
                    <a:pt x="206" y="15"/>
                    <a:pt x="221" y="17"/>
                  </a:cubicBezTo>
                  <a:cubicBezTo>
                    <a:pt x="237" y="17"/>
                    <a:pt x="248" y="17"/>
                    <a:pt x="254" y="18"/>
                  </a:cubicBezTo>
                  <a:cubicBezTo>
                    <a:pt x="262" y="21"/>
                    <a:pt x="270" y="20"/>
                    <a:pt x="260" y="18"/>
                  </a:cubicBezTo>
                  <a:cubicBezTo>
                    <a:pt x="253" y="17"/>
                    <a:pt x="244" y="15"/>
                    <a:pt x="233" y="15"/>
                  </a:cubicBezTo>
                  <a:cubicBezTo>
                    <a:pt x="222" y="14"/>
                    <a:pt x="210" y="15"/>
                    <a:pt x="209" y="14"/>
                  </a:cubicBezTo>
                  <a:cubicBezTo>
                    <a:pt x="207" y="10"/>
                    <a:pt x="219" y="10"/>
                    <a:pt x="230" y="9"/>
                  </a:cubicBezTo>
                  <a:cubicBezTo>
                    <a:pt x="241" y="7"/>
                    <a:pt x="248" y="9"/>
                    <a:pt x="254" y="12"/>
                  </a:cubicBezTo>
                  <a:cubicBezTo>
                    <a:pt x="260" y="15"/>
                    <a:pt x="271" y="14"/>
                    <a:pt x="273" y="12"/>
                  </a:cubicBezTo>
                  <a:cubicBezTo>
                    <a:pt x="274" y="12"/>
                    <a:pt x="286" y="10"/>
                    <a:pt x="279" y="10"/>
                  </a:cubicBezTo>
                  <a:cubicBezTo>
                    <a:pt x="271" y="9"/>
                    <a:pt x="270" y="4"/>
                    <a:pt x="274" y="4"/>
                  </a:cubicBezTo>
                  <a:cubicBezTo>
                    <a:pt x="280" y="4"/>
                    <a:pt x="279" y="3"/>
                    <a:pt x="286" y="4"/>
                  </a:cubicBezTo>
                  <a:cubicBezTo>
                    <a:pt x="294" y="6"/>
                    <a:pt x="283" y="1"/>
                    <a:pt x="298" y="3"/>
                  </a:cubicBezTo>
                  <a:cubicBezTo>
                    <a:pt x="314" y="3"/>
                    <a:pt x="317" y="0"/>
                    <a:pt x="343" y="3"/>
                  </a:cubicBezTo>
                  <a:cubicBezTo>
                    <a:pt x="359" y="4"/>
                    <a:pt x="384" y="7"/>
                    <a:pt x="376" y="7"/>
                  </a:cubicBezTo>
                  <a:cubicBezTo>
                    <a:pt x="369" y="9"/>
                    <a:pt x="343" y="9"/>
                    <a:pt x="335" y="10"/>
                  </a:cubicBezTo>
                  <a:cubicBezTo>
                    <a:pt x="327" y="12"/>
                    <a:pt x="314" y="12"/>
                    <a:pt x="324" y="14"/>
                  </a:cubicBezTo>
                  <a:cubicBezTo>
                    <a:pt x="337" y="15"/>
                    <a:pt x="340" y="9"/>
                    <a:pt x="355" y="10"/>
                  </a:cubicBezTo>
                  <a:cubicBezTo>
                    <a:pt x="372" y="14"/>
                    <a:pt x="378" y="7"/>
                    <a:pt x="382" y="10"/>
                  </a:cubicBezTo>
                  <a:cubicBezTo>
                    <a:pt x="388" y="14"/>
                    <a:pt x="372" y="18"/>
                    <a:pt x="382" y="15"/>
                  </a:cubicBezTo>
                  <a:cubicBezTo>
                    <a:pt x="393" y="14"/>
                    <a:pt x="401" y="17"/>
                    <a:pt x="408" y="18"/>
                  </a:cubicBezTo>
                  <a:cubicBezTo>
                    <a:pt x="416" y="20"/>
                    <a:pt x="402" y="24"/>
                    <a:pt x="393" y="26"/>
                  </a:cubicBezTo>
                  <a:cubicBezTo>
                    <a:pt x="379" y="29"/>
                    <a:pt x="361" y="26"/>
                    <a:pt x="346" y="28"/>
                  </a:cubicBezTo>
                  <a:cubicBezTo>
                    <a:pt x="330" y="31"/>
                    <a:pt x="314" y="32"/>
                    <a:pt x="318" y="37"/>
                  </a:cubicBezTo>
                  <a:cubicBezTo>
                    <a:pt x="321" y="38"/>
                    <a:pt x="346" y="29"/>
                    <a:pt x="367" y="29"/>
                  </a:cubicBezTo>
                  <a:cubicBezTo>
                    <a:pt x="387" y="31"/>
                    <a:pt x="382" y="32"/>
                    <a:pt x="375" y="35"/>
                  </a:cubicBezTo>
                  <a:cubicBezTo>
                    <a:pt x="367" y="38"/>
                    <a:pt x="376" y="38"/>
                    <a:pt x="384" y="35"/>
                  </a:cubicBezTo>
                  <a:cubicBezTo>
                    <a:pt x="393" y="34"/>
                    <a:pt x="384" y="29"/>
                    <a:pt x="397" y="29"/>
                  </a:cubicBezTo>
                  <a:cubicBezTo>
                    <a:pt x="411" y="29"/>
                    <a:pt x="408" y="37"/>
                    <a:pt x="397" y="45"/>
                  </a:cubicBezTo>
                  <a:cubicBezTo>
                    <a:pt x="387" y="52"/>
                    <a:pt x="394" y="52"/>
                    <a:pt x="407" y="43"/>
                  </a:cubicBezTo>
                  <a:cubicBezTo>
                    <a:pt x="419" y="35"/>
                    <a:pt x="425" y="34"/>
                    <a:pt x="422" y="37"/>
                  </a:cubicBezTo>
                  <a:cubicBezTo>
                    <a:pt x="419" y="40"/>
                    <a:pt x="426" y="37"/>
                    <a:pt x="432" y="38"/>
                  </a:cubicBezTo>
                  <a:cubicBezTo>
                    <a:pt x="439" y="40"/>
                    <a:pt x="436" y="32"/>
                    <a:pt x="448" y="31"/>
                  </a:cubicBezTo>
                  <a:cubicBezTo>
                    <a:pt x="460" y="31"/>
                    <a:pt x="489" y="35"/>
                    <a:pt x="483" y="38"/>
                  </a:cubicBezTo>
                  <a:cubicBezTo>
                    <a:pt x="475" y="42"/>
                    <a:pt x="472" y="45"/>
                    <a:pt x="464" y="45"/>
                  </a:cubicBezTo>
                  <a:cubicBezTo>
                    <a:pt x="454" y="45"/>
                    <a:pt x="471" y="49"/>
                    <a:pt x="461" y="49"/>
                  </a:cubicBezTo>
                  <a:cubicBezTo>
                    <a:pt x="452" y="51"/>
                    <a:pt x="448" y="52"/>
                    <a:pt x="442" y="51"/>
                  </a:cubicBezTo>
                  <a:cubicBezTo>
                    <a:pt x="436" y="49"/>
                    <a:pt x="437" y="54"/>
                    <a:pt x="426" y="54"/>
                  </a:cubicBezTo>
                  <a:cubicBezTo>
                    <a:pt x="416" y="52"/>
                    <a:pt x="434" y="56"/>
                    <a:pt x="440" y="54"/>
                  </a:cubicBezTo>
                  <a:cubicBezTo>
                    <a:pt x="445" y="52"/>
                    <a:pt x="457" y="54"/>
                    <a:pt x="451" y="57"/>
                  </a:cubicBezTo>
                  <a:cubicBezTo>
                    <a:pt x="446" y="59"/>
                    <a:pt x="437" y="62"/>
                    <a:pt x="429" y="59"/>
                  </a:cubicBezTo>
                  <a:cubicBezTo>
                    <a:pt x="422" y="57"/>
                    <a:pt x="411" y="68"/>
                    <a:pt x="420" y="65"/>
                  </a:cubicBezTo>
                  <a:cubicBezTo>
                    <a:pt x="429" y="62"/>
                    <a:pt x="445" y="60"/>
                    <a:pt x="442" y="63"/>
                  </a:cubicBezTo>
                  <a:cubicBezTo>
                    <a:pt x="437" y="68"/>
                    <a:pt x="436" y="68"/>
                    <a:pt x="429" y="68"/>
                  </a:cubicBezTo>
                  <a:cubicBezTo>
                    <a:pt x="423" y="68"/>
                    <a:pt x="423" y="74"/>
                    <a:pt x="428" y="74"/>
                  </a:cubicBezTo>
                  <a:cubicBezTo>
                    <a:pt x="432" y="76"/>
                    <a:pt x="425" y="80"/>
                    <a:pt x="422" y="82"/>
                  </a:cubicBezTo>
                  <a:cubicBezTo>
                    <a:pt x="420" y="84"/>
                    <a:pt x="416" y="79"/>
                    <a:pt x="413" y="87"/>
                  </a:cubicBezTo>
                  <a:cubicBezTo>
                    <a:pt x="411" y="94"/>
                    <a:pt x="404" y="102"/>
                    <a:pt x="408" y="102"/>
                  </a:cubicBezTo>
                  <a:cubicBezTo>
                    <a:pt x="413" y="102"/>
                    <a:pt x="407" y="93"/>
                    <a:pt x="420" y="98"/>
                  </a:cubicBezTo>
                  <a:cubicBezTo>
                    <a:pt x="432" y="102"/>
                    <a:pt x="434" y="105"/>
                    <a:pt x="425" y="102"/>
                  </a:cubicBezTo>
                  <a:cubicBezTo>
                    <a:pt x="416" y="101"/>
                    <a:pt x="413" y="101"/>
                    <a:pt x="422" y="107"/>
                  </a:cubicBezTo>
                  <a:cubicBezTo>
                    <a:pt x="431" y="112"/>
                    <a:pt x="429" y="104"/>
                    <a:pt x="434" y="107"/>
                  </a:cubicBezTo>
                  <a:cubicBezTo>
                    <a:pt x="440" y="112"/>
                    <a:pt x="437" y="119"/>
                    <a:pt x="431" y="116"/>
                  </a:cubicBezTo>
                  <a:cubicBezTo>
                    <a:pt x="426" y="115"/>
                    <a:pt x="419" y="112"/>
                    <a:pt x="413" y="116"/>
                  </a:cubicBezTo>
                  <a:cubicBezTo>
                    <a:pt x="405" y="121"/>
                    <a:pt x="407" y="112"/>
                    <a:pt x="402" y="116"/>
                  </a:cubicBezTo>
                  <a:cubicBezTo>
                    <a:pt x="397" y="119"/>
                    <a:pt x="408" y="118"/>
                    <a:pt x="408" y="122"/>
                  </a:cubicBezTo>
                  <a:cubicBezTo>
                    <a:pt x="408" y="127"/>
                    <a:pt x="422" y="122"/>
                    <a:pt x="423" y="126"/>
                  </a:cubicBezTo>
                  <a:cubicBezTo>
                    <a:pt x="426" y="129"/>
                    <a:pt x="416" y="127"/>
                    <a:pt x="425" y="132"/>
                  </a:cubicBezTo>
                  <a:cubicBezTo>
                    <a:pt x="432" y="135"/>
                    <a:pt x="423" y="130"/>
                    <a:pt x="426" y="136"/>
                  </a:cubicBezTo>
                  <a:cubicBezTo>
                    <a:pt x="431" y="141"/>
                    <a:pt x="423" y="144"/>
                    <a:pt x="422" y="141"/>
                  </a:cubicBezTo>
                  <a:cubicBezTo>
                    <a:pt x="419" y="136"/>
                    <a:pt x="411" y="149"/>
                    <a:pt x="420" y="149"/>
                  </a:cubicBezTo>
                  <a:cubicBezTo>
                    <a:pt x="428" y="150"/>
                    <a:pt x="431" y="154"/>
                    <a:pt x="426" y="155"/>
                  </a:cubicBezTo>
                  <a:cubicBezTo>
                    <a:pt x="419" y="158"/>
                    <a:pt x="422" y="154"/>
                    <a:pt x="414" y="152"/>
                  </a:cubicBezTo>
                  <a:cubicBezTo>
                    <a:pt x="407" y="152"/>
                    <a:pt x="399" y="160"/>
                    <a:pt x="407" y="160"/>
                  </a:cubicBezTo>
                  <a:cubicBezTo>
                    <a:pt x="414" y="160"/>
                    <a:pt x="422" y="160"/>
                    <a:pt x="419" y="166"/>
                  </a:cubicBezTo>
                  <a:cubicBezTo>
                    <a:pt x="414" y="171"/>
                    <a:pt x="414" y="164"/>
                    <a:pt x="408" y="169"/>
                  </a:cubicBezTo>
                  <a:cubicBezTo>
                    <a:pt x="401" y="175"/>
                    <a:pt x="393" y="163"/>
                    <a:pt x="385" y="166"/>
                  </a:cubicBezTo>
                  <a:cubicBezTo>
                    <a:pt x="379" y="168"/>
                    <a:pt x="378" y="172"/>
                    <a:pt x="372" y="171"/>
                  </a:cubicBezTo>
                  <a:cubicBezTo>
                    <a:pt x="388" y="175"/>
                    <a:pt x="376" y="175"/>
                    <a:pt x="382" y="178"/>
                  </a:cubicBezTo>
                  <a:cubicBezTo>
                    <a:pt x="390" y="183"/>
                    <a:pt x="379" y="183"/>
                    <a:pt x="391" y="188"/>
                  </a:cubicBezTo>
                  <a:cubicBezTo>
                    <a:pt x="399" y="189"/>
                    <a:pt x="404" y="189"/>
                    <a:pt x="402" y="194"/>
                  </a:cubicBezTo>
                  <a:cubicBezTo>
                    <a:pt x="401" y="197"/>
                    <a:pt x="410" y="191"/>
                    <a:pt x="407" y="194"/>
                  </a:cubicBezTo>
                  <a:cubicBezTo>
                    <a:pt x="402" y="199"/>
                    <a:pt x="401" y="196"/>
                    <a:pt x="402" y="199"/>
                  </a:cubicBezTo>
                  <a:cubicBezTo>
                    <a:pt x="404" y="203"/>
                    <a:pt x="410" y="192"/>
                    <a:pt x="408" y="199"/>
                  </a:cubicBezTo>
                  <a:cubicBezTo>
                    <a:pt x="408" y="205"/>
                    <a:pt x="413" y="214"/>
                    <a:pt x="408" y="213"/>
                  </a:cubicBezTo>
                  <a:cubicBezTo>
                    <a:pt x="404" y="213"/>
                    <a:pt x="404" y="211"/>
                    <a:pt x="401" y="213"/>
                  </a:cubicBezTo>
                  <a:cubicBezTo>
                    <a:pt x="397" y="214"/>
                    <a:pt x="388" y="211"/>
                    <a:pt x="388" y="206"/>
                  </a:cubicBezTo>
                  <a:cubicBezTo>
                    <a:pt x="388" y="202"/>
                    <a:pt x="387" y="200"/>
                    <a:pt x="382" y="199"/>
                  </a:cubicBezTo>
                  <a:cubicBezTo>
                    <a:pt x="379" y="199"/>
                    <a:pt x="378" y="196"/>
                    <a:pt x="370" y="196"/>
                  </a:cubicBezTo>
                  <a:cubicBezTo>
                    <a:pt x="364" y="196"/>
                    <a:pt x="364" y="197"/>
                    <a:pt x="372" y="197"/>
                  </a:cubicBezTo>
                  <a:cubicBezTo>
                    <a:pt x="379" y="199"/>
                    <a:pt x="381" y="202"/>
                    <a:pt x="373" y="205"/>
                  </a:cubicBezTo>
                  <a:cubicBezTo>
                    <a:pt x="365" y="206"/>
                    <a:pt x="364" y="208"/>
                    <a:pt x="362" y="205"/>
                  </a:cubicBezTo>
                  <a:cubicBezTo>
                    <a:pt x="361" y="203"/>
                    <a:pt x="361" y="205"/>
                    <a:pt x="358" y="210"/>
                  </a:cubicBezTo>
                  <a:cubicBezTo>
                    <a:pt x="353" y="216"/>
                    <a:pt x="356" y="214"/>
                    <a:pt x="365" y="213"/>
                  </a:cubicBezTo>
                  <a:cubicBezTo>
                    <a:pt x="373" y="211"/>
                    <a:pt x="373" y="213"/>
                    <a:pt x="370" y="214"/>
                  </a:cubicBezTo>
                  <a:cubicBezTo>
                    <a:pt x="369" y="216"/>
                    <a:pt x="369" y="213"/>
                    <a:pt x="362" y="216"/>
                  </a:cubicBezTo>
                  <a:cubicBezTo>
                    <a:pt x="358" y="220"/>
                    <a:pt x="361" y="222"/>
                    <a:pt x="364" y="219"/>
                  </a:cubicBezTo>
                  <a:cubicBezTo>
                    <a:pt x="369" y="214"/>
                    <a:pt x="370" y="217"/>
                    <a:pt x="375" y="216"/>
                  </a:cubicBezTo>
                </a:path>
              </a:pathLst>
            </a:custGeom>
            <a:solidFill>
              <a:schemeClr val="accent5"/>
            </a:solidFill>
            <a:ln w="6350" cmpd="sng">
              <a:solidFill>
                <a:schemeClr val="bg1"/>
              </a:solidFill>
              <a:round/>
              <a:headEnd/>
              <a:tailEnd/>
            </a:ln>
          </p:spPr>
          <p:txBody>
            <a:bodyPr/>
            <a:lstStyle/>
            <a:p>
              <a:endParaRPr lang="en-GB" sz="1633" dirty="0"/>
            </a:p>
          </p:txBody>
        </p:sp>
        <p:sp>
          <p:nvSpPr>
            <p:cNvPr id="8" name="Freeform 14"/>
            <p:cNvSpPr>
              <a:spLocks/>
            </p:cNvSpPr>
            <p:nvPr/>
          </p:nvSpPr>
          <p:spPr bwMode="auto">
            <a:xfrm>
              <a:off x="1778254" y="4096386"/>
              <a:ext cx="750143" cy="587675"/>
            </a:xfrm>
            <a:custGeom>
              <a:avLst/>
              <a:gdLst/>
              <a:ahLst/>
              <a:cxnLst>
                <a:cxn ang="0">
                  <a:pos x="207" y="154"/>
                </a:cxn>
                <a:cxn ang="0">
                  <a:pos x="204" y="161"/>
                </a:cxn>
                <a:cxn ang="0">
                  <a:pos x="210" y="167"/>
                </a:cxn>
                <a:cxn ang="0">
                  <a:pos x="201" y="172"/>
                </a:cxn>
                <a:cxn ang="0">
                  <a:pos x="199" y="181"/>
                </a:cxn>
                <a:cxn ang="0">
                  <a:pos x="198" y="187"/>
                </a:cxn>
                <a:cxn ang="0">
                  <a:pos x="160" y="175"/>
                </a:cxn>
                <a:cxn ang="0">
                  <a:pos x="106" y="147"/>
                </a:cxn>
                <a:cxn ang="0">
                  <a:pos x="93" y="117"/>
                </a:cxn>
                <a:cxn ang="0">
                  <a:pos x="64" y="77"/>
                </a:cxn>
                <a:cxn ang="0">
                  <a:pos x="48" y="52"/>
                </a:cxn>
                <a:cxn ang="0">
                  <a:pos x="27" y="15"/>
                </a:cxn>
                <a:cxn ang="0">
                  <a:pos x="23" y="32"/>
                </a:cxn>
                <a:cxn ang="0">
                  <a:pos x="44" y="64"/>
                </a:cxn>
                <a:cxn ang="0">
                  <a:pos x="52" y="89"/>
                </a:cxn>
                <a:cxn ang="0">
                  <a:pos x="59" y="102"/>
                </a:cxn>
                <a:cxn ang="0">
                  <a:pos x="36" y="69"/>
                </a:cxn>
                <a:cxn ang="0">
                  <a:pos x="23" y="49"/>
                </a:cxn>
                <a:cxn ang="0">
                  <a:pos x="0" y="4"/>
                </a:cxn>
                <a:cxn ang="0">
                  <a:pos x="18" y="4"/>
                </a:cxn>
                <a:cxn ang="0">
                  <a:pos x="71" y="16"/>
                </a:cxn>
                <a:cxn ang="0">
                  <a:pos x="84" y="11"/>
                </a:cxn>
                <a:cxn ang="0">
                  <a:pos x="106" y="39"/>
                </a:cxn>
                <a:cxn ang="0">
                  <a:pos x="137" y="52"/>
                </a:cxn>
                <a:cxn ang="0">
                  <a:pos x="157" y="72"/>
                </a:cxn>
                <a:cxn ang="0">
                  <a:pos x="154" y="89"/>
                </a:cxn>
                <a:cxn ang="0">
                  <a:pos x="154" y="108"/>
                </a:cxn>
                <a:cxn ang="0">
                  <a:pos x="160" y="128"/>
                </a:cxn>
                <a:cxn ang="0">
                  <a:pos x="181" y="151"/>
                </a:cxn>
                <a:cxn ang="0">
                  <a:pos x="196" y="145"/>
                </a:cxn>
                <a:cxn ang="0">
                  <a:pos x="204" y="147"/>
                </a:cxn>
                <a:cxn ang="0">
                  <a:pos x="210" y="137"/>
                </a:cxn>
                <a:cxn ang="0">
                  <a:pos x="212" y="123"/>
                </a:cxn>
                <a:cxn ang="0">
                  <a:pos x="228" y="117"/>
                </a:cxn>
                <a:cxn ang="0">
                  <a:pos x="236" y="117"/>
                </a:cxn>
                <a:cxn ang="0">
                  <a:pos x="240" y="119"/>
                </a:cxn>
                <a:cxn ang="0">
                  <a:pos x="234" y="134"/>
                </a:cxn>
                <a:cxn ang="0">
                  <a:pos x="234" y="139"/>
                </a:cxn>
                <a:cxn ang="0">
                  <a:pos x="231" y="150"/>
                </a:cxn>
                <a:cxn ang="0">
                  <a:pos x="230" y="145"/>
                </a:cxn>
                <a:cxn ang="0">
                  <a:pos x="224" y="153"/>
                </a:cxn>
              </a:cxnLst>
              <a:rect l="0" t="0" r="r" b="b"/>
              <a:pathLst>
                <a:path w="242" h="187">
                  <a:moveTo>
                    <a:pt x="222" y="154"/>
                  </a:moveTo>
                  <a:cubicBezTo>
                    <a:pt x="207" y="154"/>
                    <a:pt x="207" y="154"/>
                    <a:pt x="207" y="154"/>
                  </a:cubicBezTo>
                  <a:cubicBezTo>
                    <a:pt x="207" y="161"/>
                    <a:pt x="207" y="161"/>
                    <a:pt x="207" y="161"/>
                  </a:cubicBezTo>
                  <a:cubicBezTo>
                    <a:pt x="204" y="161"/>
                    <a:pt x="204" y="161"/>
                    <a:pt x="204" y="161"/>
                  </a:cubicBezTo>
                  <a:cubicBezTo>
                    <a:pt x="204" y="161"/>
                    <a:pt x="205" y="161"/>
                    <a:pt x="205" y="162"/>
                  </a:cubicBezTo>
                  <a:cubicBezTo>
                    <a:pt x="207" y="164"/>
                    <a:pt x="208" y="164"/>
                    <a:pt x="210" y="167"/>
                  </a:cubicBezTo>
                  <a:cubicBezTo>
                    <a:pt x="210" y="170"/>
                    <a:pt x="213" y="165"/>
                    <a:pt x="212" y="172"/>
                  </a:cubicBezTo>
                  <a:cubicBezTo>
                    <a:pt x="201" y="172"/>
                    <a:pt x="201" y="172"/>
                    <a:pt x="201" y="172"/>
                  </a:cubicBezTo>
                  <a:cubicBezTo>
                    <a:pt x="198" y="179"/>
                    <a:pt x="198" y="179"/>
                    <a:pt x="198" y="179"/>
                  </a:cubicBezTo>
                  <a:cubicBezTo>
                    <a:pt x="199" y="181"/>
                    <a:pt x="199" y="181"/>
                    <a:pt x="199" y="181"/>
                  </a:cubicBezTo>
                  <a:cubicBezTo>
                    <a:pt x="199" y="181"/>
                    <a:pt x="198" y="182"/>
                    <a:pt x="198" y="184"/>
                  </a:cubicBezTo>
                  <a:cubicBezTo>
                    <a:pt x="198" y="186"/>
                    <a:pt x="198" y="187"/>
                    <a:pt x="198" y="187"/>
                  </a:cubicBezTo>
                  <a:cubicBezTo>
                    <a:pt x="190" y="181"/>
                    <a:pt x="190" y="173"/>
                    <a:pt x="179" y="172"/>
                  </a:cubicBezTo>
                  <a:cubicBezTo>
                    <a:pt x="170" y="168"/>
                    <a:pt x="170" y="179"/>
                    <a:pt x="160" y="175"/>
                  </a:cubicBezTo>
                  <a:cubicBezTo>
                    <a:pt x="149" y="172"/>
                    <a:pt x="129" y="162"/>
                    <a:pt x="123" y="156"/>
                  </a:cubicBezTo>
                  <a:cubicBezTo>
                    <a:pt x="117" y="150"/>
                    <a:pt x="114" y="154"/>
                    <a:pt x="106" y="147"/>
                  </a:cubicBezTo>
                  <a:cubicBezTo>
                    <a:pt x="100" y="140"/>
                    <a:pt x="96" y="140"/>
                    <a:pt x="93" y="134"/>
                  </a:cubicBezTo>
                  <a:cubicBezTo>
                    <a:pt x="88" y="127"/>
                    <a:pt x="97" y="123"/>
                    <a:pt x="93" y="117"/>
                  </a:cubicBezTo>
                  <a:cubicBezTo>
                    <a:pt x="90" y="109"/>
                    <a:pt x="94" y="108"/>
                    <a:pt x="79" y="92"/>
                  </a:cubicBezTo>
                  <a:cubicBezTo>
                    <a:pt x="67" y="81"/>
                    <a:pt x="73" y="81"/>
                    <a:pt x="64" y="77"/>
                  </a:cubicBezTo>
                  <a:cubicBezTo>
                    <a:pt x="56" y="72"/>
                    <a:pt x="68" y="67"/>
                    <a:pt x="59" y="63"/>
                  </a:cubicBezTo>
                  <a:cubicBezTo>
                    <a:pt x="50" y="60"/>
                    <a:pt x="55" y="55"/>
                    <a:pt x="48" y="52"/>
                  </a:cubicBezTo>
                  <a:cubicBezTo>
                    <a:pt x="42" y="47"/>
                    <a:pt x="36" y="36"/>
                    <a:pt x="33" y="25"/>
                  </a:cubicBezTo>
                  <a:cubicBezTo>
                    <a:pt x="30" y="16"/>
                    <a:pt x="30" y="16"/>
                    <a:pt x="27" y="15"/>
                  </a:cubicBezTo>
                  <a:cubicBezTo>
                    <a:pt x="23" y="13"/>
                    <a:pt x="26" y="15"/>
                    <a:pt x="20" y="11"/>
                  </a:cubicBezTo>
                  <a:cubicBezTo>
                    <a:pt x="15" y="8"/>
                    <a:pt x="20" y="25"/>
                    <a:pt x="23" y="32"/>
                  </a:cubicBezTo>
                  <a:cubicBezTo>
                    <a:pt x="26" y="38"/>
                    <a:pt x="32" y="41"/>
                    <a:pt x="33" y="49"/>
                  </a:cubicBezTo>
                  <a:cubicBezTo>
                    <a:pt x="36" y="57"/>
                    <a:pt x="41" y="58"/>
                    <a:pt x="44" y="64"/>
                  </a:cubicBezTo>
                  <a:cubicBezTo>
                    <a:pt x="47" y="72"/>
                    <a:pt x="45" y="70"/>
                    <a:pt x="48" y="78"/>
                  </a:cubicBezTo>
                  <a:cubicBezTo>
                    <a:pt x="53" y="86"/>
                    <a:pt x="50" y="86"/>
                    <a:pt x="52" y="89"/>
                  </a:cubicBezTo>
                  <a:cubicBezTo>
                    <a:pt x="55" y="92"/>
                    <a:pt x="55" y="86"/>
                    <a:pt x="58" y="92"/>
                  </a:cubicBezTo>
                  <a:cubicBezTo>
                    <a:pt x="61" y="98"/>
                    <a:pt x="64" y="98"/>
                    <a:pt x="59" y="102"/>
                  </a:cubicBezTo>
                  <a:cubicBezTo>
                    <a:pt x="55" y="105"/>
                    <a:pt x="58" y="98"/>
                    <a:pt x="45" y="89"/>
                  </a:cubicBezTo>
                  <a:cubicBezTo>
                    <a:pt x="32" y="81"/>
                    <a:pt x="44" y="74"/>
                    <a:pt x="36" y="69"/>
                  </a:cubicBezTo>
                  <a:cubicBezTo>
                    <a:pt x="30" y="63"/>
                    <a:pt x="24" y="61"/>
                    <a:pt x="18" y="55"/>
                  </a:cubicBezTo>
                  <a:cubicBezTo>
                    <a:pt x="13" y="49"/>
                    <a:pt x="23" y="57"/>
                    <a:pt x="23" y="49"/>
                  </a:cubicBezTo>
                  <a:cubicBezTo>
                    <a:pt x="24" y="41"/>
                    <a:pt x="15" y="38"/>
                    <a:pt x="12" y="32"/>
                  </a:cubicBezTo>
                  <a:cubicBezTo>
                    <a:pt x="7" y="27"/>
                    <a:pt x="9" y="21"/>
                    <a:pt x="0" y="4"/>
                  </a:cubicBezTo>
                  <a:cubicBezTo>
                    <a:pt x="4" y="2"/>
                    <a:pt x="15" y="2"/>
                    <a:pt x="18" y="0"/>
                  </a:cubicBezTo>
                  <a:cubicBezTo>
                    <a:pt x="18" y="4"/>
                    <a:pt x="18" y="4"/>
                    <a:pt x="18" y="4"/>
                  </a:cubicBezTo>
                  <a:cubicBezTo>
                    <a:pt x="23" y="5"/>
                    <a:pt x="45" y="15"/>
                    <a:pt x="48" y="16"/>
                  </a:cubicBezTo>
                  <a:cubicBezTo>
                    <a:pt x="71" y="16"/>
                    <a:pt x="71" y="16"/>
                    <a:pt x="71" y="16"/>
                  </a:cubicBezTo>
                  <a:cubicBezTo>
                    <a:pt x="71" y="11"/>
                    <a:pt x="71" y="11"/>
                    <a:pt x="71" y="11"/>
                  </a:cubicBezTo>
                  <a:cubicBezTo>
                    <a:pt x="84" y="11"/>
                    <a:pt x="84" y="11"/>
                    <a:pt x="84" y="11"/>
                  </a:cubicBezTo>
                  <a:cubicBezTo>
                    <a:pt x="84" y="11"/>
                    <a:pt x="93" y="21"/>
                    <a:pt x="96" y="24"/>
                  </a:cubicBezTo>
                  <a:cubicBezTo>
                    <a:pt x="100" y="27"/>
                    <a:pt x="99" y="35"/>
                    <a:pt x="106" y="39"/>
                  </a:cubicBezTo>
                  <a:cubicBezTo>
                    <a:pt x="115" y="43"/>
                    <a:pt x="109" y="29"/>
                    <a:pt x="120" y="30"/>
                  </a:cubicBezTo>
                  <a:cubicBezTo>
                    <a:pt x="129" y="32"/>
                    <a:pt x="131" y="44"/>
                    <a:pt x="137" y="52"/>
                  </a:cubicBezTo>
                  <a:cubicBezTo>
                    <a:pt x="143" y="60"/>
                    <a:pt x="138" y="69"/>
                    <a:pt x="152" y="70"/>
                  </a:cubicBezTo>
                  <a:cubicBezTo>
                    <a:pt x="154" y="70"/>
                    <a:pt x="157" y="74"/>
                    <a:pt x="157" y="72"/>
                  </a:cubicBezTo>
                  <a:cubicBezTo>
                    <a:pt x="157" y="72"/>
                    <a:pt x="157" y="72"/>
                    <a:pt x="158" y="72"/>
                  </a:cubicBezTo>
                  <a:cubicBezTo>
                    <a:pt x="158" y="78"/>
                    <a:pt x="155" y="78"/>
                    <a:pt x="154" y="89"/>
                  </a:cubicBezTo>
                  <a:cubicBezTo>
                    <a:pt x="152" y="102"/>
                    <a:pt x="154" y="102"/>
                    <a:pt x="154" y="105"/>
                  </a:cubicBezTo>
                  <a:cubicBezTo>
                    <a:pt x="152" y="106"/>
                    <a:pt x="152" y="105"/>
                    <a:pt x="154" y="108"/>
                  </a:cubicBezTo>
                  <a:cubicBezTo>
                    <a:pt x="154" y="112"/>
                    <a:pt x="154" y="117"/>
                    <a:pt x="155" y="117"/>
                  </a:cubicBezTo>
                  <a:cubicBezTo>
                    <a:pt x="157" y="117"/>
                    <a:pt x="155" y="123"/>
                    <a:pt x="160" y="128"/>
                  </a:cubicBezTo>
                  <a:cubicBezTo>
                    <a:pt x="167" y="136"/>
                    <a:pt x="164" y="144"/>
                    <a:pt x="172" y="145"/>
                  </a:cubicBezTo>
                  <a:cubicBezTo>
                    <a:pt x="179" y="147"/>
                    <a:pt x="178" y="151"/>
                    <a:pt x="181" y="151"/>
                  </a:cubicBezTo>
                  <a:cubicBezTo>
                    <a:pt x="184" y="150"/>
                    <a:pt x="184" y="148"/>
                    <a:pt x="189" y="148"/>
                  </a:cubicBezTo>
                  <a:cubicBezTo>
                    <a:pt x="196" y="147"/>
                    <a:pt x="192" y="147"/>
                    <a:pt x="196" y="145"/>
                  </a:cubicBezTo>
                  <a:cubicBezTo>
                    <a:pt x="199" y="145"/>
                    <a:pt x="201" y="145"/>
                    <a:pt x="201" y="147"/>
                  </a:cubicBezTo>
                  <a:cubicBezTo>
                    <a:pt x="201" y="150"/>
                    <a:pt x="204" y="148"/>
                    <a:pt x="204" y="147"/>
                  </a:cubicBezTo>
                  <a:cubicBezTo>
                    <a:pt x="205" y="144"/>
                    <a:pt x="202" y="145"/>
                    <a:pt x="204" y="144"/>
                  </a:cubicBezTo>
                  <a:cubicBezTo>
                    <a:pt x="205" y="142"/>
                    <a:pt x="208" y="142"/>
                    <a:pt x="210" y="137"/>
                  </a:cubicBezTo>
                  <a:cubicBezTo>
                    <a:pt x="210" y="131"/>
                    <a:pt x="212" y="136"/>
                    <a:pt x="212" y="130"/>
                  </a:cubicBezTo>
                  <a:cubicBezTo>
                    <a:pt x="210" y="125"/>
                    <a:pt x="212" y="127"/>
                    <a:pt x="212" y="123"/>
                  </a:cubicBezTo>
                  <a:cubicBezTo>
                    <a:pt x="212" y="120"/>
                    <a:pt x="218" y="119"/>
                    <a:pt x="222" y="119"/>
                  </a:cubicBezTo>
                  <a:cubicBezTo>
                    <a:pt x="227" y="119"/>
                    <a:pt x="224" y="117"/>
                    <a:pt x="228" y="117"/>
                  </a:cubicBezTo>
                  <a:cubicBezTo>
                    <a:pt x="233" y="116"/>
                    <a:pt x="236" y="119"/>
                    <a:pt x="237" y="117"/>
                  </a:cubicBezTo>
                  <a:cubicBezTo>
                    <a:pt x="239" y="117"/>
                    <a:pt x="237" y="117"/>
                    <a:pt x="236" y="117"/>
                  </a:cubicBezTo>
                  <a:cubicBezTo>
                    <a:pt x="236" y="117"/>
                    <a:pt x="237" y="116"/>
                    <a:pt x="239" y="117"/>
                  </a:cubicBezTo>
                  <a:cubicBezTo>
                    <a:pt x="240" y="119"/>
                    <a:pt x="240" y="117"/>
                    <a:pt x="240" y="119"/>
                  </a:cubicBezTo>
                  <a:cubicBezTo>
                    <a:pt x="240" y="122"/>
                    <a:pt x="242" y="120"/>
                    <a:pt x="239" y="125"/>
                  </a:cubicBezTo>
                  <a:cubicBezTo>
                    <a:pt x="234" y="131"/>
                    <a:pt x="236" y="134"/>
                    <a:pt x="234" y="134"/>
                  </a:cubicBezTo>
                  <a:cubicBezTo>
                    <a:pt x="231" y="136"/>
                    <a:pt x="233" y="137"/>
                    <a:pt x="234" y="137"/>
                  </a:cubicBezTo>
                  <a:cubicBezTo>
                    <a:pt x="236" y="136"/>
                    <a:pt x="236" y="137"/>
                    <a:pt x="234" y="139"/>
                  </a:cubicBezTo>
                  <a:cubicBezTo>
                    <a:pt x="231" y="140"/>
                    <a:pt x="236" y="139"/>
                    <a:pt x="234" y="140"/>
                  </a:cubicBezTo>
                  <a:cubicBezTo>
                    <a:pt x="234" y="142"/>
                    <a:pt x="233" y="153"/>
                    <a:pt x="231" y="150"/>
                  </a:cubicBezTo>
                  <a:cubicBezTo>
                    <a:pt x="231" y="148"/>
                    <a:pt x="230" y="148"/>
                    <a:pt x="230" y="147"/>
                  </a:cubicBezTo>
                  <a:cubicBezTo>
                    <a:pt x="231" y="144"/>
                    <a:pt x="231" y="144"/>
                    <a:pt x="230" y="145"/>
                  </a:cubicBezTo>
                  <a:cubicBezTo>
                    <a:pt x="230" y="147"/>
                    <a:pt x="228" y="147"/>
                    <a:pt x="228" y="148"/>
                  </a:cubicBezTo>
                  <a:cubicBezTo>
                    <a:pt x="225" y="147"/>
                    <a:pt x="225" y="153"/>
                    <a:pt x="224" y="153"/>
                  </a:cubicBezTo>
                  <a:cubicBezTo>
                    <a:pt x="224" y="154"/>
                    <a:pt x="222" y="151"/>
                    <a:pt x="222" y="154"/>
                  </a:cubicBezTo>
                </a:path>
              </a:pathLst>
            </a:custGeom>
            <a:solidFill>
              <a:schemeClr val="accent5"/>
            </a:solidFill>
            <a:ln w="6350" cmpd="sng">
              <a:solidFill>
                <a:schemeClr val="bg1"/>
              </a:solidFill>
              <a:round/>
              <a:headEnd/>
              <a:tailEnd/>
            </a:ln>
          </p:spPr>
          <p:txBody>
            <a:bodyPr/>
            <a:lstStyle/>
            <a:p>
              <a:endParaRPr lang="en-GB" sz="1633" dirty="0">
                <a:solidFill>
                  <a:schemeClr val="accent5"/>
                </a:solidFill>
              </a:endParaRPr>
            </a:p>
          </p:txBody>
        </p:sp>
        <p:sp>
          <p:nvSpPr>
            <p:cNvPr id="9" name="Freeform 15"/>
            <p:cNvSpPr>
              <a:spLocks/>
            </p:cNvSpPr>
            <p:nvPr/>
          </p:nvSpPr>
          <p:spPr bwMode="auto">
            <a:xfrm>
              <a:off x="2466152" y="4557784"/>
              <a:ext cx="27132" cy="82566"/>
            </a:xfrm>
            <a:custGeom>
              <a:avLst/>
              <a:gdLst/>
              <a:ahLst/>
              <a:cxnLst>
                <a:cxn ang="0">
                  <a:pos x="6" y="1"/>
                </a:cxn>
                <a:cxn ang="0">
                  <a:pos x="2" y="6"/>
                </a:cxn>
                <a:cxn ang="0">
                  <a:pos x="0" y="7"/>
                </a:cxn>
                <a:cxn ang="0">
                  <a:pos x="0" y="26"/>
                </a:cxn>
                <a:cxn ang="0">
                  <a:pos x="2" y="26"/>
                </a:cxn>
                <a:cxn ang="0">
                  <a:pos x="6" y="20"/>
                </a:cxn>
                <a:cxn ang="0">
                  <a:pos x="8" y="4"/>
                </a:cxn>
                <a:cxn ang="0">
                  <a:pos x="8" y="1"/>
                </a:cxn>
                <a:cxn ang="0">
                  <a:pos x="6" y="1"/>
                </a:cxn>
              </a:cxnLst>
              <a:rect l="0" t="0" r="r" b="b"/>
              <a:pathLst>
                <a:path w="9" h="26">
                  <a:moveTo>
                    <a:pt x="6" y="1"/>
                  </a:moveTo>
                  <a:cubicBezTo>
                    <a:pt x="3" y="0"/>
                    <a:pt x="3" y="6"/>
                    <a:pt x="2" y="6"/>
                  </a:cubicBezTo>
                  <a:cubicBezTo>
                    <a:pt x="2" y="7"/>
                    <a:pt x="0" y="4"/>
                    <a:pt x="0" y="7"/>
                  </a:cubicBezTo>
                  <a:cubicBezTo>
                    <a:pt x="0" y="26"/>
                    <a:pt x="0" y="26"/>
                    <a:pt x="0" y="26"/>
                  </a:cubicBezTo>
                  <a:cubicBezTo>
                    <a:pt x="2" y="26"/>
                    <a:pt x="2" y="26"/>
                    <a:pt x="2" y="26"/>
                  </a:cubicBezTo>
                  <a:cubicBezTo>
                    <a:pt x="2" y="25"/>
                    <a:pt x="5" y="23"/>
                    <a:pt x="6" y="20"/>
                  </a:cubicBezTo>
                  <a:cubicBezTo>
                    <a:pt x="8" y="18"/>
                    <a:pt x="6" y="9"/>
                    <a:pt x="8" y="4"/>
                  </a:cubicBezTo>
                  <a:cubicBezTo>
                    <a:pt x="9" y="3"/>
                    <a:pt x="8" y="1"/>
                    <a:pt x="8" y="1"/>
                  </a:cubicBezTo>
                  <a:cubicBezTo>
                    <a:pt x="6" y="3"/>
                    <a:pt x="6" y="3"/>
                    <a:pt x="6" y="1"/>
                  </a:cubicBezTo>
                </a:path>
              </a:pathLst>
            </a:custGeom>
            <a:solidFill>
              <a:schemeClr val="accent5"/>
            </a:solidFill>
            <a:ln w="6350" cmpd="sng">
              <a:solidFill>
                <a:schemeClr val="bg1"/>
              </a:solidFill>
              <a:round/>
              <a:headEnd/>
              <a:tailEnd/>
            </a:ln>
          </p:spPr>
          <p:txBody>
            <a:bodyPr/>
            <a:lstStyle/>
            <a:p>
              <a:endParaRPr lang="en-GB" sz="1633" dirty="0"/>
            </a:p>
          </p:txBody>
        </p:sp>
        <p:sp>
          <p:nvSpPr>
            <p:cNvPr id="10" name="Freeform 16"/>
            <p:cNvSpPr>
              <a:spLocks/>
            </p:cNvSpPr>
            <p:nvPr/>
          </p:nvSpPr>
          <p:spPr bwMode="auto">
            <a:xfrm>
              <a:off x="2940178" y="5422298"/>
              <a:ext cx="316018" cy="424163"/>
            </a:xfrm>
            <a:custGeom>
              <a:avLst/>
              <a:gdLst/>
              <a:ahLst/>
              <a:cxnLst>
                <a:cxn ang="0">
                  <a:pos x="3" y="16"/>
                </a:cxn>
                <a:cxn ang="0">
                  <a:pos x="20" y="10"/>
                </a:cxn>
                <a:cxn ang="0">
                  <a:pos x="36" y="6"/>
                </a:cxn>
                <a:cxn ang="0">
                  <a:pos x="41" y="27"/>
                </a:cxn>
                <a:cxn ang="0">
                  <a:pos x="56" y="34"/>
                </a:cxn>
                <a:cxn ang="0">
                  <a:pos x="62" y="39"/>
                </a:cxn>
                <a:cxn ang="0">
                  <a:pos x="73" y="42"/>
                </a:cxn>
                <a:cxn ang="0">
                  <a:pos x="79" y="69"/>
                </a:cxn>
                <a:cxn ang="0">
                  <a:pos x="91" y="70"/>
                </a:cxn>
                <a:cxn ang="0">
                  <a:pos x="94" y="79"/>
                </a:cxn>
                <a:cxn ang="0">
                  <a:pos x="96" y="95"/>
                </a:cxn>
                <a:cxn ang="0">
                  <a:pos x="94" y="103"/>
                </a:cxn>
                <a:cxn ang="0">
                  <a:pos x="93" y="107"/>
                </a:cxn>
                <a:cxn ang="0">
                  <a:pos x="90" y="103"/>
                </a:cxn>
                <a:cxn ang="0">
                  <a:pos x="76" y="100"/>
                </a:cxn>
                <a:cxn ang="0">
                  <a:pos x="64" y="104"/>
                </a:cxn>
                <a:cxn ang="0">
                  <a:pos x="61" y="115"/>
                </a:cxn>
                <a:cxn ang="0">
                  <a:pos x="58" y="129"/>
                </a:cxn>
                <a:cxn ang="0">
                  <a:pos x="55" y="126"/>
                </a:cxn>
                <a:cxn ang="0">
                  <a:pos x="49" y="126"/>
                </a:cxn>
                <a:cxn ang="0">
                  <a:pos x="44" y="134"/>
                </a:cxn>
                <a:cxn ang="0">
                  <a:pos x="35" y="128"/>
                </a:cxn>
                <a:cxn ang="0">
                  <a:pos x="29" y="123"/>
                </a:cxn>
                <a:cxn ang="0">
                  <a:pos x="26" y="128"/>
                </a:cxn>
                <a:cxn ang="0">
                  <a:pos x="21" y="134"/>
                </a:cxn>
                <a:cxn ang="0">
                  <a:pos x="15" y="131"/>
                </a:cxn>
                <a:cxn ang="0">
                  <a:pos x="12" y="115"/>
                </a:cxn>
                <a:cxn ang="0">
                  <a:pos x="10" y="111"/>
                </a:cxn>
                <a:cxn ang="0">
                  <a:pos x="10" y="106"/>
                </a:cxn>
                <a:cxn ang="0">
                  <a:pos x="10" y="101"/>
                </a:cxn>
                <a:cxn ang="0">
                  <a:pos x="9" y="97"/>
                </a:cxn>
                <a:cxn ang="0">
                  <a:pos x="6" y="87"/>
                </a:cxn>
                <a:cxn ang="0">
                  <a:pos x="3" y="79"/>
                </a:cxn>
                <a:cxn ang="0">
                  <a:pos x="4" y="67"/>
                </a:cxn>
                <a:cxn ang="0">
                  <a:pos x="4" y="56"/>
                </a:cxn>
                <a:cxn ang="0">
                  <a:pos x="7" y="45"/>
                </a:cxn>
                <a:cxn ang="0">
                  <a:pos x="9" y="31"/>
                </a:cxn>
                <a:cxn ang="0">
                  <a:pos x="3" y="16"/>
                </a:cxn>
              </a:cxnLst>
              <a:rect l="0" t="0" r="r" b="b"/>
              <a:pathLst>
                <a:path w="102" h="135">
                  <a:moveTo>
                    <a:pt x="3" y="16"/>
                  </a:moveTo>
                  <a:cubicBezTo>
                    <a:pt x="12" y="19"/>
                    <a:pt x="10" y="17"/>
                    <a:pt x="20" y="10"/>
                  </a:cubicBezTo>
                  <a:cubicBezTo>
                    <a:pt x="27" y="3"/>
                    <a:pt x="39" y="0"/>
                    <a:pt x="36" y="6"/>
                  </a:cubicBezTo>
                  <a:cubicBezTo>
                    <a:pt x="35" y="14"/>
                    <a:pt x="35" y="20"/>
                    <a:pt x="41" y="27"/>
                  </a:cubicBezTo>
                  <a:cubicBezTo>
                    <a:pt x="47" y="33"/>
                    <a:pt x="50" y="30"/>
                    <a:pt x="56" y="34"/>
                  </a:cubicBezTo>
                  <a:cubicBezTo>
                    <a:pt x="61" y="39"/>
                    <a:pt x="59" y="36"/>
                    <a:pt x="62" y="39"/>
                  </a:cubicBezTo>
                  <a:cubicBezTo>
                    <a:pt x="67" y="44"/>
                    <a:pt x="68" y="38"/>
                    <a:pt x="73" y="42"/>
                  </a:cubicBezTo>
                  <a:cubicBezTo>
                    <a:pt x="77" y="47"/>
                    <a:pt x="74" y="67"/>
                    <a:pt x="79" y="69"/>
                  </a:cubicBezTo>
                  <a:cubicBezTo>
                    <a:pt x="83" y="69"/>
                    <a:pt x="93" y="67"/>
                    <a:pt x="91" y="70"/>
                  </a:cubicBezTo>
                  <a:cubicBezTo>
                    <a:pt x="90" y="73"/>
                    <a:pt x="90" y="78"/>
                    <a:pt x="94" y="79"/>
                  </a:cubicBezTo>
                  <a:cubicBezTo>
                    <a:pt x="102" y="83"/>
                    <a:pt x="96" y="93"/>
                    <a:pt x="96" y="95"/>
                  </a:cubicBezTo>
                  <a:cubicBezTo>
                    <a:pt x="97" y="98"/>
                    <a:pt x="94" y="101"/>
                    <a:pt x="94" y="103"/>
                  </a:cubicBezTo>
                  <a:cubicBezTo>
                    <a:pt x="96" y="106"/>
                    <a:pt x="96" y="106"/>
                    <a:pt x="93" y="107"/>
                  </a:cubicBezTo>
                  <a:cubicBezTo>
                    <a:pt x="93" y="104"/>
                    <a:pt x="94" y="104"/>
                    <a:pt x="90" y="103"/>
                  </a:cubicBezTo>
                  <a:cubicBezTo>
                    <a:pt x="87" y="100"/>
                    <a:pt x="85" y="97"/>
                    <a:pt x="76" y="100"/>
                  </a:cubicBezTo>
                  <a:cubicBezTo>
                    <a:pt x="67" y="101"/>
                    <a:pt x="65" y="100"/>
                    <a:pt x="64" y="104"/>
                  </a:cubicBezTo>
                  <a:cubicBezTo>
                    <a:pt x="62" y="109"/>
                    <a:pt x="61" y="109"/>
                    <a:pt x="61" y="115"/>
                  </a:cubicBezTo>
                  <a:cubicBezTo>
                    <a:pt x="61" y="120"/>
                    <a:pt x="58" y="126"/>
                    <a:pt x="58" y="129"/>
                  </a:cubicBezTo>
                  <a:cubicBezTo>
                    <a:pt x="56" y="128"/>
                    <a:pt x="56" y="126"/>
                    <a:pt x="55" y="126"/>
                  </a:cubicBezTo>
                  <a:cubicBezTo>
                    <a:pt x="53" y="126"/>
                    <a:pt x="52" y="126"/>
                    <a:pt x="49" y="126"/>
                  </a:cubicBezTo>
                  <a:cubicBezTo>
                    <a:pt x="47" y="126"/>
                    <a:pt x="45" y="128"/>
                    <a:pt x="44" y="134"/>
                  </a:cubicBezTo>
                  <a:cubicBezTo>
                    <a:pt x="42" y="126"/>
                    <a:pt x="39" y="126"/>
                    <a:pt x="35" y="128"/>
                  </a:cubicBezTo>
                  <a:cubicBezTo>
                    <a:pt x="30" y="128"/>
                    <a:pt x="30" y="123"/>
                    <a:pt x="29" y="123"/>
                  </a:cubicBezTo>
                  <a:cubicBezTo>
                    <a:pt x="27" y="124"/>
                    <a:pt x="29" y="126"/>
                    <a:pt x="26" y="128"/>
                  </a:cubicBezTo>
                  <a:cubicBezTo>
                    <a:pt x="24" y="129"/>
                    <a:pt x="24" y="132"/>
                    <a:pt x="21" y="134"/>
                  </a:cubicBezTo>
                  <a:cubicBezTo>
                    <a:pt x="18" y="135"/>
                    <a:pt x="17" y="135"/>
                    <a:pt x="15" y="131"/>
                  </a:cubicBezTo>
                  <a:cubicBezTo>
                    <a:pt x="15" y="124"/>
                    <a:pt x="14" y="115"/>
                    <a:pt x="12" y="115"/>
                  </a:cubicBezTo>
                  <a:cubicBezTo>
                    <a:pt x="9" y="115"/>
                    <a:pt x="12" y="112"/>
                    <a:pt x="10" y="111"/>
                  </a:cubicBezTo>
                  <a:cubicBezTo>
                    <a:pt x="9" y="111"/>
                    <a:pt x="9" y="109"/>
                    <a:pt x="10" y="106"/>
                  </a:cubicBezTo>
                  <a:cubicBezTo>
                    <a:pt x="12" y="104"/>
                    <a:pt x="7" y="104"/>
                    <a:pt x="10" y="101"/>
                  </a:cubicBezTo>
                  <a:cubicBezTo>
                    <a:pt x="12" y="100"/>
                    <a:pt x="10" y="100"/>
                    <a:pt x="9" y="97"/>
                  </a:cubicBezTo>
                  <a:cubicBezTo>
                    <a:pt x="7" y="97"/>
                    <a:pt x="6" y="89"/>
                    <a:pt x="6" y="87"/>
                  </a:cubicBezTo>
                  <a:cubicBezTo>
                    <a:pt x="6" y="86"/>
                    <a:pt x="4" y="86"/>
                    <a:pt x="3" y="79"/>
                  </a:cubicBezTo>
                  <a:cubicBezTo>
                    <a:pt x="3" y="76"/>
                    <a:pt x="10" y="70"/>
                    <a:pt x="4" y="67"/>
                  </a:cubicBezTo>
                  <a:cubicBezTo>
                    <a:pt x="0" y="64"/>
                    <a:pt x="7" y="61"/>
                    <a:pt x="4" y="56"/>
                  </a:cubicBezTo>
                  <a:cubicBezTo>
                    <a:pt x="1" y="52"/>
                    <a:pt x="9" y="50"/>
                    <a:pt x="7" y="45"/>
                  </a:cubicBezTo>
                  <a:cubicBezTo>
                    <a:pt x="6" y="39"/>
                    <a:pt x="9" y="31"/>
                    <a:pt x="9" y="31"/>
                  </a:cubicBezTo>
                  <a:cubicBezTo>
                    <a:pt x="3" y="16"/>
                    <a:pt x="3" y="16"/>
                    <a:pt x="3" y="16"/>
                  </a:cubicBezTo>
                  <a:close/>
                </a:path>
              </a:pathLst>
            </a:custGeom>
            <a:solidFill>
              <a:schemeClr val="accent5"/>
            </a:solidFill>
            <a:ln w="6350" cmpd="sng">
              <a:solidFill>
                <a:schemeClr val="bg1"/>
              </a:solidFill>
              <a:round/>
              <a:headEnd/>
              <a:tailEnd/>
            </a:ln>
          </p:spPr>
          <p:txBody>
            <a:bodyPr/>
            <a:lstStyle/>
            <a:p>
              <a:endParaRPr lang="en-GB" sz="1633" dirty="0">
                <a:solidFill>
                  <a:schemeClr val="accent5"/>
                </a:solidFill>
              </a:endParaRPr>
            </a:p>
          </p:txBody>
        </p:sp>
        <p:sp>
          <p:nvSpPr>
            <p:cNvPr id="11" name="Freeform 17"/>
            <p:cNvSpPr>
              <a:spLocks/>
            </p:cNvSpPr>
            <p:nvPr/>
          </p:nvSpPr>
          <p:spPr bwMode="auto">
            <a:xfrm>
              <a:off x="3118936" y="5723421"/>
              <a:ext cx="207486" cy="280077"/>
            </a:xfrm>
            <a:custGeom>
              <a:avLst/>
              <a:gdLst/>
              <a:ahLst/>
              <a:cxnLst>
                <a:cxn ang="0">
                  <a:pos x="62" y="66"/>
                </a:cxn>
                <a:cxn ang="0">
                  <a:pos x="62" y="75"/>
                </a:cxn>
                <a:cxn ang="0">
                  <a:pos x="56" y="84"/>
                </a:cxn>
                <a:cxn ang="0">
                  <a:pos x="50" y="86"/>
                </a:cxn>
                <a:cxn ang="0">
                  <a:pos x="36" y="84"/>
                </a:cxn>
                <a:cxn ang="0">
                  <a:pos x="32" y="83"/>
                </a:cxn>
                <a:cxn ang="0">
                  <a:pos x="35" y="78"/>
                </a:cxn>
                <a:cxn ang="0">
                  <a:pos x="36" y="72"/>
                </a:cxn>
                <a:cxn ang="0">
                  <a:pos x="39" y="66"/>
                </a:cxn>
                <a:cxn ang="0">
                  <a:pos x="35" y="59"/>
                </a:cxn>
                <a:cxn ang="0">
                  <a:pos x="23" y="53"/>
                </a:cxn>
                <a:cxn ang="0">
                  <a:pos x="12" y="47"/>
                </a:cxn>
                <a:cxn ang="0">
                  <a:pos x="3" y="38"/>
                </a:cxn>
                <a:cxn ang="0">
                  <a:pos x="0" y="33"/>
                </a:cxn>
                <a:cxn ang="0">
                  <a:pos x="3" y="19"/>
                </a:cxn>
                <a:cxn ang="0">
                  <a:pos x="6" y="8"/>
                </a:cxn>
                <a:cxn ang="0">
                  <a:pos x="18" y="3"/>
                </a:cxn>
                <a:cxn ang="0">
                  <a:pos x="32" y="7"/>
                </a:cxn>
                <a:cxn ang="0">
                  <a:pos x="35" y="11"/>
                </a:cxn>
                <a:cxn ang="0">
                  <a:pos x="38" y="22"/>
                </a:cxn>
                <a:cxn ang="0">
                  <a:pos x="36" y="30"/>
                </a:cxn>
                <a:cxn ang="0">
                  <a:pos x="47" y="31"/>
                </a:cxn>
                <a:cxn ang="0">
                  <a:pos x="55" y="35"/>
                </a:cxn>
                <a:cxn ang="0">
                  <a:pos x="58" y="50"/>
                </a:cxn>
                <a:cxn ang="0">
                  <a:pos x="64" y="49"/>
                </a:cxn>
                <a:cxn ang="0">
                  <a:pos x="62" y="66"/>
                </a:cxn>
              </a:cxnLst>
              <a:rect l="0" t="0" r="r" b="b"/>
              <a:pathLst>
                <a:path w="67" h="89">
                  <a:moveTo>
                    <a:pt x="62" y="66"/>
                  </a:moveTo>
                  <a:cubicBezTo>
                    <a:pt x="64" y="72"/>
                    <a:pt x="62" y="70"/>
                    <a:pt x="62" y="75"/>
                  </a:cubicBezTo>
                  <a:cubicBezTo>
                    <a:pt x="61" y="80"/>
                    <a:pt x="56" y="80"/>
                    <a:pt x="56" y="84"/>
                  </a:cubicBezTo>
                  <a:cubicBezTo>
                    <a:pt x="55" y="89"/>
                    <a:pt x="53" y="81"/>
                    <a:pt x="50" y="86"/>
                  </a:cubicBezTo>
                  <a:cubicBezTo>
                    <a:pt x="45" y="89"/>
                    <a:pt x="42" y="84"/>
                    <a:pt x="36" y="84"/>
                  </a:cubicBezTo>
                  <a:cubicBezTo>
                    <a:pt x="32" y="84"/>
                    <a:pt x="32" y="86"/>
                    <a:pt x="32" y="83"/>
                  </a:cubicBezTo>
                  <a:cubicBezTo>
                    <a:pt x="30" y="81"/>
                    <a:pt x="33" y="81"/>
                    <a:pt x="35" y="78"/>
                  </a:cubicBezTo>
                  <a:cubicBezTo>
                    <a:pt x="36" y="75"/>
                    <a:pt x="33" y="73"/>
                    <a:pt x="36" y="72"/>
                  </a:cubicBezTo>
                  <a:cubicBezTo>
                    <a:pt x="39" y="70"/>
                    <a:pt x="36" y="70"/>
                    <a:pt x="39" y="66"/>
                  </a:cubicBezTo>
                  <a:cubicBezTo>
                    <a:pt x="41" y="64"/>
                    <a:pt x="36" y="59"/>
                    <a:pt x="35" y="59"/>
                  </a:cubicBezTo>
                  <a:cubicBezTo>
                    <a:pt x="32" y="59"/>
                    <a:pt x="29" y="58"/>
                    <a:pt x="23" y="53"/>
                  </a:cubicBezTo>
                  <a:cubicBezTo>
                    <a:pt x="18" y="49"/>
                    <a:pt x="13" y="50"/>
                    <a:pt x="12" y="47"/>
                  </a:cubicBezTo>
                  <a:cubicBezTo>
                    <a:pt x="10" y="44"/>
                    <a:pt x="6" y="44"/>
                    <a:pt x="3" y="38"/>
                  </a:cubicBezTo>
                  <a:cubicBezTo>
                    <a:pt x="1" y="33"/>
                    <a:pt x="1" y="35"/>
                    <a:pt x="0" y="33"/>
                  </a:cubicBezTo>
                  <a:cubicBezTo>
                    <a:pt x="0" y="30"/>
                    <a:pt x="3" y="24"/>
                    <a:pt x="3" y="19"/>
                  </a:cubicBezTo>
                  <a:cubicBezTo>
                    <a:pt x="3" y="13"/>
                    <a:pt x="4" y="13"/>
                    <a:pt x="6" y="8"/>
                  </a:cubicBezTo>
                  <a:cubicBezTo>
                    <a:pt x="7" y="3"/>
                    <a:pt x="9" y="5"/>
                    <a:pt x="18" y="3"/>
                  </a:cubicBezTo>
                  <a:cubicBezTo>
                    <a:pt x="27" y="0"/>
                    <a:pt x="29" y="3"/>
                    <a:pt x="32" y="7"/>
                  </a:cubicBezTo>
                  <a:cubicBezTo>
                    <a:pt x="36" y="8"/>
                    <a:pt x="35" y="8"/>
                    <a:pt x="35" y="11"/>
                  </a:cubicBezTo>
                  <a:cubicBezTo>
                    <a:pt x="35" y="14"/>
                    <a:pt x="39" y="19"/>
                    <a:pt x="38" y="22"/>
                  </a:cubicBezTo>
                  <a:cubicBezTo>
                    <a:pt x="36" y="27"/>
                    <a:pt x="38" y="27"/>
                    <a:pt x="36" y="30"/>
                  </a:cubicBezTo>
                  <a:cubicBezTo>
                    <a:pt x="36" y="31"/>
                    <a:pt x="47" y="33"/>
                    <a:pt x="47" y="31"/>
                  </a:cubicBezTo>
                  <a:cubicBezTo>
                    <a:pt x="48" y="30"/>
                    <a:pt x="53" y="31"/>
                    <a:pt x="55" y="35"/>
                  </a:cubicBezTo>
                  <a:cubicBezTo>
                    <a:pt x="58" y="47"/>
                    <a:pt x="55" y="50"/>
                    <a:pt x="58" y="50"/>
                  </a:cubicBezTo>
                  <a:cubicBezTo>
                    <a:pt x="61" y="50"/>
                    <a:pt x="62" y="47"/>
                    <a:pt x="64" y="49"/>
                  </a:cubicBezTo>
                  <a:cubicBezTo>
                    <a:pt x="67" y="52"/>
                    <a:pt x="65" y="64"/>
                    <a:pt x="62" y="66"/>
                  </a:cubicBezTo>
                </a:path>
              </a:pathLst>
            </a:custGeom>
            <a:solidFill>
              <a:schemeClr val="accent5"/>
            </a:solidFill>
            <a:ln w="6350" cmpd="sng">
              <a:solidFill>
                <a:schemeClr val="bg1"/>
              </a:solidFill>
              <a:round/>
              <a:headEnd/>
              <a:tailEnd/>
            </a:ln>
          </p:spPr>
          <p:txBody>
            <a:bodyPr/>
            <a:lstStyle/>
            <a:p>
              <a:endParaRPr lang="en-GB" sz="1633" dirty="0">
                <a:solidFill>
                  <a:schemeClr val="accent5"/>
                </a:solidFill>
              </a:endParaRPr>
            </a:p>
          </p:txBody>
        </p:sp>
        <p:sp>
          <p:nvSpPr>
            <p:cNvPr id="12" name="Freeform 18"/>
            <p:cNvSpPr>
              <a:spLocks/>
            </p:cNvSpPr>
            <p:nvPr/>
          </p:nvSpPr>
          <p:spPr bwMode="auto">
            <a:xfrm>
              <a:off x="3214698" y="6071493"/>
              <a:ext cx="143645" cy="173226"/>
            </a:xfrm>
            <a:custGeom>
              <a:avLst/>
              <a:gdLst/>
              <a:ahLst/>
              <a:cxnLst>
                <a:cxn ang="0">
                  <a:pos x="42" y="42"/>
                </a:cxn>
                <a:cxn ang="0">
                  <a:pos x="32" y="52"/>
                </a:cxn>
                <a:cxn ang="0">
                  <a:pos x="22" y="52"/>
                </a:cxn>
                <a:cxn ang="0">
                  <a:pos x="9" y="48"/>
                </a:cxn>
                <a:cxn ang="0">
                  <a:pos x="2" y="45"/>
                </a:cxn>
                <a:cxn ang="0">
                  <a:pos x="3" y="34"/>
                </a:cxn>
                <a:cxn ang="0">
                  <a:pos x="3" y="20"/>
                </a:cxn>
                <a:cxn ang="0">
                  <a:pos x="5" y="14"/>
                </a:cxn>
                <a:cxn ang="0">
                  <a:pos x="8" y="3"/>
                </a:cxn>
                <a:cxn ang="0">
                  <a:pos x="17" y="5"/>
                </a:cxn>
                <a:cxn ang="0">
                  <a:pos x="23" y="12"/>
                </a:cxn>
                <a:cxn ang="0">
                  <a:pos x="29" y="15"/>
                </a:cxn>
                <a:cxn ang="0">
                  <a:pos x="35" y="22"/>
                </a:cxn>
                <a:cxn ang="0">
                  <a:pos x="42" y="28"/>
                </a:cxn>
                <a:cxn ang="0">
                  <a:pos x="42" y="42"/>
                </a:cxn>
              </a:cxnLst>
              <a:rect l="0" t="0" r="r" b="b"/>
              <a:pathLst>
                <a:path w="46" h="55">
                  <a:moveTo>
                    <a:pt x="42" y="42"/>
                  </a:moveTo>
                  <a:cubicBezTo>
                    <a:pt x="39" y="48"/>
                    <a:pt x="35" y="49"/>
                    <a:pt x="32" y="52"/>
                  </a:cubicBezTo>
                  <a:cubicBezTo>
                    <a:pt x="28" y="55"/>
                    <a:pt x="26" y="51"/>
                    <a:pt x="22" y="52"/>
                  </a:cubicBezTo>
                  <a:cubicBezTo>
                    <a:pt x="19" y="54"/>
                    <a:pt x="13" y="48"/>
                    <a:pt x="9" y="48"/>
                  </a:cubicBezTo>
                  <a:cubicBezTo>
                    <a:pt x="5" y="48"/>
                    <a:pt x="2" y="45"/>
                    <a:pt x="2" y="45"/>
                  </a:cubicBezTo>
                  <a:cubicBezTo>
                    <a:pt x="0" y="42"/>
                    <a:pt x="0" y="35"/>
                    <a:pt x="3" y="34"/>
                  </a:cubicBezTo>
                  <a:cubicBezTo>
                    <a:pt x="6" y="32"/>
                    <a:pt x="2" y="23"/>
                    <a:pt x="3" y="20"/>
                  </a:cubicBezTo>
                  <a:cubicBezTo>
                    <a:pt x="6" y="18"/>
                    <a:pt x="2" y="18"/>
                    <a:pt x="5" y="14"/>
                  </a:cubicBezTo>
                  <a:cubicBezTo>
                    <a:pt x="8" y="9"/>
                    <a:pt x="5" y="8"/>
                    <a:pt x="8" y="3"/>
                  </a:cubicBezTo>
                  <a:cubicBezTo>
                    <a:pt x="11" y="8"/>
                    <a:pt x="11" y="0"/>
                    <a:pt x="17" y="5"/>
                  </a:cubicBezTo>
                  <a:cubicBezTo>
                    <a:pt x="22" y="9"/>
                    <a:pt x="19" y="14"/>
                    <a:pt x="23" y="12"/>
                  </a:cubicBezTo>
                  <a:cubicBezTo>
                    <a:pt x="26" y="9"/>
                    <a:pt x="25" y="14"/>
                    <a:pt x="29" y="15"/>
                  </a:cubicBezTo>
                  <a:cubicBezTo>
                    <a:pt x="34" y="18"/>
                    <a:pt x="32" y="18"/>
                    <a:pt x="35" y="22"/>
                  </a:cubicBezTo>
                  <a:cubicBezTo>
                    <a:pt x="40" y="23"/>
                    <a:pt x="39" y="23"/>
                    <a:pt x="42" y="28"/>
                  </a:cubicBezTo>
                  <a:cubicBezTo>
                    <a:pt x="46" y="34"/>
                    <a:pt x="39" y="34"/>
                    <a:pt x="42" y="42"/>
                  </a:cubicBezTo>
                </a:path>
              </a:pathLst>
            </a:custGeom>
            <a:solidFill>
              <a:schemeClr val="accent5"/>
            </a:solidFill>
            <a:ln w="6350" cmpd="sng">
              <a:solidFill>
                <a:schemeClr val="bg1"/>
              </a:solidFill>
              <a:round/>
              <a:headEnd/>
              <a:tailEnd/>
            </a:ln>
          </p:spPr>
          <p:txBody>
            <a:bodyPr/>
            <a:lstStyle/>
            <a:p>
              <a:endParaRPr lang="en-GB" sz="1633" dirty="0"/>
            </a:p>
          </p:txBody>
        </p:sp>
        <p:sp>
          <p:nvSpPr>
            <p:cNvPr id="13" name="Freeform 19"/>
            <p:cNvSpPr>
              <a:spLocks/>
            </p:cNvSpPr>
            <p:nvPr/>
          </p:nvSpPr>
          <p:spPr bwMode="auto">
            <a:xfrm>
              <a:off x="2651293" y="5129270"/>
              <a:ext cx="319210" cy="568248"/>
            </a:xfrm>
            <a:custGeom>
              <a:avLst/>
              <a:gdLst/>
              <a:ahLst/>
              <a:cxnLst>
                <a:cxn ang="0">
                  <a:pos x="93" y="42"/>
                </a:cxn>
                <a:cxn ang="0">
                  <a:pos x="85" y="42"/>
                </a:cxn>
                <a:cxn ang="0">
                  <a:pos x="71" y="49"/>
                </a:cxn>
                <a:cxn ang="0">
                  <a:pos x="64" y="66"/>
                </a:cxn>
                <a:cxn ang="0">
                  <a:pos x="67" y="91"/>
                </a:cxn>
                <a:cxn ang="0">
                  <a:pos x="74" y="96"/>
                </a:cxn>
                <a:cxn ang="0">
                  <a:pos x="85" y="96"/>
                </a:cxn>
                <a:cxn ang="0">
                  <a:pos x="88" y="108"/>
                </a:cxn>
                <a:cxn ang="0">
                  <a:pos x="96" y="108"/>
                </a:cxn>
                <a:cxn ang="0">
                  <a:pos x="102" y="124"/>
                </a:cxn>
                <a:cxn ang="0">
                  <a:pos x="100" y="138"/>
                </a:cxn>
                <a:cxn ang="0">
                  <a:pos x="97" y="149"/>
                </a:cxn>
                <a:cxn ang="0">
                  <a:pos x="97" y="160"/>
                </a:cxn>
                <a:cxn ang="0">
                  <a:pos x="96" y="172"/>
                </a:cxn>
                <a:cxn ang="0">
                  <a:pos x="93" y="175"/>
                </a:cxn>
                <a:cxn ang="0">
                  <a:pos x="88" y="181"/>
                </a:cxn>
                <a:cxn ang="0">
                  <a:pos x="80" y="174"/>
                </a:cxn>
                <a:cxn ang="0">
                  <a:pos x="65" y="161"/>
                </a:cxn>
                <a:cxn ang="0">
                  <a:pos x="50" y="149"/>
                </a:cxn>
                <a:cxn ang="0">
                  <a:pos x="42" y="135"/>
                </a:cxn>
                <a:cxn ang="0">
                  <a:pos x="35" y="119"/>
                </a:cxn>
                <a:cxn ang="0">
                  <a:pos x="30" y="108"/>
                </a:cxn>
                <a:cxn ang="0">
                  <a:pos x="23" y="85"/>
                </a:cxn>
                <a:cxn ang="0">
                  <a:pos x="14" y="70"/>
                </a:cxn>
                <a:cxn ang="0">
                  <a:pos x="4" y="57"/>
                </a:cxn>
                <a:cxn ang="0">
                  <a:pos x="3" y="52"/>
                </a:cxn>
                <a:cxn ang="0">
                  <a:pos x="11" y="34"/>
                </a:cxn>
                <a:cxn ang="0">
                  <a:pos x="9" y="43"/>
                </a:cxn>
                <a:cxn ang="0">
                  <a:pos x="15" y="45"/>
                </a:cxn>
                <a:cxn ang="0">
                  <a:pos x="21" y="48"/>
                </a:cxn>
                <a:cxn ang="0">
                  <a:pos x="26" y="35"/>
                </a:cxn>
                <a:cxn ang="0">
                  <a:pos x="47" y="18"/>
                </a:cxn>
                <a:cxn ang="0">
                  <a:pos x="50" y="1"/>
                </a:cxn>
                <a:cxn ang="0">
                  <a:pos x="55" y="4"/>
                </a:cxn>
                <a:cxn ang="0">
                  <a:pos x="61" y="12"/>
                </a:cxn>
                <a:cxn ang="0">
                  <a:pos x="70" y="25"/>
                </a:cxn>
                <a:cxn ang="0">
                  <a:pos x="85" y="23"/>
                </a:cxn>
                <a:cxn ang="0">
                  <a:pos x="91" y="28"/>
                </a:cxn>
                <a:cxn ang="0">
                  <a:pos x="88" y="39"/>
                </a:cxn>
                <a:cxn ang="0">
                  <a:pos x="93" y="42"/>
                </a:cxn>
              </a:cxnLst>
              <a:rect l="0" t="0" r="r" b="b"/>
              <a:pathLst>
                <a:path w="103" h="181">
                  <a:moveTo>
                    <a:pt x="93" y="42"/>
                  </a:moveTo>
                  <a:cubicBezTo>
                    <a:pt x="88" y="45"/>
                    <a:pt x="91" y="39"/>
                    <a:pt x="85" y="42"/>
                  </a:cubicBezTo>
                  <a:cubicBezTo>
                    <a:pt x="79" y="46"/>
                    <a:pt x="77" y="45"/>
                    <a:pt x="71" y="49"/>
                  </a:cubicBezTo>
                  <a:cubicBezTo>
                    <a:pt x="67" y="56"/>
                    <a:pt x="70" y="63"/>
                    <a:pt x="64" y="66"/>
                  </a:cubicBezTo>
                  <a:cubicBezTo>
                    <a:pt x="55" y="74"/>
                    <a:pt x="68" y="87"/>
                    <a:pt x="67" y="91"/>
                  </a:cubicBezTo>
                  <a:cubicBezTo>
                    <a:pt x="65" y="96"/>
                    <a:pt x="74" y="90"/>
                    <a:pt x="74" y="96"/>
                  </a:cubicBezTo>
                  <a:cubicBezTo>
                    <a:pt x="73" y="104"/>
                    <a:pt x="84" y="99"/>
                    <a:pt x="85" y="96"/>
                  </a:cubicBezTo>
                  <a:cubicBezTo>
                    <a:pt x="88" y="91"/>
                    <a:pt x="85" y="108"/>
                    <a:pt x="88" y="108"/>
                  </a:cubicBezTo>
                  <a:cubicBezTo>
                    <a:pt x="91" y="110"/>
                    <a:pt x="91" y="107"/>
                    <a:pt x="96" y="108"/>
                  </a:cubicBezTo>
                  <a:cubicBezTo>
                    <a:pt x="102" y="124"/>
                    <a:pt x="102" y="124"/>
                    <a:pt x="102" y="124"/>
                  </a:cubicBezTo>
                  <a:cubicBezTo>
                    <a:pt x="102" y="124"/>
                    <a:pt x="99" y="132"/>
                    <a:pt x="100" y="138"/>
                  </a:cubicBezTo>
                  <a:cubicBezTo>
                    <a:pt x="102" y="143"/>
                    <a:pt x="94" y="144"/>
                    <a:pt x="97" y="149"/>
                  </a:cubicBezTo>
                  <a:cubicBezTo>
                    <a:pt x="100" y="153"/>
                    <a:pt x="93" y="156"/>
                    <a:pt x="97" y="160"/>
                  </a:cubicBezTo>
                  <a:cubicBezTo>
                    <a:pt x="103" y="163"/>
                    <a:pt x="96" y="169"/>
                    <a:pt x="96" y="172"/>
                  </a:cubicBezTo>
                  <a:cubicBezTo>
                    <a:pt x="96" y="172"/>
                    <a:pt x="96" y="175"/>
                    <a:pt x="93" y="175"/>
                  </a:cubicBezTo>
                  <a:cubicBezTo>
                    <a:pt x="91" y="175"/>
                    <a:pt x="97" y="178"/>
                    <a:pt x="88" y="181"/>
                  </a:cubicBezTo>
                  <a:cubicBezTo>
                    <a:pt x="87" y="178"/>
                    <a:pt x="82" y="178"/>
                    <a:pt x="80" y="174"/>
                  </a:cubicBezTo>
                  <a:cubicBezTo>
                    <a:pt x="80" y="169"/>
                    <a:pt x="77" y="169"/>
                    <a:pt x="65" y="161"/>
                  </a:cubicBezTo>
                  <a:cubicBezTo>
                    <a:pt x="52" y="155"/>
                    <a:pt x="52" y="152"/>
                    <a:pt x="50" y="149"/>
                  </a:cubicBezTo>
                  <a:cubicBezTo>
                    <a:pt x="47" y="146"/>
                    <a:pt x="41" y="143"/>
                    <a:pt x="42" y="135"/>
                  </a:cubicBezTo>
                  <a:cubicBezTo>
                    <a:pt x="42" y="127"/>
                    <a:pt x="35" y="124"/>
                    <a:pt x="35" y="119"/>
                  </a:cubicBezTo>
                  <a:cubicBezTo>
                    <a:pt x="35" y="115"/>
                    <a:pt x="32" y="115"/>
                    <a:pt x="30" y="108"/>
                  </a:cubicBezTo>
                  <a:cubicBezTo>
                    <a:pt x="30" y="102"/>
                    <a:pt x="24" y="93"/>
                    <a:pt x="23" y="85"/>
                  </a:cubicBezTo>
                  <a:cubicBezTo>
                    <a:pt x="21" y="79"/>
                    <a:pt x="17" y="79"/>
                    <a:pt x="14" y="70"/>
                  </a:cubicBezTo>
                  <a:cubicBezTo>
                    <a:pt x="12" y="63"/>
                    <a:pt x="0" y="62"/>
                    <a:pt x="4" y="57"/>
                  </a:cubicBezTo>
                  <a:cubicBezTo>
                    <a:pt x="9" y="56"/>
                    <a:pt x="4" y="56"/>
                    <a:pt x="3" y="52"/>
                  </a:cubicBezTo>
                  <a:cubicBezTo>
                    <a:pt x="1" y="48"/>
                    <a:pt x="1" y="43"/>
                    <a:pt x="11" y="34"/>
                  </a:cubicBezTo>
                  <a:cubicBezTo>
                    <a:pt x="14" y="40"/>
                    <a:pt x="8" y="40"/>
                    <a:pt x="9" y="43"/>
                  </a:cubicBezTo>
                  <a:cubicBezTo>
                    <a:pt x="9" y="46"/>
                    <a:pt x="11" y="43"/>
                    <a:pt x="15" y="45"/>
                  </a:cubicBezTo>
                  <a:cubicBezTo>
                    <a:pt x="18" y="45"/>
                    <a:pt x="18" y="51"/>
                    <a:pt x="21" y="48"/>
                  </a:cubicBezTo>
                  <a:cubicBezTo>
                    <a:pt x="24" y="45"/>
                    <a:pt x="21" y="45"/>
                    <a:pt x="26" y="35"/>
                  </a:cubicBezTo>
                  <a:cubicBezTo>
                    <a:pt x="30" y="28"/>
                    <a:pt x="42" y="25"/>
                    <a:pt x="47" y="18"/>
                  </a:cubicBezTo>
                  <a:cubicBezTo>
                    <a:pt x="50" y="11"/>
                    <a:pt x="50" y="9"/>
                    <a:pt x="50" y="1"/>
                  </a:cubicBezTo>
                  <a:cubicBezTo>
                    <a:pt x="52" y="0"/>
                    <a:pt x="52" y="3"/>
                    <a:pt x="55" y="4"/>
                  </a:cubicBezTo>
                  <a:cubicBezTo>
                    <a:pt x="59" y="6"/>
                    <a:pt x="56" y="9"/>
                    <a:pt x="61" y="12"/>
                  </a:cubicBezTo>
                  <a:cubicBezTo>
                    <a:pt x="67" y="15"/>
                    <a:pt x="65" y="25"/>
                    <a:pt x="70" y="25"/>
                  </a:cubicBezTo>
                  <a:cubicBezTo>
                    <a:pt x="76" y="25"/>
                    <a:pt x="79" y="21"/>
                    <a:pt x="85" y="23"/>
                  </a:cubicBezTo>
                  <a:cubicBezTo>
                    <a:pt x="93" y="26"/>
                    <a:pt x="93" y="26"/>
                    <a:pt x="91" y="28"/>
                  </a:cubicBezTo>
                  <a:cubicBezTo>
                    <a:pt x="88" y="34"/>
                    <a:pt x="85" y="40"/>
                    <a:pt x="88" y="39"/>
                  </a:cubicBezTo>
                  <a:cubicBezTo>
                    <a:pt x="91" y="39"/>
                    <a:pt x="91" y="40"/>
                    <a:pt x="93" y="42"/>
                  </a:cubicBezTo>
                </a:path>
              </a:pathLst>
            </a:custGeom>
            <a:solidFill>
              <a:schemeClr val="accent5"/>
            </a:solidFill>
            <a:ln w="6350" cmpd="sng">
              <a:solidFill>
                <a:schemeClr val="bg1"/>
              </a:solidFill>
              <a:round/>
              <a:headEnd/>
              <a:tailEnd/>
            </a:ln>
          </p:spPr>
          <p:txBody>
            <a:bodyPr/>
            <a:lstStyle/>
            <a:p>
              <a:endParaRPr lang="en-GB" sz="1633" dirty="0"/>
            </a:p>
          </p:txBody>
        </p:sp>
        <p:sp>
          <p:nvSpPr>
            <p:cNvPr id="14" name="Freeform 20"/>
            <p:cNvSpPr>
              <a:spLocks/>
            </p:cNvSpPr>
            <p:nvPr/>
          </p:nvSpPr>
          <p:spPr bwMode="auto">
            <a:xfrm>
              <a:off x="2707154" y="4747201"/>
              <a:ext cx="306442" cy="514823"/>
            </a:xfrm>
            <a:custGeom>
              <a:avLst/>
              <a:gdLst/>
              <a:ahLst/>
              <a:cxnLst>
                <a:cxn ang="0">
                  <a:pos x="64" y="6"/>
                </a:cxn>
                <a:cxn ang="0">
                  <a:pos x="61" y="2"/>
                </a:cxn>
                <a:cxn ang="0">
                  <a:pos x="52" y="8"/>
                </a:cxn>
                <a:cxn ang="0">
                  <a:pos x="40" y="13"/>
                </a:cxn>
                <a:cxn ang="0">
                  <a:pos x="34" y="14"/>
                </a:cxn>
                <a:cxn ang="0">
                  <a:pos x="29" y="25"/>
                </a:cxn>
                <a:cxn ang="0">
                  <a:pos x="25" y="33"/>
                </a:cxn>
                <a:cxn ang="0">
                  <a:pos x="20" y="41"/>
                </a:cxn>
                <a:cxn ang="0">
                  <a:pos x="16" y="38"/>
                </a:cxn>
                <a:cxn ang="0">
                  <a:pos x="17" y="45"/>
                </a:cxn>
                <a:cxn ang="0">
                  <a:pos x="16" y="48"/>
                </a:cxn>
                <a:cxn ang="0">
                  <a:pos x="13" y="47"/>
                </a:cxn>
                <a:cxn ang="0">
                  <a:pos x="11" y="52"/>
                </a:cxn>
                <a:cxn ang="0">
                  <a:pos x="13" y="55"/>
                </a:cxn>
                <a:cxn ang="0">
                  <a:pos x="14" y="58"/>
                </a:cxn>
                <a:cxn ang="0">
                  <a:pos x="16" y="64"/>
                </a:cxn>
                <a:cxn ang="0">
                  <a:pos x="14" y="73"/>
                </a:cxn>
                <a:cxn ang="0">
                  <a:pos x="16" y="87"/>
                </a:cxn>
                <a:cxn ang="0">
                  <a:pos x="11" y="98"/>
                </a:cxn>
                <a:cxn ang="0">
                  <a:pos x="5" y="103"/>
                </a:cxn>
                <a:cxn ang="0">
                  <a:pos x="3" y="109"/>
                </a:cxn>
                <a:cxn ang="0">
                  <a:pos x="13" y="115"/>
                </a:cxn>
                <a:cxn ang="0">
                  <a:pos x="16" y="119"/>
                </a:cxn>
                <a:cxn ang="0">
                  <a:pos x="23" y="120"/>
                </a:cxn>
                <a:cxn ang="0">
                  <a:pos x="26" y="120"/>
                </a:cxn>
                <a:cxn ang="0">
                  <a:pos x="32" y="123"/>
                </a:cxn>
                <a:cxn ang="0">
                  <a:pos x="37" y="126"/>
                </a:cxn>
                <a:cxn ang="0">
                  <a:pos x="43" y="134"/>
                </a:cxn>
                <a:cxn ang="0">
                  <a:pos x="52" y="147"/>
                </a:cxn>
                <a:cxn ang="0">
                  <a:pos x="67" y="145"/>
                </a:cxn>
                <a:cxn ang="0">
                  <a:pos x="73" y="150"/>
                </a:cxn>
                <a:cxn ang="0">
                  <a:pos x="70" y="161"/>
                </a:cxn>
                <a:cxn ang="0">
                  <a:pos x="75" y="164"/>
                </a:cxn>
                <a:cxn ang="0">
                  <a:pos x="78" y="140"/>
                </a:cxn>
                <a:cxn ang="0">
                  <a:pos x="78" y="129"/>
                </a:cxn>
                <a:cxn ang="0">
                  <a:pos x="73" y="119"/>
                </a:cxn>
                <a:cxn ang="0">
                  <a:pos x="78" y="115"/>
                </a:cxn>
                <a:cxn ang="0">
                  <a:pos x="81" y="117"/>
                </a:cxn>
                <a:cxn ang="0">
                  <a:pos x="80" y="112"/>
                </a:cxn>
                <a:cxn ang="0">
                  <a:pos x="75" y="112"/>
                </a:cxn>
                <a:cxn ang="0">
                  <a:pos x="75" y="106"/>
                </a:cxn>
                <a:cxn ang="0">
                  <a:pos x="89" y="106"/>
                </a:cxn>
                <a:cxn ang="0">
                  <a:pos x="90" y="105"/>
                </a:cxn>
                <a:cxn ang="0">
                  <a:pos x="95" y="101"/>
                </a:cxn>
                <a:cxn ang="0">
                  <a:pos x="99" y="111"/>
                </a:cxn>
                <a:cxn ang="0">
                  <a:pos x="95" y="98"/>
                </a:cxn>
                <a:cxn ang="0">
                  <a:pos x="92" y="95"/>
                </a:cxn>
                <a:cxn ang="0">
                  <a:pos x="95" y="90"/>
                </a:cxn>
                <a:cxn ang="0">
                  <a:pos x="92" y="81"/>
                </a:cxn>
                <a:cxn ang="0">
                  <a:pos x="95" y="62"/>
                </a:cxn>
                <a:cxn ang="0">
                  <a:pos x="80" y="62"/>
                </a:cxn>
                <a:cxn ang="0">
                  <a:pos x="72" y="55"/>
                </a:cxn>
                <a:cxn ang="0">
                  <a:pos x="61" y="55"/>
                </a:cxn>
                <a:cxn ang="0">
                  <a:pos x="55" y="50"/>
                </a:cxn>
                <a:cxn ang="0">
                  <a:pos x="55" y="41"/>
                </a:cxn>
                <a:cxn ang="0">
                  <a:pos x="49" y="33"/>
                </a:cxn>
                <a:cxn ang="0">
                  <a:pos x="49" y="30"/>
                </a:cxn>
                <a:cxn ang="0">
                  <a:pos x="55" y="14"/>
                </a:cxn>
                <a:cxn ang="0">
                  <a:pos x="64" y="6"/>
                </a:cxn>
              </a:cxnLst>
              <a:rect l="0" t="0" r="r" b="b"/>
              <a:pathLst>
                <a:path w="99" h="164">
                  <a:moveTo>
                    <a:pt x="64" y="6"/>
                  </a:moveTo>
                  <a:cubicBezTo>
                    <a:pt x="66" y="5"/>
                    <a:pt x="67" y="0"/>
                    <a:pt x="61" y="2"/>
                  </a:cubicBezTo>
                  <a:cubicBezTo>
                    <a:pt x="57" y="2"/>
                    <a:pt x="60" y="3"/>
                    <a:pt x="52" y="8"/>
                  </a:cubicBezTo>
                  <a:cubicBezTo>
                    <a:pt x="43" y="16"/>
                    <a:pt x="42" y="8"/>
                    <a:pt x="40" y="13"/>
                  </a:cubicBezTo>
                  <a:cubicBezTo>
                    <a:pt x="38" y="17"/>
                    <a:pt x="35" y="11"/>
                    <a:pt x="34" y="14"/>
                  </a:cubicBezTo>
                  <a:cubicBezTo>
                    <a:pt x="32" y="17"/>
                    <a:pt x="29" y="17"/>
                    <a:pt x="29" y="25"/>
                  </a:cubicBezTo>
                  <a:cubicBezTo>
                    <a:pt x="31" y="34"/>
                    <a:pt x="26" y="28"/>
                    <a:pt x="25" y="33"/>
                  </a:cubicBezTo>
                  <a:cubicBezTo>
                    <a:pt x="25" y="38"/>
                    <a:pt x="19" y="36"/>
                    <a:pt x="20" y="41"/>
                  </a:cubicBezTo>
                  <a:cubicBezTo>
                    <a:pt x="22" y="48"/>
                    <a:pt x="19" y="42"/>
                    <a:pt x="16" y="38"/>
                  </a:cubicBezTo>
                  <a:cubicBezTo>
                    <a:pt x="14" y="41"/>
                    <a:pt x="19" y="45"/>
                    <a:pt x="17" y="45"/>
                  </a:cubicBezTo>
                  <a:cubicBezTo>
                    <a:pt x="16" y="45"/>
                    <a:pt x="17" y="47"/>
                    <a:pt x="16" y="48"/>
                  </a:cubicBezTo>
                  <a:cubicBezTo>
                    <a:pt x="14" y="50"/>
                    <a:pt x="13" y="47"/>
                    <a:pt x="13" y="47"/>
                  </a:cubicBezTo>
                  <a:cubicBezTo>
                    <a:pt x="11" y="50"/>
                    <a:pt x="13" y="48"/>
                    <a:pt x="11" y="52"/>
                  </a:cubicBezTo>
                  <a:cubicBezTo>
                    <a:pt x="13" y="53"/>
                    <a:pt x="13" y="53"/>
                    <a:pt x="13" y="55"/>
                  </a:cubicBezTo>
                  <a:cubicBezTo>
                    <a:pt x="13" y="56"/>
                    <a:pt x="13" y="56"/>
                    <a:pt x="14" y="58"/>
                  </a:cubicBezTo>
                  <a:cubicBezTo>
                    <a:pt x="19" y="59"/>
                    <a:pt x="14" y="62"/>
                    <a:pt x="16" y="64"/>
                  </a:cubicBezTo>
                  <a:cubicBezTo>
                    <a:pt x="19" y="69"/>
                    <a:pt x="13" y="66"/>
                    <a:pt x="14" y="73"/>
                  </a:cubicBezTo>
                  <a:cubicBezTo>
                    <a:pt x="16" y="81"/>
                    <a:pt x="13" y="86"/>
                    <a:pt x="16" y="87"/>
                  </a:cubicBezTo>
                  <a:cubicBezTo>
                    <a:pt x="17" y="87"/>
                    <a:pt x="14" y="98"/>
                    <a:pt x="11" y="98"/>
                  </a:cubicBezTo>
                  <a:cubicBezTo>
                    <a:pt x="7" y="98"/>
                    <a:pt x="5" y="98"/>
                    <a:pt x="5" y="103"/>
                  </a:cubicBezTo>
                  <a:cubicBezTo>
                    <a:pt x="7" y="106"/>
                    <a:pt x="0" y="103"/>
                    <a:pt x="3" y="109"/>
                  </a:cubicBezTo>
                  <a:cubicBezTo>
                    <a:pt x="10" y="114"/>
                    <a:pt x="11" y="115"/>
                    <a:pt x="13" y="115"/>
                  </a:cubicBezTo>
                  <a:cubicBezTo>
                    <a:pt x="13" y="115"/>
                    <a:pt x="16" y="117"/>
                    <a:pt x="16" y="119"/>
                  </a:cubicBezTo>
                  <a:cubicBezTo>
                    <a:pt x="16" y="120"/>
                    <a:pt x="23" y="122"/>
                    <a:pt x="23" y="120"/>
                  </a:cubicBezTo>
                  <a:cubicBezTo>
                    <a:pt x="23" y="119"/>
                    <a:pt x="25" y="117"/>
                    <a:pt x="26" y="120"/>
                  </a:cubicBezTo>
                  <a:cubicBezTo>
                    <a:pt x="28" y="123"/>
                    <a:pt x="29" y="123"/>
                    <a:pt x="32" y="123"/>
                  </a:cubicBezTo>
                  <a:cubicBezTo>
                    <a:pt x="34" y="122"/>
                    <a:pt x="34" y="125"/>
                    <a:pt x="37" y="126"/>
                  </a:cubicBezTo>
                  <a:cubicBezTo>
                    <a:pt x="42" y="128"/>
                    <a:pt x="38" y="131"/>
                    <a:pt x="43" y="134"/>
                  </a:cubicBezTo>
                  <a:cubicBezTo>
                    <a:pt x="49" y="137"/>
                    <a:pt x="48" y="147"/>
                    <a:pt x="52" y="147"/>
                  </a:cubicBezTo>
                  <a:cubicBezTo>
                    <a:pt x="58" y="147"/>
                    <a:pt x="61" y="144"/>
                    <a:pt x="67" y="145"/>
                  </a:cubicBezTo>
                  <a:cubicBezTo>
                    <a:pt x="75" y="148"/>
                    <a:pt x="75" y="148"/>
                    <a:pt x="73" y="150"/>
                  </a:cubicBezTo>
                  <a:cubicBezTo>
                    <a:pt x="70" y="156"/>
                    <a:pt x="67" y="162"/>
                    <a:pt x="70" y="161"/>
                  </a:cubicBezTo>
                  <a:cubicBezTo>
                    <a:pt x="73" y="161"/>
                    <a:pt x="73" y="162"/>
                    <a:pt x="75" y="164"/>
                  </a:cubicBezTo>
                  <a:cubicBezTo>
                    <a:pt x="75" y="162"/>
                    <a:pt x="76" y="147"/>
                    <a:pt x="78" y="140"/>
                  </a:cubicBezTo>
                  <a:cubicBezTo>
                    <a:pt x="80" y="133"/>
                    <a:pt x="76" y="133"/>
                    <a:pt x="78" y="129"/>
                  </a:cubicBezTo>
                  <a:cubicBezTo>
                    <a:pt x="78" y="126"/>
                    <a:pt x="75" y="131"/>
                    <a:pt x="73" y="119"/>
                  </a:cubicBezTo>
                  <a:cubicBezTo>
                    <a:pt x="73" y="115"/>
                    <a:pt x="76" y="117"/>
                    <a:pt x="78" y="115"/>
                  </a:cubicBezTo>
                  <a:cubicBezTo>
                    <a:pt x="78" y="115"/>
                    <a:pt x="80" y="117"/>
                    <a:pt x="81" y="117"/>
                  </a:cubicBezTo>
                  <a:cubicBezTo>
                    <a:pt x="81" y="119"/>
                    <a:pt x="81" y="112"/>
                    <a:pt x="80" y="112"/>
                  </a:cubicBezTo>
                  <a:cubicBezTo>
                    <a:pt x="76" y="112"/>
                    <a:pt x="75" y="112"/>
                    <a:pt x="75" y="112"/>
                  </a:cubicBezTo>
                  <a:cubicBezTo>
                    <a:pt x="75" y="106"/>
                    <a:pt x="75" y="106"/>
                    <a:pt x="75" y="106"/>
                  </a:cubicBezTo>
                  <a:cubicBezTo>
                    <a:pt x="89" y="106"/>
                    <a:pt x="89" y="106"/>
                    <a:pt x="89" y="106"/>
                  </a:cubicBezTo>
                  <a:cubicBezTo>
                    <a:pt x="87" y="105"/>
                    <a:pt x="87" y="101"/>
                    <a:pt x="90" y="105"/>
                  </a:cubicBezTo>
                  <a:cubicBezTo>
                    <a:pt x="92" y="108"/>
                    <a:pt x="93" y="101"/>
                    <a:pt x="95" y="101"/>
                  </a:cubicBezTo>
                  <a:cubicBezTo>
                    <a:pt x="99" y="108"/>
                    <a:pt x="95" y="112"/>
                    <a:pt x="99" y="111"/>
                  </a:cubicBezTo>
                  <a:cubicBezTo>
                    <a:pt x="96" y="101"/>
                    <a:pt x="98" y="100"/>
                    <a:pt x="95" y="98"/>
                  </a:cubicBezTo>
                  <a:cubicBezTo>
                    <a:pt x="93" y="97"/>
                    <a:pt x="93" y="95"/>
                    <a:pt x="92" y="95"/>
                  </a:cubicBezTo>
                  <a:cubicBezTo>
                    <a:pt x="90" y="97"/>
                    <a:pt x="90" y="95"/>
                    <a:pt x="95" y="90"/>
                  </a:cubicBezTo>
                  <a:cubicBezTo>
                    <a:pt x="96" y="89"/>
                    <a:pt x="93" y="87"/>
                    <a:pt x="92" y="81"/>
                  </a:cubicBezTo>
                  <a:cubicBezTo>
                    <a:pt x="89" y="72"/>
                    <a:pt x="96" y="62"/>
                    <a:pt x="95" y="62"/>
                  </a:cubicBezTo>
                  <a:cubicBezTo>
                    <a:pt x="87" y="61"/>
                    <a:pt x="87" y="64"/>
                    <a:pt x="80" y="62"/>
                  </a:cubicBezTo>
                  <a:cubicBezTo>
                    <a:pt x="76" y="62"/>
                    <a:pt x="75" y="53"/>
                    <a:pt x="72" y="55"/>
                  </a:cubicBezTo>
                  <a:cubicBezTo>
                    <a:pt x="70" y="56"/>
                    <a:pt x="69" y="53"/>
                    <a:pt x="61" y="55"/>
                  </a:cubicBezTo>
                  <a:cubicBezTo>
                    <a:pt x="55" y="55"/>
                    <a:pt x="60" y="52"/>
                    <a:pt x="55" y="50"/>
                  </a:cubicBezTo>
                  <a:cubicBezTo>
                    <a:pt x="52" y="50"/>
                    <a:pt x="58" y="42"/>
                    <a:pt x="55" y="41"/>
                  </a:cubicBezTo>
                  <a:cubicBezTo>
                    <a:pt x="51" y="38"/>
                    <a:pt x="54" y="31"/>
                    <a:pt x="49" y="33"/>
                  </a:cubicBezTo>
                  <a:cubicBezTo>
                    <a:pt x="46" y="33"/>
                    <a:pt x="48" y="33"/>
                    <a:pt x="49" y="30"/>
                  </a:cubicBezTo>
                  <a:cubicBezTo>
                    <a:pt x="52" y="28"/>
                    <a:pt x="51" y="16"/>
                    <a:pt x="55" y="14"/>
                  </a:cubicBezTo>
                  <a:cubicBezTo>
                    <a:pt x="60" y="11"/>
                    <a:pt x="54" y="8"/>
                    <a:pt x="64" y="6"/>
                  </a:cubicBezTo>
                </a:path>
              </a:pathLst>
            </a:custGeom>
            <a:solidFill>
              <a:schemeClr val="accent5"/>
            </a:solidFill>
            <a:ln w="6350" cmpd="sng">
              <a:solidFill>
                <a:schemeClr val="bg1"/>
              </a:solidFill>
              <a:round/>
              <a:headEnd/>
              <a:tailEnd/>
            </a:ln>
          </p:spPr>
          <p:txBody>
            <a:bodyPr/>
            <a:lstStyle/>
            <a:p>
              <a:endParaRPr lang="en-GB" sz="1633" dirty="0"/>
            </a:p>
          </p:txBody>
        </p:sp>
        <p:sp>
          <p:nvSpPr>
            <p:cNvPr id="15" name="Freeform 21"/>
            <p:cNvSpPr>
              <a:spLocks/>
            </p:cNvSpPr>
            <p:nvPr/>
          </p:nvSpPr>
          <p:spPr bwMode="auto">
            <a:xfrm>
              <a:off x="2850799" y="4743962"/>
              <a:ext cx="343151" cy="370737"/>
            </a:xfrm>
            <a:custGeom>
              <a:avLst/>
              <a:gdLst/>
              <a:ahLst/>
              <a:cxnLst>
                <a:cxn ang="0">
                  <a:pos x="102" y="73"/>
                </a:cxn>
                <a:cxn ang="0">
                  <a:pos x="88" y="84"/>
                </a:cxn>
                <a:cxn ang="0">
                  <a:pos x="82" y="87"/>
                </a:cxn>
                <a:cxn ang="0">
                  <a:pos x="71" y="85"/>
                </a:cxn>
                <a:cxn ang="0">
                  <a:pos x="77" y="99"/>
                </a:cxn>
                <a:cxn ang="0">
                  <a:pos x="77" y="104"/>
                </a:cxn>
                <a:cxn ang="0">
                  <a:pos x="71" y="110"/>
                </a:cxn>
                <a:cxn ang="0">
                  <a:pos x="62" y="117"/>
                </a:cxn>
                <a:cxn ang="0">
                  <a:pos x="53" y="112"/>
                </a:cxn>
                <a:cxn ang="0">
                  <a:pos x="48" y="99"/>
                </a:cxn>
                <a:cxn ang="0">
                  <a:pos x="45" y="96"/>
                </a:cxn>
                <a:cxn ang="0">
                  <a:pos x="48" y="92"/>
                </a:cxn>
                <a:cxn ang="0">
                  <a:pos x="45" y="82"/>
                </a:cxn>
                <a:cxn ang="0">
                  <a:pos x="48" y="64"/>
                </a:cxn>
                <a:cxn ang="0">
                  <a:pos x="33" y="64"/>
                </a:cxn>
                <a:cxn ang="0">
                  <a:pos x="26" y="56"/>
                </a:cxn>
                <a:cxn ang="0">
                  <a:pos x="15" y="56"/>
                </a:cxn>
                <a:cxn ang="0">
                  <a:pos x="9" y="51"/>
                </a:cxn>
                <a:cxn ang="0">
                  <a:pos x="9" y="42"/>
                </a:cxn>
                <a:cxn ang="0">
                  <a:pos x="3" y="34"/>
                </a:cxn>
                <a:cxn ang="0">
                  <a:pos x="3" y="31"/>
                </a:cxn>
                <a:cxn ang="0">
                  <a:pos x="9" y="15"/>
                </a:cxn>
                <a:cxn ang="0">
                  <a:pos x="18" y="7"/>
                </a:cxn>
                <a:cxn ang="0">
                  <a:pos x="14" y="14"/>
                </a:cxn>
                <a:cxn ang="0">
                  <a:pos x="15" y="17"/>
                </a:cxn>
                <a:cxn ang="0">
                  <a:pos x="23" y="14"/>
                </a:cxn>
                <a:cxn ang="0">
                  <a:pos x="26" y="9"/>
                </a:cxn>
                <a:cxn ang="0">
                  <a:pos x="30" y="6"/>
                </a:cxn>
                <a:cxn ang="0">
                  <a:pos x="41" y="18"/>
                </a:cxn>
                <a:cxn ang="0">
                  <a:pos x="59" y="21"/>
                </a:cxn>
                <a:cxn ang="0">
                  <a:pos x="71" y="23"/>
                </a:cxn>
                <a:cxn ang="0">
                  <a:pos x="77" y="18"/>
                </a:cxn>
                <a:cxn ang="0">
                  <a:pos x="88" y="18"/>
                </a:cxn>
                <a:cxn ang="0">
                  <a:pos x="86" y="20"/>
                </a:cxn>
                <a:cxn ang="0">
                  <a:pos x="91" y="26"/>
                </a:cxn>
                <a:cxn ang="0">
                  <a:pos x="97" y="29"/>
                </a:cxn>
                <a:cxn ang="0">
                  <a:pos x="100" y="34"/>
                </a:cxn>
                <a:cxn ang="0">
                  <a:pos x="97" y="40"/>
                </a:cxn>
                <a:cxn ang="0">
                  <a:pos x="108" y="40"/>
                </a:cxn>
                <a:cxn ang="0">
                  <a:pos x="102" y="50"/>
                </a:cxn>
                <a:cxn ang="0">
                  <a:pos x="105" y="54"/>
                </a:cxn>
                <a:cxn ang="0">
                  <a:pos x="102" y="57"/>
                </a:cxn>
                <a:cxn ang="0">
                  <a:pos x="99" y="62"/>
                </a:cxn>
                <a:cxn ang="0">
                  <a:pos x="102" y="73"/>
                </a:cxn>
              </a:cxnLst>
              <a:rect l="0" t="0" r="r" b="b"/>
              <a:pathLst>
                <a:path w="111" h="118">
                  <a:moveTo>
                    <a:pt x="102" y="73"/>
                  </a:moveTo>
                  <a:cubicBezTo>
                    <a:pt x="103" y="79"/>
                    <a:pt x="92" y="84"/>
                    <a:pt x="88" y="84"/>
                  </a:cubicBezTo>
                  <a:cubicBezTo>
                    <a:pt x="83" y="82"/>
                    <a:pt x="90" y="92"/>
                    <a:pt x="82" y="87"/>
                  </a:cubicBezTo>
                  <a:cubicBezTo>
                    <a:pt x="76" y="84"/>
                    <a:pt x="68" y="81"/>
                    <a:pt x="71" y="85"/>
                  </a:cubicBezTo>
                  <a:cubicBezTo>
                    <a:pt x="74" y="90"/>
                    <a:pt x="74" y="101"/>
                    <a:pt x="77" y="99"/>
                  </a:cubicBezTo>
                  <a:cubicBezTo>
                    <a:pt x="80" y="98"/>
                    <a:pt x="82" y="101"/>
                    <a:pt x="77" y="104"/>
                  </a:cubicBezTo>
                  <a:cubicBezTo>
                    <a:pt x="73" y="106"/>
                    <a:pt x="77" y="110"/>
                    <a:pt x="71" y="110"/>
                  </a:cubicBezTo>
                  <a:cubicBezTo>
                    <a:pt x="65" y="112"/>
                    <a:pt x="67" y="118"/>
                    <a:pt x="62" y="117"/>
                  </a:cubicBezTo>
                  <a:cubicBezTo>
                    <a:pt x="59" y="115"/>
                    <a:pt x="56" y="118"/>
                    <a:pt x="53" y="112"/>
                  </a:cubicBezTo>
                  <a:cubicBezTo>
                    <a:pt x="50" y="103"/>
                    <a:pt x="51" y="101"/>
                    <a:pt x="48" y="99"/>
                  </a:cubicBezTo>
                  <a:cubicBezTo>
                    <a:pt x="47" y="98"/>
                    <a:pt x="47" y="96"/>
                    <a:pt x="45" y="96"/>
                  </a:cubicBezTo>
                  <a:cubicBezTo>
                    <a:pt x="44" y="98"/>
                    <a:pt x="44" y="96"/>
                    <a:pt x="48" y="92"/>
                  </a:cubicBezTo>
                  <a:cubicBezTo>
                    <a:pt x="50" y="90"/>
                    <a:pt x="47" y="89"/>
                    <a:pt x="45" y="82"/>
                  </a:cubicBezTo>
                  <a:cubicBezTo>
                    <a:pt x="42" y="73"/>
                    <a:pt x="50" y="64"/>
                    <a:pt x="48" y="64"/>
                  </a:cubicBezTo>
                  <a:cubicBezTo>
                    <a:pt x="41" y="62"/>
                    <a:pt x="41" y="65"/>
                    <a:pt x="33" y="64"/>
                  </a:cubicBezTo>
                  <a:cubicBezTo>
                    <a:pt x="30" y="64"/>
                    <a:pt x="29" y="54"/>
                    <a:pt x="26" y="56"/>
                  </a:cubicBezTo>
                  <a:cubicBezTo>
                    <a:pt x="24" y="57"/>
                    <a:pt x="23" y="54"/>
                    <a:pt x="15" y="56"/>
                  </a:cubicBezTo>
                  <a:cubicBezTo>
                    <a:pt x="9" y="56"/>
                    <a:pt x="14" y="53"/>
                    <a:pt x="9" y="51"/>
                  </a:cubicBezTo>
                  <a:cubicBezTo>
                    <a:pt x="6" y="51"/>
                    <a:pt x="12" y="43"/>
                    <a:pt x="9" y="42"/>
                  </a:cubicBezTo>
                  <a:cubicBezTo>
                    <a:pt x="4" y="39"/>
                    <a:pt x="7" y="32"/>
                    <a:pt x="3" y="34"/>
                  </a:cubicBezTo>
                  <a:cubicBezTo>
                    <a:pt x="0" y="34"/>
                    <a:pt x="1" y="34"/>
                    <a:pt x="3" y="31"/>
                  </a:cubicBezTo>
                  <a:cubicBezTo>
                    <a:pt x="6" y="29"/>
                    <a:pt x="4" y="17"/>
                    <a:pt x="9" y="15"/>
                  </a:cubicBezTo>
                  <a:cubicBezTo>
                    <a:pt x="14" y="12"/>
                    <a:pt x="7" y="9"/>
                    <a:pt x="18" y="7"/>
                  </a:cubicBezTo>
                  <a:cubicBezTo>
                    <a:pt x="15" y="9"/>
                    <a:pt x="10" y="11"/>
                    <a:pt x="14" y="14"/>
                  </a:cubicBezTo>
                  <a:cubicBezTo>
                    <a:pt x="14" y="14"/>
                    <a:pt x="15" y="15"/>
                    <a:pt x="15" y="17"/>
                  </a:cubicBezTo>
                  <a:cubicBezTo>
                    <a:pt x="15" y="21"/>
                    <a:pt x="17" y="15"/>
                    <a:pt x="23" y="14"/>
                  </a:cubicBezTo>
                  <a:cubicBezTo>
                    <a:pt x="30" y="12"/>
                    <a:pt x="27" y="11"/>
                    <a:pt x="26" y="9"/>
                  </a:cubicBezTo>
                  <a:cubicBezTo>
                    <a:pt x="26" y="6"/>
                    <a:pt x="29" y="0"/>
                    <a:pt x="30" y="6"/>
                  </a:cubicBezTo>
                  <a:cubicBezTo>
                    <a:pt x="33" y="14"/>
                    <a:pt x="41" y="9"/>
                    <a:pt x="41" y="18"/>
                  </a:cubicBezTo>
                  <a:cubicBezTo>
                    <a:pt x="41" y="26"/>
                    <a:pt x="56" y="15"/>
                    <a:pt x="59" y="21"/>
                  </a:cubicBezTo>
                  <a:cubicBezTo>
                    <a:pt x="64" y="26"/>
                    <a:pt x="68" y="25"/>
                    <a:pt x="71" y="23"/>
                  </a:cubicBezTo>
                  <a:cubicBezTo>
                    <a:pt x="74" y="21"/>
                    <a:pt x="70" y="18"/>
                    <a:pt x="77" y="18"/>
                  </a:cubicBezTo>
                  <a:cubicBezTo>
                    <a:pt x="85" y="18"/>
                    <a:pt x="82" y="17"/>
                    <a:pt x="88" y="18"/>
                  </a:cubicBezTo>
                  <a:cubicBezTo>
                    <a:pt x="94" y="18"/>
                    <a:pt x="92" y="20"/>
                    <a:pt x="86" y="20"/>
                  </a:cubicBezTo>
                  <a:cubicBezTo>
                    <a:pt x="80" y="21"/>
                    <a:pt x="90" y="25"/>
                    <a:pt x="91" y="26"/>
                  </a:cubicBezTo>
                  <a:cubicBezTo>
                    <a:pt x="92" y="29"/>
                    <a:pt x="96" y="26"/>
                    <a:pt x="97" y="29"/>
                  </a:cubicBezTo>
                  <a:cubicBezTo>
                    <a:pt x="99" y="32"/>
                    <a:pt x="103" y="31"/>
                    <a:pt x="100" y="34"/>
                  </a:cubicBezTo>
                  <a:cubicBezTo>
                    <a:pt x="97" y="36"/>
                    <a:pt x="99" y="37"/>
                    <a:pt x="97" y="40"/>
                  </a:cubicBezTo>
                  <a:cubicBezTo>
                    <a:pt x="94" y="43"/>
                    <a:pt x="103" y="37"/>
                    <a:pt x="108" y="40"/>
                  </a:cubicBezTo>
                  <a:cubicBezTo>
                    <a:pt x="111" y="45"/>
                    <a:pt x="103" y="46"/>
                    <a:pt x="102" y="50"/>
                  </a:cubicBezTo>
                  <a:cubicBezTo>
                    <a:pt x="100" y="51"/>
                    <a:pt x="103" y="51"/>
                    <a:pt x="105" y="54"/>
                  </a:cubicBezTo>
                  <a:cubicBezTo>
                    <a:pt x="105" y="56"/>
                    <a:pt x="105" y="56"/>
                    <a:pt x="102" y="57"/>
                  </a:cubicBezTo>
                  <a:cubicBezTo>
                    <a:pt x="97" y="59"/>
                    <a:pt x="97" y="57"/>
                    <a:pt x="99" y="62"/>
                  </a:cubicBezTo>
                  <a:cubicBezTo>
                    <a:pt x="100" y="67"/>
                    <a:pt x="91" y="64"/>
                    <a:pt x="102" y="73"/>
                  </a:cubicBezTo>
                </a:path>
              </a:pathLst>
            </a:custGeom>
            <a:solidFill>
              <a:schemeClr val="accent5"/>
            </a:solidFill>
            <a:ln w="6350" cmpd="sng">
              <a:solidFill>
                <a:schemeClr val="bg1"/>
              </a:solidFill>
              <a:round/>
              <a:headEnd/>
              <a:tailEnd/>
            </a:ln>
          </p:spPr>
          <p:txBody>
            <a:bodyPr/>
            <a:lstStyle/>
            <a:p>
              <a:endParaRPr lang="en-GB" sz="1633" dirty="0"/>
            </a:p>
          </p:txBody>
        </p:sp>
        <p:sp>
          <p:nvSpPr>
            <p:cNvPr id="16" name="Freeform 22"/>
            <p:cNvSpPr>
              <a:spLocks/>
            </p:cNvSpPr>
            <p:nvPr/>
          </p:nvSpPr>
          <p:spPr bwMode="auto">
            <a:xfrm>
              <a:off x="3131705" y="4868620"/>
              <a:ext cx="135664" cy="233128"/>
            </a:xfrm>
            <a:custGeom>
              <a:avLst/>
              <a:gdLst/>
              <a:ahLst/>
              <a:cxnLst>
                <a:cxn ang="0">
                  <a:pos x="44" y="66"/>
                </a:cxn>
                <a:cxn ang="0">
                  <a:pos x="38" y="64"/>
                </a:cxn>
                <a:cxn ang="0">
                  <a:pos x="30" y="69"/>
                </a:cxn>
                <a:cxn ang="0">
                  <a:pos x="26" y="72"/>
                </a:cxn>
                <a:cxn ang="0">
                  <a:pos x="18" y="64"/>
                </a:cxn>
                <a:cxn ang="0">
                  <a:pos x="17" y="56"/>
                </a:cxn>
                <a:cxn ang="0">
                  <a:pos x="18" y="47"/>
                </a:cxn>
                <a:cxn ang="0">
                  <a:pos x="15" y="38"/>
                </a:cxn>
                <a:cxn ang="0">
                  <a:pos x="14" y="33"/>
                </a:cxn>
                <a:cxn ang="0">
                  <a:pos x="10" y="33"/>
                </a:cxn>
                <a:cxn ang="0">
                  <a:pos x="7" y="22"/>
                </a:cxn>
                <a:cxn ang="0">
                  <a:pos x="10" y="17"/>
                </a:cxn>
                <a:cxn ang="0">
                  <a:pos x="14" y="14"/>
                </a:cxn>
                <a:cxn ang="0">
                  <a:pos x="10" y="10"/>
                </a:cxn>
                <a:cxn ang="0">
                  <a:pos x="17" y="0"/>
                </a:cxn>
                <a:cxn ang="0">
                  <a:pos x="18" y="2"/>
                </a:cxn>
                <a:cxn ang="0">
                  <a:pos x="27" y="13"/>
                </a:cxn>
                <a:cxn ang="0">
                  <a:pos x="32" y="17"/>
                </a:cxn>
                <a:cxn ang="0">
                  <a:pos x="37" y="22"/>
                </a:cxn>
                <a:cxn ang="0">
                  <a:pos x="40" y="27"/>
                </a:cxn>
                <a:cxn ang="0">
                  <a:pos x="38" y="33"/>
                </a:cxn>
                <a:cxn ang="0">
                  <a:pos x="35" y="36"/>
                </a:cxn>
                <a:cxn ang="0">
                  <a:pos x="32" y="38"/>
                </a:cxn>
                <a:cxn ang="0">
                  <a:pos x="32" y="42"/>
                </a:cxn>
                <a:cxn ang="0">
                  <a:pos x="35" y="50"/>
                </a:cxn>
                <a:cxn ang="0">
                  <a:pos x="38" y="52"/>
                </a:cxn>
                <a:cxn ang="0">
                  <a:pos x="40" y="58"/>
                </a:cxn>
                <a:cxn ang="0">
                  <a:pos x="44" y="66"/>
                </a:cxn>
              </a:cxnLst>
              <a:rect l="0" t="0" r="r" b="b"/>
              <a:pathLst>
                <a:path w="44" h="74">
                  <a:moveTo>
                    <a:pt x="44" y="66"/>
                  </a:moveTo>
                  <a:cubicBezTo>
                    <a:pt x="40" y="66"/>
                    <a:pt x="41" y="64"/>
                    <a:pt x="38" y="64"/>
                  </a:cubicBezTo>
                  <a:cubicBezTo>
                    <a:pt x="35" y="66"/>
                    <a:pt x="34" y="71"/>
                    <a:pt x="30" y="69"/>
                  </a:cubicBezTo>
                  <a:cubicBezTo>
                    <a:pt x="27" y="69"/>
                    <a:pt x="29" y="71"/>
                    <a:pt x="26" y="72"/>
                  </a:cubicBezTo>
                  <a:cubicBezTo>
                    <a:pt x="24" y="74"/>
                    <a:pt x="18" y="69"/>
                    <a:pt x="18" y="64"/>
                  </a:cubicBezTo>
                  <a:cubicBezTo>
                    <a:pt x="18" y="60"/>
                    <a:pt x="15" y="63"/>
                    <a:pt x="17" y="56"/>
                  </a:cubicBezTo>
                  <a:cubicBezTo>
                    <a:pt x="18" y="50"/>
                    <a:pt x="18" y="50"/>
                    <a:pt x="18" y="47"/>
                  </a:cubicBezTo>
                  <a:cubicBezTo>
                    <a:pt x="21" y="41"/>
                    <a:pt x="14" y="42"/>
                    <a:pt x="15" y="38"/>
                  </a:cubicBezTo>
                  <a:cubicBezTo>
                    <a:pt x="17" y="35"/>
                    <a:pt x="15" y="31"/>
                    <a:pt x="14" y="33"/>
                  </a:cubicBezTo>
                  <a:cubicBezTo>
                    <a:pt x="12" y="33"/>
                    <a:pt x="10" y="33"/>
                    <a:pt x="10" y="33"/>
                  </a:cubicBezTo>
                  <a:cubicBezTo>
                    <a:pt x="0" y="24"/>
                    <a:pt x="9" y="27"/>
                    <a:pt x="7" y="22"/>
                  </a:cubicBezTo>
                  <a:cubicBezTo>
                    <a:pt x="6" y="17"/>
                    <a:pt x="6" y="19"/>
                    <a:pt x="10" y="17"/>
                  </a:cubicBezTo>
                  <a:cubicBezTo>
                    <a:pt x="14" y="16"/>
                    <a:pt x="14" y="16"/>
                    <a:pt x="14" y="14"/>
                  </a:cubicBezTo>
                  <a:cubicBezTo>
                    <a:pt x="12" y="11"/>
                    <a:pt x="9" y="11"/>
                    <a:pt x="10" y="10"/>
                  </a:cubicBezTo>
                  <a:cubicBezTo>
                    <a:pt x="12" y="6"/>
                    <a:pt x="20" y="5"/>
                    <a:pt x="17" y="0"/>
                  </a:cubicBezTo>
                  <a:cubicBezTo>
                    <a:pt x="17" y="2"/>
                    <a:pt x="18" y="2"/>
                    <a:pt x="18" y="2"/>
                  </a:cubicBezTo>
                  <a:cubicBezTo>
                    <a:pt x="26" y="6"/>
                    <a:pt x="29" y="10"/>
                    <a:pt x="27" y="13"/>
                  </a:cubicBezTo>
                  <a:cubicBezTo>
                    <a:pt x="27" y="17"/>
                    <a:pt x="26" y="16"/>
                    <a:pt x="32" y="17"/>
                  </a:cubicBezTo>
                  <a:cubicBezTo>
                    <a:pt x="37" y="19"/>
                    <a:pt x="34" y="22"/>
                    <a:pt x="37" y="22"/>
                  </a:cubicBezTo>
                  <a:cubicBezTo>
                    <a:pt x="38" y="22"/>
                    <a:pt x="38" y="25"/>
                    <a:pt x="40" y="27"/>
                  </a:cubicBezTo>
                  <a:cubicBezTo>
                    <a:pt x="40" y="30"/>
                    <a:pt x="38" y="31"/>
                    <a:pt x="38" y="33"/>
                  </a:cubicBezTo>
                  <a:cubicBezTo>
                    <a:pt x="38" y="35"/>
                    <a:pt x="38" y="35"/>
                    <a:pt x="35" y="36"/>
                  </a:cubicBezTo>
                  <a:cubicBezTo>
                    <a:pt x="32" y="36"/>
                    <a:pt x="32" y="36"/>
                    <a:pt x="32" y="38"/>
                  </a:cubicBezTo>
                  <a:cubicBezTo>
                    <a:pt x="34" y="39"/>
                    <a:pt x="34" y="39"/>
                    <a:pt x="32" y="42"/>
                  </a:cubicBezTo>
                  <a:cubicBezTo>
                    <a:pt x="30" y="47"/>
                    <a:pt x="34" y="47"/>
                    <a:pt x="35" y="50"/>
                  </a:cubicBezTo>
                  <a:cubicBezTo>
                    <a:pt x="35" y="53"/>
                    <a:pt x="37" y="50"/>
                    <a:pt x="38" y="52"/>
                  </a:cubicBezTo>
                  <a:cubicBezTo>
                    <a:pt x="38" y="53"/>
                    <a:pt x="37" y="55"/>
                    <a:pt x="40" y="58"/>
                  </a:cubicBezTo>
                  <a:cubicBezTo>
                    <a:pt x="41" y="60"/>
                    <a:pt x="41" y="63"/>
                    <a:pt x="44" y="66"/>
                  </a:cubicBezTo>
                </a:path>
              </a:pathLst>
            </a:custGeom>
            <a:solidFill>
              <a:schemeClr val="accent5"/>
            </a:solidFill>
            <a:ln w="6350" cmpd="sng">
              <a:solidFill>
                <a:schemeClr val="bg1"/>
              </a:solidFill>
              <a:round/>
              <a:headEnd/>
              <a:tailEnd/>
            </a:ln>
          </p:spPr>
          <p:txBody>
            <a:bodyPr/>
            <a:lstStyle/>
            <a:p>
              <a:endParaRPr lang="en-GB" sz="1633" dirty="0"/>
            </a:p>
          </p:txBody>
        </p:sp>
        <p:sp>
          <p:nvSpPr>
            <p:cNvPr id="17" name="Freeform 23"/>
            <p:cNvSpPr>
              <a:spLocks/>
            </p:cNvSpPr>
            <p:nvPr/>
          </p:nvSpPr>
          <p:spPr bwMode="auto">
            <a:xfrm>
              <a:off x="3227467" y="4944711"/>
              <a:ext cx="102147" cy="137610"/>
            </a:xfrm>
            <a:custGeom>
              <a:avLst/>
              <a:gdLst/>
              <a:ahLst/>
              <a:cxnLst>
                <a:cxn ang="0">
                  <a:pos x="33" y="4"/>
                </a:cxn>
                <a:cxn ang="0">
                  <a:pos x="29" y="15"/>
                </a:cxn>
                <a:cxn ang="0">
                  <a:pos x="32" y="23"/>
                </a:cxn>
                <a:cxn ang="0">
                  <a:pos x="32" y="27"/>
                </a:cxn>
                <a:cxn ang="0">
                  <a:pos x="29" y="37"/>
                </a:cxn>
                <a:cxn ang="0">
                  <a:pos x="26" y="35"/>
                </a:cxn>
                <a:cxn ang="0">
                  <a:pos x="20" y="37"/>
                </a:cxn>
                <a:cxn ang="0">
                  <a:pos x="18" y="40"/>
                </a:cxn>
                <a:cxn ang="0">
                  <a:pos x="13" y="41"/>
                </a:cxn>
                <a:cxn ang="0">
                  <a:pos x="9" y="33"/>
                </a:cxn>
                <a:cxn ang="0">
                  <a:pos x="7" y="27"/>
                </a:cxn>
                <a:cxn ang="0">
                  <a:pos x="4" y="26"/>
                </a:cxn>
                <a:cxn ang="0">
                  <a:pos x="1" y="18"/>
                </a:cxn>
                <a:cxn ang="0">
                  <a:pos x="1" y="14"/>
                </a:cxn>
                <a:cxn ang="0">
                  <a:pos x="4" y="12"/>
                </a:cxn>
                <a:cxn ang="0">
                  <a:pos x="7" y="9"/>
                </a:cxn>
                <a:cxn ang="0">
                  <a:pos x="9" y="3"/>
                </a:cxn>
                <a:cxn ang="0">
                  <a:pos x="18" y="3"/>
                </a:cxn>
                <a:cxn ang="0">
                  <a:pos x="21" y="1"/>
                </a:cxn>
                <a:cxn ang="0">
                  <a:pos x="24" y="1"/>
                </a:cxn>
                <a:cxn ang="0">
                  <a:pos x="33" y="4"/>
                </a:cxn>
              </a:cxnLst>
              <a:rect l="0" t="0" r="r" b="b"/>
              <a:pathLst>
                <a:path w="33" h="44">
                  <a:moveTo>
                    <a:pt x="33" y="4"/>
                  </a:moveTo>
                  <a:cubicBezTo>
                    <a:pt x="30" y="12"/>
                    <a:pt x="29" y="9"/>
                    <a:pt x="29" y="15"/>
                  </a:cubicBezTo>
                  <a:cubicBezTo>
                    <a:pt x="30" y="20"/>
                    <a:pt x="30" y="21"/>
                    <a:pt x="32" y="23"/>
                  </a:cubicBezTo>
                  <a:cubicBezTo>
                    <a:pt x="33" y="24"/>
                    <a:pt x="33" y="26"/>
                    <a:pt x="32" y="27"/>
                  </a:cubicBezTo>
                  <a:cubicBezTo>
                    <a:pt x="30" y="29"/>
                    <a:pt x="33" y="33"/>
                    <a:pt x="29" y="37"/>
                  </a:cubicBezTo>
                  <a:cubicBezTo>
                    <a:pt x="27" y="35"/>
                    <a:pt x="26" y="37"/>
                    <a:pt x="26" y="35"/>
                  </a:cubicBezTo>
                  <a:cubicBezTo>
                    <a:pt x="26" y="32"/>
                    <a:pt x="21" y="38"/>
                    <a:pt x="20" y="37"/>
                  </a:cubicBezTo>
                  <a:cubicBezTo>
                    <a:pt x="16" y="35"/>
                    <a:pt x="16" y="37"/>
                    <a:pt x="18" y="40"/>
                  </a:cubicBezTo>
                  <a:cubicBezTo>
                    <a:pt x="20" y="44"/>
                    <a:pt x="15" y="40"/>
                    <a:pt x="13" y="41"/>
                  </a:cubicBezTo>
                  <a:cubicBezTo>
                    <a:pt x="10" y="38"/>
                    <a:pt x="10" y="35"/>
                    <a:pt x="9" y="33"/>
                  </a:cubicBezTo>
                  <a:cubicBezTo>
                    <a:pt x="6" y="30"/>
                    <a:pt x="7" y="29"/>
                    <a:pt x="7" y="27"/>
                  </a:cubicBezTo>
                  <a:cubicBezTo>
                    <a:pt x="6" y="26"/>
                    <a:pt x="4" y="29"/>
                    <a:pt x="4" y="26"/>
                  </a:cubicBezTo>
                  <a:cubicBezTo>
                    <a:pt x="3" y="23"/>
                    <a:pt x="0" y="23"/>
                    <a:pt x="1" y="18"/>
                  </a:cubicBezTo>
                  <a:cubicBezTo>
                    <a:pt x="3" y="15"/>
                    <a:pt x="3" y="15"/>
                    <a:pt x="1" y="14"/>
                  </a:cubicBezTo>
                  <a:cubicBezTo>
                    <a:pt x="1" y="12"/>
                    <a:pt x="1" y="12"/>
                    <a:pt x="4" y="12"/>
                  </a:cubicBezTo>
                  <a:cubicBezTo>
                    <a:pt x="7" y="10"/>
                    <a:pt x="7" y="10"/>
                    <a:pt x="7" y="9"/>
                  </a:cubicBezTo>
                  <a:cubicBezTo>
                    <a:pt x="7" y="7"/>
                    <a:pt x="9" y="6"/>
                    <a:pt x="9" y="3"/>
                  </a:cubicBezTo>
                  <a:cubicBezTo>
                    <a:pt x="12" y="0"/>
                    <a:pt x="18" y="4"/>
                    <a:pt x="18" y="3"/>
                  </a:cubicBezTo>
                  <a:cubicBezTo>
                    <a:pt x="18" y="1"/>
                    <a:pt x="20" y="1"/>
                    <a:pt x="21" y="1"/>
                  </a:cubicBezTo>
                  <a:cubicBezTo>
                    <a:pt x="23" y="1"/>
                    <a:pt x="24" y="3"/>
                    <a:pt x="24" y="1"/>
                  </a:cubicBezTo>
                  <a:cubicBezTo>
                    <a:pt x="24" y="1"/>
                    <a:pt x="30" y="3"/>
                    <a:pt x="33" y="4"/>
                  </a:cubicBezTo>
                </a:path>
              </a:pathLst>
            </a:custGeom>
            <a:solidFill>
              <a:schemeClr val="accent5"/>
            </a:solidFill>
            <a:ln w="6350" cmpd="sng">
              <a:solidFill>
                <a:schemeClr val="bg1"/>
              </a:solidFill>
              <a:round/>
              <a:headEnd/>
              <a:tailEnd/>
            </a:ln>
          </p:spPr>
          <p:txBody>
            <a:bodyPr/>
            <a:lstStyle/>
            <a:p>
              <a:endParaRPr lang="en-GB" sz="1633" dirty="0"/>
            </a:p>
          </p:txBody>
        </p:sp>
        <p:sp>
          <p:nvSpPr>
            <p:cNvPr id="18" name="Freeform 24"/>
            <p:cNvSpPr>
              <a:spLocks/>
            </p:cNvSpPr>
            <p:nvPr/>
          </p:nvSpPr>
          <p:spPr bwMode="auto">
            <a:xfrm>
              <a:off x="3316846" y="4957662"/>
              <a:ext cx="71822" cy="113326"/>
            </a:xfrm>
            <a:custGeom>
              <a:avLst/>
              <a:gdLst/>
              <a:ahLst/>
              <a:cxnLst>
                <a:cxn ang="0">
                  <a:pos x="4" y="0"/>
                </a:cxn>
                <a:cxn ang="0">
                  <a:pos x="7" y="0"/>
                </a:cxn>
                <a:cxn ang="0">
                  <a:pos x="13" y="5"/>
                </a:cxn>
                <a:cxn ang="0">
                  <a:pos x="20" y="9"/>
                </a:cxn>
                <a:cxn ang="0">
                  <a:pos x="23" y="14"/>
                </a:cxn>
                <a:cxn ang="0">
                  <a:pos x="23" y="17"/>
                </a:cxn>
                <a:cxn ang="0">
                  <a:pos x="18" y="23"/>
                </a:cxn>
                <a:cxn ang="0">
                  <a:pos x="12" y="34"/>
                </a:cxn>
                <a:cxn ang="0">
                  <a:pos x="9" y="33"/>
                </a:cxn>
                <a:cxn ang="0">
                  <a:pos x="4" y="34"/>
                </a:cxn>
                <a:cxn ang="0">
                  <a:pos x="0" y="33"/>
                </a:cxn>
                <a:cxn ang="0">
                  <a:pos x="3" y="23"/>
                </a:cxn>
                <a:cxn ang="0">
                  <a:pos x="3" y="19"/>
                </a:cxn>
                <a:cxn ang="0">
                  <a:pos x="0" y="11"/>
                </a:cxn>
                <a:cxn ang="0">
                  <a:pos x="4" y="0"/>
                </a:cxn>
              </a:cxnLst>
              <a:rect l="0" t="0" r="r" b="b"/>
              <a:pathLst>
                <a:path w="23" h="36">
                  <a:moveTo>
                    <a:pt x="4" y="0"/>
                  </a:moveTo>
                  <a:cubicBezTo>
                    <a:pt x="6" y="0"/>
                    <a:pt x="6" y="0"/>
                    <a:pt x="7" y="0"/>
                  </a:cubicBezTo>
                  <a:cubicBezTo>
                    <a:pt x="10" y="2"/>
                    <a:pt x="12" y="2"/>
                    <a:pt x="13" y="5"/>
                  </a:cubicBezTo>
                  <a:cubicBezTo>
                    <a:pt x="15" y="8"/>
                    <a:pt x="18" y="8"/>
                    <a:pt x="20" y="9"/>
                  </a:cubicBezTo>
                  <a:cubicBezTo>
                    <a:pt x="21" y="14"/>
                    <a:pt x="21" y="6"/>
                    <a:pt x="23" y="14"/>
                  </a:cubicBezTo>
                  <a:cubicBezTo>
                    <a:pt x="23" y="14"/>
                    <a:pt x="21" y="16"/>
                    <a:pt x="23" y="17"/>
                  </a:cubicBezTo>
                  <a:cubicBezTo>
                    <a:pt x="21" y="19"/>
                    <a:pt x="21" y="19"/>
                    <a:pt x="18" y="23"/>
                  </a:cubicBezTo>
                  <a:cubicBezTo>
                    <a:pt x="17" y="26"/>
                    <a:pt x="15" y="34"/>
                    <a:pt x="12" y="34"/>
                  </a:cubicBezTo>
                  <a:cubicBezTo>
                    <a:pt x="9" y="34"/>
                    <a:pt x="10" y="31"/>
                    <a:pt x="9" y="33"/>
                  </a:cubicBezTo>
                  <a:cubicBezTo>
                    <a:pt x="6" y="36"/>
                    <a:pt x="6" y="31"/>
                    <a:pt x="4" y="34"/>
                  </a:cubicBezTo>
                  <a:cubicBezTo>
                    <a:pt x="3" y="36"/>
                    <a:pt x="1" y="36"/>
                    <a:pt x="0" y="33"/>
                  </a:cubicBezTo>
                  <a:cubicBezTo>
                    <a:pt x="4" y="30"/>
                    <a:pt x="1" y="25"/>
                    <a:pt x="3" y="23"/>
                  </a:cubicBezTo>
                  <a:cubicBezTo>
                    <a:pt x="4" y="22"/>
                    <a:pt x="4" y="20"/>
                    <a:pt x="3" y="19"/>
                  </a:cubicBezTo>
                  <a:cubicBezTo>
                    <a:pt x="1" y="17"/>
                    <a:pt x="1" y="16"/>
                    <a:pt x="0" y="11"/>
                  </a:cubicBezTo>
                  <a:cubicBezTo>
                    <a:pt x="0" y="5"/>
                    <a:pt x="1" y="8"/>
                    <a:pt x="4" y="0"/>
                  </a:cubicBezTo>
                </a:path>
              </a:pathLst>
            </a:custGeom>
            <a:solidFill>
              <a:schemeClr val="accent5"/>
            </a:solidFill>
            <a:ln w="6350" cmpd="sng">
              <a:solidFill>
                <a:schemeClr val="bg1"/>
              </a:solidFill>
              <a:round/>
              <a:headEnd/>
              <a:tailEnd/>
            </a:ln>
          </p:spPr>
          <p:txBody>
            <a:bodyPr/>
            <a:lstStyle/>
            <a:p>
              <a:endParaRPr lang="en-GB" sz="1633" dirty="0"/>
            </a:p>
          </p:txBody>
        </p:sp>
        <p:sp>
          <p:nvSpPr>
            <p:cNvPr id="19" name="Freeform 25"/>
            <p:cNvSpPr>
              <a:spLocks/>
            </p:cNvSpPr>
            <p:nvPr/>
          </p:nvSpPr>
          <p:spPr bwMode="auto">
            <a:xfrm>
              <a:off x="2544358" y="4784436"/>
              <a:ext cx="82995" cy="100374"/>
            </a:xfrm>
            <a:custGeom>
              <a:avLst/>
              <a:gdLst/>
              <a:ahLst/>
              <a:cxnLst>
                <a:cxn ang="0">
                  <a:pos x="27" y="18"/>
                </a:cxn>
                <a:cxn ang="0">
                  <a:pos x="26" y="17"/>
                </a:cxn>
                <a:cxn ang="0">
                  <a:pos x="24" y="23"/>
                </a:cxn>
                <a:cxn ang="0">
                  <a:pos x="26" y="24"/>
                </a:cxn>
                <a:cxn ang="0">
                  <a:pos x="24" y="28"/>
                </a:cxn>
                <a:cxn ang="0">
                  <a:pos x="24" y="32"/>
                </a:cxn>
                <a:cxn ang="0">
                  <a:pos x="23" y="31"/>
                </a:cxn>
                <a:cxn ang="0">
                  <a:pos x="23" y="28"/>
                </a:cxn>
                <a:cxn ang="0">
                  <a:pos x="21" y="26"/>
                </a:cxn>
                <a:cxn ang="0">
                  <a:pos x="21" y="29"/>
                </a:cxn>
                <a:cxn ang="0">
                  <a:pos x="20" y="29"/>
                </a:cxn>
                <a:cxn ang="0">
                  <a:pos x="18" y="26"/>
                </a:cxn>
                <a:cxn ang="0">
                  <a:pos x="20" y="23"/>
                </a:cxn>
                <a:cxn ang="0">
                  <a:pos x="15" y="20"/>
                </a:cxn>
                <a:cxn ang="0">
                  <a:pos x="11" y="17"/>
                </a:cxn>
                <a:cxn ang="0">
                  <a:pos x="11" y="14"/>
                </a:cxn>
                <a:cxn ang="0">
                  <a:pos x="6" y="12"/>
                </a:cxn>
                <a:cxn ang="0">
                  <a:pos x="6" y="12"/>
                </a:cxn>
                <a:cxn ang="0">
                  <a:pos x="9" y="15"/>
                </a:cxn>
                <a:cxn ang="0">
                  <a:pos x="6" y="17"/>
                </a:cxn>
                <a:cxn ang="0">
                  <a:pos x="3" y="14"/>
                </a:cxn>
                <a:cxn ang="0">
                  <a:pos x="1" y="9"/>
                </a:cxn>
                <a:cxn ang="0">
                  <a:pos x="3" y="7"/>
                </a:cxn>
                <a:cxn ang="0">
                  <a:pos x="1" y="4"/>
                </a:cxn>
                <a:cxn ang="0">
                  <a:pos x="3" y="3"/>
                </a:cxn>
                <a:cxn ang="0">
                  <a:pos x="6" y="3"/>
                </a:cxn>
                <a:cxn ang="0">
                  <a:pos x="12" y="3"/>
                </a:cxn>
                <a:cxn ang="0">
                  <a:pos x="14" y="4"/>
                </a:cxn>
                <a:cxn ang="0">
                  <a:pos x="18" y="4"/>
                </a:cxn>
                <a:cxn ang="0">
                  <a:pos x="21" y="10"/>
                </a:cxn>
                <a:cxn ang="0">
                  <a:pos x="27" y="18"/>
                </a:cxn>
              </a:cxnLst>
              <a:rect l="0" t="0" r="r" b="b"/>
              <a:pathLst>
                <a:path w="27" h="32">
                  <a:moveTo>
                    <a:pt x="27" y="18"/>
                  </a:moveTo>
                  <a:cubicBezTo>
                    <a:pt x="26" y="18"/>
                    <a:pt x="26" y="17"/>
                    <a:pt x="26" y="17"/>
                  </a:cubicBezTo>
                  <a:cubicBezTo>
                    <a:pt x="24" y="17"/>
                    <a:pt x="24" y="20"/>
                    <a:pt x="24" y="23"/>
                  </a:cubicBezTo>
                  <a:cubicBezTo>
                    <a:pt x="24" y="23"/>
                    <a:pt x="27" y="23"/>
                    <a:pt x="26" y="24"/>
                  </a:cubicBezTo>
                  <a:cubicBezTo>
                    <a:pt x="24" y="26"/>
                    <a:pt x="26" y="26"/>
                    <a:pt x="24" y="28"/>
                  </a:cubicBezTo>
                  <a:cubicBezTo>
                    <a:pt x="24" y="29"/>
                    <a:pt x="23" y="29"/>
                    <a:pt x="24" y="32"/>
                  </a:cubicBezTo>
                  <a:cubicBezTo>
                    <a:pt x="24" y="32"/>
                    <a:pt x="24" y="31"/>
                    <a:pt x="23" y="31"/>
                  </a:cubicBezTo>
                  <a:cubicBezTo>
                    <a:pt x="23" y="29"/>
                    <a:pt x="24" y="28"/>
                    <a:pt x="23" y="28"/>
                  </a:cubicBezTo>
                  <a:cubicBezTo>
                    <a:pt x="21" y="26"/>
                    <a:pt x="23" y="24"/>
                    <a:pt x="21" y="26"/>
                  </a:cubicBezTo>
                  <a:cubicBezTo>
                    <a:pt x="18" y="26"/>
                    <a:pt x="23" y="28"/>
                    <a:pt x="21" y="29"/>
                  </a:cubicBezTo>
                  <a:cubicBezTo>
                    <a:pt x="21" y="31"/>
                    <a:pt x="21" y="29"/>
                    <a:pt x="20" y="29"/>
                  </a:cubicBezTo>
                  <a:cubicBezTo>
                    <a:pt x="20" y="29"/>
                    <a:pt x="17" y="28"/>
                    <a:pt x="18" y="26"/>
                  </a:cubicBezTo>
                  <a:cubicBezTo>
                    <a:pt x="20" y="26"/>
                    <a:pt x="18" y="24"/>
                    <a:pt x="20" y="23"/>
                  </a:cubicBezTo>
                  <a:cubicBezTo>
                    <a:pt x="20" y="23"/>
                    <a:pt x="18" y="21"/>
                    <a:pt x="15" y="20"/>
                  </a:cubicBezTo>
                  <a:cubicBezTo>
                    <a:pt x="12" y="17"/>
                    <a:pt x="12" y="18"/>
                    <a:pt x="11" y="17"/>
                  </a:cubicBezTo>
                  <a:cubicBezTo>
                    <a:pt x="11" y="17"/>
                    <a:pt x="11" y="17"/>
                    <a:pt x="11" y="14"/>
                  </a:cubicBezTo>
                  <a:cubicBezTo>
                    <a:pt x="11" y="12"/>
                    <a:pt x="8" y="12"/>
                    <a:pt x="6" y="12"/>
                  </a:cubicBezTo>
                  <a:cubicBezTo>
                    <a:pt x="6" y="10"/>
                    <a:pt x="6" y="12"/>
                    <a:pt x="6" y="12"/>
                  </a:cubicBezTo>
                  <a:cubicBezTo>
                    <a:pt x="8" y="14"/>
                    <a:pt x="11" y="15"/>
                    <a:pt x="9" y="15"/>
                  </a:cubicBezTo>
                  <a:cubicBezTo>
                    <a:pt x="8" y="17"/>
                    <a:pt x="8" y="18"/>
                    <a:pt x="6" y="17"/>
                  </a:cubicBezTo>
                  <a:cubicBezTo>
                    <a:pt x="6" y="15"/>
                    <a:pt x="3" y="14"/>
                    <a:pt x="3" y="14"/>
                  </a:cubicBezTo>
                  <a:cubicBezTo>
                    <a:pt x="3" y="14"/>
                    <a:pt x="0" y="12"/>
                    <a:pt x="1" y="9"/>
                  </a:cubicBezTo>
                  <a:cubicBezTo>
                    <a:pt x="1" y="6"/>
                    <a:pt x="3" y="9"/>
                    <a:pt x="3" y="7"/>
                  </a:cubicBezTo>
                  <a:cubicBezTo>
                    <a:pt x="3" y="4"/>
                    <a:pt x="3" y="6"/>
                    <a:pt x="1" y="4"/>
                  </a:cubicBezTo>
                  <a:cubicBezTo>
                    <a:pt x="0" y="4"/>
                    <a:pt x="3" y="4"/>
                    <a:pt x="3" y="3"/>
                  </a:cubicBezTo>
                  <a:cubicBezTo>
                    <a:pt x="3" y="1"/>
                    <a:pt x="3" y="0"/>
                    <a:pt x="6" y="3"/>
                  </a:cubicBezTo>
                  <a:cubicBezTo>
                    <a:pt x="11" y="6"/>
                    <a:pt x="9" y="1"/>
                    <a:pt x="12" y="3"/>
                  </a:cubicBezTo>
                  <a:cubicBezTo>
                    <a:pt x="12" y="4"/>
                    <a:pt x="14" y="3"/>
                    <a:pt x="14" y="4"/>
                  </a:cubicBezTo>
                  <a:cubicBezTo>
                    <a:pt x="14" y="6"/>
                    <a:pt x="17" y="7"/>
                    <a:pt x="18" y="4"/>
                  </a:cubicBezTo>
                  <a:cubicBezTo>
                    <a:pt x="20" y="6"/>
                    <a:pt x="20" y="7"/>
                    <a:pt x="21" y="10"/>
                  </a:cubicBezTo>
                  <a:cubicBezTo>
                    <a:pt x="23" y="14"/>
                    <a:pt x="27" y="17"/>
                    <a:pt x="27" y="18"/>
                  </a:cubicBezTo>
                </a:path>
              </a:pathLst>
            </a:custGeom>
            <a:solidFill>
              <a:schemeClr val="accent5"/>
            </a:solidFill>
            <a:ln w="6350" cmpd="sng">
              <a:solidFill>
                <a:schemeClr val="bg1"/>
              </a:solidFill>
              <a:round/>
              <a:headEnd/>
              <a:tailEnd/>
            </a:ln>
          </p:spPr>
          <p:txBody>
            <a:bodyPr/>
            <a:lstStyle/>
            <a:p>
              <a:endParaRPr lang="en-GB" sz="1633" dirty="0"/>
            </a:p>
          </p:txBody>
        </p:sp>
        <p:sp>
          <p:nvSpPr>
            <p:cNvPr id="20" name="Freeform 26"/>
            <p:cNvSpPr>
              <a:spLocks/>
            </p:cNvSpPr>
            <p:nvPr/>
          </p:nvSpPr>
          <p:spPr bwMode="auto">
            <a:xfrm>
              <a:off x="2499668" y="4667872"/>
              <a:ext cx="111724" cy="139229"/>
            </a:xfrm>
            <a:custGeom>
              <a:avLst/>
              <a:gdLst/>
              <a:ahLst/>
              <a:cxnLst>
                <a:cxn ang="0">
                  <a:pos x="3" y="21"/>
                </a:cxn>
                <a:cxn ang="0">
                  <a:pos x="6" y="19"/>
                </a:cxn>
                <a:cxn ang="0">
                  <a:pos x="8" y="16"/>
                </a:cxn>
                <a:cxn ang="0">
                  <a:pos x="11" y="13"/>
                </a:cxn>
                <a:cxn ang="0">
                  <a:pos x="14" y="10"/>
                </a:cxn>
                <a:cxn ang="0">
                  <a:pos x="17" y="11"/>
                </a:cxn>
                <a:cxn ang="0">
                  <a:pos x="21" y="3"/>
                </a:cxn>
                <a:cxn ang="0">
                  <a:pos x="24" y="3"/>
                </a:cxn>
                <a:cxn ang="0">
                  <a:pos x="32" y="2"/>
                </a:cxn>
                <a:cxn ang="0">
                  <a:pos x="36" y="0"/>
                </a:cxn>
                <a:cxn ang="0">
                  <a:pos x="36" y="5"/>
                </a:cxn>
                <a:cxn ang="0">
                  <a:pos x="33" y="13"/>
                </a:cxn>
                <a:cxn ang="0">
                  <a:pos x="33" y="17"/>
                </a:cxn>
                <a:cxn ang="0">
                  <a:pos x="33" y="25"/>
                </a:cxn>
                <a:cxn ang="0">
                  <a:pos x="33" y="27"/>
                </a:cxn>
                <a:cxn ang="0">
                  <a:pos x="32" y="28"/>
                </a:cxn>
                <a:cxn ang="0">
                  <a:pos x="32" y="32"/>
                </a:cxn>
                <a:cxn ang="0">
                  <a:pos x="32" y="35"/>
                </a:cxn>
                <a:cxn ang="0">
                  <a:pos x="30" y="38"/>
                </a:cxn>
                <a:cxn ang="0">
                  <a:pos x="32" y="41"/>
                </a:cxn>
                <a:cxn ang="0">
                  <a:pos x="27" y="41"/>
                </a:cxn>
                <a:cxn ang="0">
                  <a:pos x="26" y="39"/>
                </a:cxn>
                <a:cxn ang="0">
                  <a:pos x="20" y="39"/>
                </a:cxn>
                <a:cxn ang="0">
                  <a:pos x="17" y="39"/>
                </a:cxn>
                <a:cxn ang="0">
                  <a:pos x="9" y="32"/>
                </a:cxn>
                <a:cxn ang="0">
                  <a:pos x="3" y="24"/>
                </a:cxn>
                <a:cxn ang="0">
                  <a:pos x="1" y="21"/>
                </a:cxn>
                <a:cxn ang="0">
                  <a:pos x="3" y="21"/>
                </a:cxn>
              </a:cxnLst>
              <a:rect l="0" t="0" r="r" b="b"/>
              <a:pathLst>
                <a:path w="36" h="44">
                  <a:moveTo>
                    <a:pt x="3" y="21"/>
                  </a:moveTo>
                  <a:cubicBezTo>
                    <a:pt x="6" y="21"/>
                    <a:pt x="6" y="21"/>
                    <a:pt x="6" y="19"/>
                  </a:cubicBezTo>
                  <a:cubicBezTo>
                    <a:pt x="8" y="16"/>
                    <a:pt x="9" y="19"/>
                    <a:pt x="8" y="16"/>
                  </a:cubicBezTo>
                  <a:cubicBezTo>
                    <a:pt x="8" y="11"/>
                    <a:pt x="8" y="13"/>
                    <a:pt x="11" y="13"/>
                  </a:cubicBezTo>
                  <a:cubicBezTo>
                    <a:pt x="12" y="13"/>
                    <a:pt x="12" y="8"/>
                    <a:pt x="14" y="10"/>
                  </a:cubicBezTo>
                  <a:cubicBezTo>
                    <a:pt x="15" y="13"/>
                    <a:pt x="17" y="13"/>
                    <a:pt x="17" y="11"/>
                  </a:cubicBezTo>
                  <a:cubicBezTo>
                    <a:pt x="15" y="10"/>
                    <a:pt x="21" y="5"/>
                    <a:pt x="21" y="3"/>
                  </a:cubicBezTo>
                  <a:cubicBezTo>
                    <a:pt x="23" y="2"/>
                    <a:pt x="23" y="2"/>
                    <a:pt x="24" y="3"/>
                  </a:cubicBezTo>
                  <a:cubicBezTo>
                    <a:pt x="24" y="3"/>
                    <a:pt x="30" y="3"/>
                    <a:pt x="32" y="2"/>
                  </a:cubicBezTo>
                  <a:cubicBezTo>
                    <a:pt x="33" y="0"/>
                    <a:pt x="35" y="0"/>
                    <a:pt x="36" y="0"/>
                  </a:cubicBezTo>
                  <a:cubicBezTo>
                    <a:pt x="35" y="2"/>
                    <a:pt x="35" y="3"/>
                    <a:pt x="36" y="5"/>
                  </a:cubicBezTo>
                  <a:cubicBezTo>
                    <a:pt x="36" y="8"/>
                    <a:pt x="33" y="10"/>
                    <a:pt x="33" y="13"/>
                  </a:cubicBezTo>
                  <a:cubicBezTo>
                    <a:pt x="33" y="16"/>
                    <a:pt x="32" y="14"/>
                    <a:pt x="33" y="17"/>
                  </a:cubicBezTo>
                  <a:cubicBezTo>
                    <a:pt x="33" y="22"/>
                    <a:pt x="33" y="24"/>
                    <a:pt x="33" y="25"/>
                  </a:cubicBezTo>
                  <a:cubicBezTo>
                    <a:pt x="33" y="27"/>
                    <a:pt x="33" y="27"/>
                    <a:pt x="33" y="27"/>
                  </a:cubicBezTo>
                  <a:cubicBezTo>
                    <a:pt x="32" y="27"/>
                    <a:pt x="33" y="27"/>
                    <a:pt x="32" y="28"/>
                  </a:cubicBezTo>
                  <a:cubicBezTo>
                    <a:pt x="32" y="30"/>
                    <a:pt x="30" y="32"/>
                    <a:pt x="32" y="32"/>
                  </a:cubicBezTo>
                  <a:cubicBezTo>
                    <a:pt x="32" y="32"/>
                    <a:pt x="33" y="35"/>
                    <a:pt x="32" y="35"/>
                  </a:cubicBezTo>
                  <a:cubicBezTo>
                    <a:pt x="32" y="35"/>
                    <a:pt x="30" y="36"/>
                    <a:pt x="30" y="38"/>
                  </a:cubicBezTo>
                  <a:cubicBezTo>
                    <a:pt x="32" y="39"/>
                    <a:pt x="32" y="41"/>
                    <a:pt x="32" y="41"/>
                  </a:cubicBezTo>
                  <a:cubicBezTo>
                    <a:pt x="30" y="44"/>
                    <a:pt x="27" y="43"/>
                    <a:pt x="27" y="41"/>
                  </a:cubicBezTo>
                  <a:cubicBezTo>
                    <a:pt x="27" y="39"/>
                    <a:pt x="26" y="41"/>
                    <a:pt x="26" y="39"/>
                  </a:cubicBezTo>
                  <a:cubicBezTo>
                    <a:pt x="23" y="38"/>
                    <a:pt x="24" y="43"/>
                    <a:pt x="20" y="39"/>
                  </a:cubicBezTo>
                  <a:cubicBezTo>
                    <a:pt x="17" y="36"/>
                    <a:pt x="17" y="38"/>
                    <a:pt x="17" y="39"/>
                  </a:cubicBezTo>
                  <a:cubicBezTo>
                    <a:pt x="12" y="35"/>
                    <a:pt x="11" y="35"/>
                    <a:pt x="9" y="32"/>
                  </a:cubicBezTo>
                  <a:cubicBezTo>
                    <a:pt x="8" y="27"/>
                    <a:pt x="5" y="27"/>
                    <a:pt x="3" y="24"/>
                  </a:cubicBezTo>
                  <a:cubicBezTo>
                    <a:pt x="1" y="22"/>
                    <a:pt x="0" y="22"/>
                    <a:pt x="1" y="21"/>
                  </a:cubicBezTo>
                  <a:cubicBezTo>
                    <a:pt x="1" y="19"/>
                    <a:pt x="3" y="22"/>
                    <a:pt x="3" y="21"/>
                  </a:cubicBezTo>
                </a:path>
              </a:pathLst>
            </a:custGeom>
            <a:solidFill>
              <a:schemeClr val="accent5"/>
            </a:solidFill>
            <a:ln w="6350" cmpd="sng">
              <a:solidFill>
                <a:schemeClr val="bg1"/>
              </a:solidFill>
              <a:round/>
              <a:headEnd/>
              <a:tailEnd/>
            </a:ln>
          </p:spPr>
          <p:txBody>
            <a:bodyPr/>
            <a:lstStyle/>
            <a:p>
              <a:endParaRPr lang="en-GB" sz="1633" dirty="0"/>
            </a:p>
          </p:txBody>
        </p:sp>
        <p:sp>
          <p:nvSpPr>
            <p:cNvPr id="21" name="Freeform 27"/>
            <p:cNvSpPr>
              <a:spLocks/>
            </p:cNvSpPr>
            <p:nvPr/>
          </p:nvSpPr>
          <p:spPr bwMode="auto">
            <a:xfrm>
              <a:off x="2456575" y="4637112"/>
              <a:ext cx="154817" cy="97136"/>
            </a:xfrm>
            <a:custGeom>
              <a:avLst/>
              <a:gdLst/>
              <a:ahLst/>
              <a:cxnLst>
                <a:cxn ang="0">
                  <a:pos x="9" y="3"/>
                </a:cxn>
                <a:cxn ang="0">
                  <a:pos x="3" y="9"/>
                </a:cxn>
                <a:cxn ang="0">
                  <a:pos x="0" y="17"/>
                </a:cxn>
                <a:cxn ang="0">
                  <a:pos x="9" y="21"/>
                </a:cxn>
                <a:cxn ang="0">
                  <a:pos x="14" y="23"/>
                </a:cxn>
                <a:cxn ang="0">
                  <a:pos x="14" y="26"/>
                </a:cxn>
                <a:cxn ang="0">
                  <a:pos x="15" y="28"/>
                </a:cxn>
                <a:cxn ang="0">
                  <a:pos x="17" y="31"/>
                </a:cxn>
                <a:cxn ang="0">
                  <a:pos x="20" y="29"/>
                </a:cxn>
                <a:cxn ang="0">
                  <a:pos x="21" y="26"/>
                </a:cxn>
                <a:cxn ang="0">
                  <a:pos x="24" y="23"/>
                </a:cxn>
                <a:cxn ang="0">
                  <a:pos x="28" y="20"/>
                </a:cxn>
                <a:cxn ang="0">
                  <a:pos x="31" y="21"/>
                </a:cxn>
                <a:cxn ang="0">
                  <a:pos x="35" y="14"/>
                </a:cxn>
                <a:cxn ang="0">
                  <a:pos x="38" y="14"/>
                </a:cxn>
                <a:cxn ang="0">
                  <a:pos x="46" y="12"/>
                </a:cxn>
                <a:cxn ang="0">
                  <a:pos x="50" y="10"/>
                </a:cxn>
                <a:cxn ang="0">
                  <a:pos x="47" y="7"/>
                </a:cxn>
                <a:cxn ang="0">
                  <a:pos x="43" y="3"/>
                </a:cxn>
                <a:cxn ang="0">
                  <a:pos x="35" y="1"/>
                </a:cxn>
                <a:cxn ang="0">
                  <a:pos x="31" y="1"/>
                </a:cxn>
                <a:cxn ang="0">
                  <a:pos x="28" y="1"/>
                </a:cxn>
                <a:cxn ang="0">
                  <a:pos x="24" y="3"/>
                </a:cxn>
                <a:cxn ang="0">
                  <a:pos x="17" y="3"/>
                </a:cxn>
                <a:cxn ang="0">
                  <a:pos x="14" y="1"/>
                </a:cxn>
                <a:cxn ang="0">
                  <a:pos x="9" y="3"/>
                </a:cxn>
              </a:cxnLst>
              <a:rect l="0" t="0" r="r" b="b"/>
              <a:pathLst>
                <a:path w="50" h="31">
                  <a:moveTo>
                    <a:pt x="9" y="3"/>
                  </a:moveTo>
                  <a:cubicBezTo>
                    <a:pt x="8" y="4"/>
                    <a:pt x="5" y="9"/>
                    <a:pt x="3" y="9"/>
                  </a:cubicBezTo>
                  <a:cubicBezTo>
                    <a:pt x="1" y="10"/>
                    <a:pt x="5" y="15"/>
                    <a:pt x="0" y="17"/>
                  </a:cubicBezTo>
                  <a:cubicBezTo>
                    <a:pt x="6" y="18"/>
                    <a:pt x="8" y="23"/>
                    <a:pt x="9" y="21"/>
                  </a:cubicBezTo>
                  <a:cubicBezTo>
                    <a:pt x="9" y="21"/>
                    <a:pt x="14" y="20"/>
                    <a:pt x="14" y="23"/>
                  </a:cubicBezTo>
                  <a:cubicBezTo>
                    <a:pt x="14" y="24"/>
                    <a:pt x="14" y="26"/>
                    <a:pt x="14" y="26"/>
                  </a:cubicBezTo>
                  <a:cubicBezTo>
                    <a:pt x="15" y="28"/>
                    <a:pt x="14" y="24"/>
                    <a:pt x="15" y="28"/>
                  </a:cubicBezTo>
                  <a:cubicBezTo>
                    <a:pt x="17" y="31"/>
                    <a:pt x="18" y="29"/>
                    <a:pt x="17" y="31"/>
                  </a:cubicBezTo>
                  <a:cubicBezTo>
                    <a:pt x="20" y="31"/>
                    <a:pt x="20" y="31"/>
                    <a:pt x="20" y="29"/>
                  </a:cubicBezTo>
                  <a:cubicBezTo>
                    <a:pt x="21" y="26"/>
                    <a:pt x="23" y="29"/>
                    <a:pt x="21" y="26"/>
                  </a:cubicBezTo>
                  <a:cubicBezTo>
                    <a:pt x="21" y="21"/>
                    <a:pt x="21" y="23"/>
                    <a:pt x="24" y="23"/>
                  </a:cubicBezTo>
                  <a:cubicBezTo>
                    <a:pt x="26" y="23"/>
                    <a:pt x="26" y="18"/>
                    <a:pt x="28" y="20"/>
                  </a:cubicBezTo>
                  <a:cubicBezTo>
                    <a:pt x="29" y="23"/>
                    <a:pt x="31" y="23"/>
                    <a:pt x="31" y="21"/>
                  </a:cubicBezTo>
                  <a:cubicBezTo>
                    <a:pt x="29" y="20"/>
                    <a:pt x="35" y="15"/>
                    <a:pt x="35" y="14"/>
                  </a:cubicBezTo>
                  <a:cubicBezTo>
                    <a:pt x="37" y="12"/>
                    <a:pt x="37" y="12"/>
                    <a:pt x="38" y="14"/>
                  </a:cubicBezTo>
                  <a:cubicBezTo>
                    <a:pt x="38" y="14"/>
                    <a:pt x="44" y="14"/>
                    <a:pt x="46" y="12"/>
                  </a:cubicBezTo>
                  <a:cubicBezTo>
                    <a:pt x="47" y="10"/>
                    <a:pt x="49" y="10"/>
                    <a:pt x="50" y="10"/>
                  </a:cubicBezTo>
                  <a:cubicBezTo>
                    <a:pt x="50" y="10"/>
                    <a:pt x="49" y="9"/>
                    <a:pt x="47" y="7"/>
                  </a:cubicBezTo>
                  <a:cubicBezTo>
                    <a:pt x="44" y="6"/>
                    <a:pt x="44" y="6"/>
                    <a:pt x="43" y="3"/>
                  </a:cubicBezTo>
                  <a:cubicBezTo>
                    <a:pt x="41" y="1"/>
                    <a:pt x="37" y="0"/>
                    <a:pt x="35" y="1"/>
                  </a:cubicBezTo>
                  <a:cubicBezTo>
                    <a:pt x="34" y="1"/>
                    <a:pt x="32" y="1"/>
                    <a:pt x="31" y="1"/>
                  </a:cubicBezTo>
                  <a:cubicBezTo>
                    <a:pt x="29" y="0"/>
                    <a:pt x="28" y="0"/>
                    <a:pt x="28" y="1"/>
                  </a:cubicBezTo>
                  <a:cubicBezTo>
                    <a:pt x="29" y="1"/>
                    <a:pt x="26" y="3"/>
                    <a:pt x="24" y="3"/>
                  </a:cubicBezTo>
                  <a:cubicBezTo>
                    <a:pt x="21" y="3"/>
                    <a:pt x="18" y="1"/>
                    <a:pt x="17" y="3"/>
                  </a:cubicBezTo>
                  <a:cubicBezTo>
                    <a:pt x="15" y="3"/>
                    <a:pt x="15" y="1"/>
                    <a:pt x="14" y="1"/>
                  </a:cubicBezTo>
                  <a:cubicBezTo>
                    <a:pt x="12" y="1"/>
                    <a:pt x="12" y="4"/>
                    <a:pt x="9" y="3"/>
                  </a:cubicBezTo>
                </a:path>
              </a:pathLst>
            </a:custGeom>
            <a:solidFill>
              <a:schemeClr val="accent5"/>
            </a:solidFill>
            <a:ln w="6350" cmpd="sng">
              <a:solidFill>
                <a:schemeClr val="bg1"/>
              </a:solidFill>
              <a:round/>
              <a:headEnd/>
              <a:tailEnd/>
            </a:ln>
          </p:spPr>
          <p:txBody>
            <a:bodyPr/>
            <a:lstStyle/>
            <a:p>
              <a:endParaRPr lang="en-GB" sz="1633" dirty="0"/>
            </a:p>
          </p:txBody>
        </p:sp>
        <p:sp>
          <p:nvSpPr>
            <p:cNvPr id="22" name="Freeform 28"/>
            <p:cNvSpPr>
              <a:spLocks/>
            </p:cNvSpPr>
            <p:nvPr/>
          </p:nvSpPr>
          <p:spPr bwMode="auto">
            <a:xfrm>
              <a:off x="2442210" y="4690537"/>
              <a:ext cx="60650" cy="37235"/>
            </a:xfrm>
            <a:custGeom>
              <a:avLst/>
              <a:gdLst/>
              <a:ahLst/>
              <a:cxnLst>
                <a:cxn ang="0">
                  <a:pos x="5" y="0"/>
                </a:cxn>
                <a:cxn ang="0">
                  <a:pos x="14" y="4"/>
                </a:cxn>
                <a:cxn ang="0">
                  <a:pos x="19" y="6"/>
                </a:cxn>
                <a:cxn ang="0">
                  <a:pos x="19" y="9"/>
                </a:cxn>
                <a:cxn ang="0">
                  <a:pos x="19" y="11"/>
                </a:cxn>
                <a:cxn ang="0">
                  <a:pos x="14" y="12"/>
                </a:cxn>
                <a:cxn ang="0">
                  <a:pos x="13" y="12"/>
                </a:cxn>
                <a:cxn ang="0">
                  <a:pos x="4" y="9"/>
                </a:cxn>
                <a:cxn ang="0">
                  <a:pos x="0" y="6"/>
                </a:cxn>
                <a:cxn ang="0">
                  <a:pos x="5" y="0"/>
                </a:cxn>
                <a:cxn ang="0">
                  <a:pos x="5" y="0"/>
                </a:cxn>
              </a:cxnLst>
              <a:rect l="0" t="0" r="r" b="b"/>
              <a:pathLst>
                <a:path w="20" h="12">
                  <a:moveTo>
                    <a:pt x="5" y="0"/>
                  </a:moveTo>
                  <a:cubicBezTo>
                    <a:pt x="11" y="1"/>
                    <a:pt x="13" y="6"/>
                    <a:pt x="14" y="4"/>
                  </a:cubicBezTo>
                  <a:cubicBezTo>
                    <a:pt x="14" y="4"/>
                    <a:pt x="19" y="3"/>
                    <a:pt x="19" y="6"/>
                  </a:cubicBezTo>
                  <a:cubicBezTo>
                    <a:pt x="19" y="7"/>
                    <a:pt x="19" y="9"/>
                    <a:pt x="19" y="9"/>
                  </a:cubicBezTo>
                  <a:cubicBezTo>
                    <a:pt x="17" y="9"/>
                    <a:pt x="17" y="11"/>
                    <a:pt x="19" y="11"/>
                  </a:cubicBezTo>
                  <a:cubicBezTo>
                    <a:pt x="20" y="11"/>
                    <a:pt x="16" y="12"/>
                    <a:pt x="14" y="12"/>
                  </a:cubicBezTo>
                  <a:cubicBezTo>
                    <a:pt x="11" y="9"/>
                    <a:pt x="14" y="12"/>
                    <a:pt x="13" y="12"/>
                  </a:cubicBezTo>
                  <a:cubicBezTo>
                    <a:pt x="11" y="12"/>
                    <a:pt x="7" y="9"/>
                    <a:pt x="4" y="9"/>
                  </a:cubicBezTo>
                  <a:cubicBezTo>
                    <a:pt x="0" y="9"/>
                    <a:pt x="2" y="7"/>
                    <a:pt x="0" y="6"/>
                  </a:cubicBezTo>
                  <a:cubicBezTo>
                    <a:pt x="0" y="3"/>
                    <a:pt x="5" y="3"/>
                    <a:pt x="5" y="0"/>
                  </a:cubicBezTo>
                  <a:cubicBezTo>
                    <a:pt x="4" y="0"/>
                    <a:pt x="5" y="0"/>
                    <a:pt x="5" y="0"/>
                  </a:cubicBezTo>
                </a:path>
              </a:pathLst>
            </a:custGeom>
            <a:solidFill>
              <a:schemeClr val="accent5"/>
            </a:solidFill>
            <a:ln w="6350" cmpd="sng">
              <a:solidFill>
                <a:schemeClr val="bg1"/>
              </a:solidFill>
              <a:round/>
              <a:headEnd/>
              <a:tailEnd/>
            </a:ln>
          </p:spPr>
          <p:txBody>
            <a:bodyPr/>
            <a:lstStyle/>
            <a:p>
              <a:endParaRPr lang="en-GB" sz="1633" dirty="0"/>
            </a:p>
          </p:txBody>
        </p:sp>
        <p:sp>
          <p:nvSpPr>
            <p:cNvPr id="23" name="Freeform 29"/>
            <p:cNvSpPr>
              <a:spLocks/>
            </p:cNvSpPr>
            <p:nvPr/>
          </p:nvSpPr>
          <p:spPr bwMode="auto">
            <a:xfrm>
              <a:off x="2391137" y="4583687"/>
              <a:ext cx="94167" cy="126277"/>
            </a:xfrm>
            <a:custGeom>
              <a:avLst/>
              <a:gdLst/>
              <a:ahLst/>
              <a:cxnLst>
                <a:cxn ang="0">
                  <a:pos x="24" y="0"/>
                </a:cxn>
                <a:cxn ang="0">
                  <a:pos x="24" y="18"/>
                </a:cxn>
                <a:cxn ang="0">
                  <a:pos x="26" y="18"/>
                </a:cxn>
                <a:cxn ang="0">
                  <a:pos x="29" y="20"/>
                </a:cxn>
                <a:cxn ang="0">
                  <a:pos x="29" y="18"/>
                </a:cxn>
                <a:cxn ang="0">
                  <a:pos x="30" y="20"/>
                </a:cxn>
                <a:cxn ang="0">
                  <a:pos x="24" y="26"/>
                </a:cxn>
                <a:cxn ang="0">
                  <a:pos x="21" y="34"/>
                </a:cxn>
                <a:cxn ang="0">
                  <a:pos x="21" y="34"/>
                </a:cxn>
                <a:cxn ang="0">
                  <a:pos x="17" y="40"/>
                </a:cxn>
                <a:cxn ang="0">
                  <a:pos x="9" y="39"/>
                </a:cxn>
                <a:cxn ang="0">
                  <a:pos x="0" y="32"/>
                </a:cxn>
                <a:cxn ang="0">
                  <a:pos x="0" y="29"/>
                </a:cxn>
                <a:cxn ang="0">
                  <a:pos x="2" y="26"/>
                </a:cxn>
                <a:cxn ang="0">
                  <a:pos x="0" y="25"/>
                </a:cxn>
                <a:cxn ang="0">
                  <a:pos x="3" y="17"/>
                </a:cxn>
                <a:cxn ang="0">
                  <a:pos x="14" y="17"/>
                </a:cxn>
                <a:cxn ang="0">
                  <a:pos x="12" y="12"/>
                </a:cxn>
                <a:cxn ang="0">
                  <a:pos x="8" y="7"/>
                </a:cxn>
                <a:cxn ang="0">
                  <a:pos x="6" y="6"/>
                </a:cxn>
                <a:cxn ang="0">
                  <a:pos x="9" y="6"/>
                </a:cxn>
                <a:cxn ang="0">
                  <a:pos x="9" y="0"/>
                </a:cxn>
                <a:cxn ang="0">
                  <a:pos x="24" y="0"/>
                </a:cxn>
              </a:cxnLst>
              <a:rect l="0" t="0" r="r" b="b"/>
              <a:pathLst>
                <a:path w="30" h="40">
                  <a:moveTo>
                    <a:pt x="24" y="0"/>
                  </a:moveTo>
                  <a:cubicBezTo>
                    <a:pt x="24" y="18"/>
                    <a:pt x="24" y="18"/>
                    <a:pt x="24" y="18"/>
                  </a:cubicBezTo>
                  <a:cubicBezTo>
                    <a:pt x="26" y="18"/>
                    <a:pt x="26" y="18"/>
                    <a:pt x="26" y="18"/>
                  </a:cubicBezTo>
                  <a:cubicBezTo>
                    <a:pt x="27" y="20"/>
                    <a:pt x="27" y="21"/>
                    <a:pt x="29" y="20"/>
                  </a:cubicBezTo>
                  <a:cubicBezTo>
                    <a:pt x="29" y="20"/>
                    <a:pt x="29" y="20"/>
                    <a:pt x="29" y="18"/>
                  </a:cubicBezTo>
                  <a:cubicBezTo>
                    <a:pt x="27" y="18"/>
                    <a:pt x="29" y="17"/>
                    <a:pt x="30" y="20"/>
                  </a:cubicBezTo>
                  <a:cubicBezTo>
                    <a:pt x="29" y="21"/>
                    <a:pt x="26" y="26"/>
                    <a:pt x="24" y="26"/>
                  </a:cubicBezTo>
                  <a:cubicBezTo>
                    <a:pt x="23" y="28"/>
                    <a:pt x="26" y="32"/>
                    <a:pt x="21" y="34"/>
                  </a:cubicBezTo>
                  <a:cubicBezTo>
                    <a:pt x="21" y="34"/>
                    <a:pt x="20" y="34"/>
                    <a:pt x="21" y="34"/>
                  </a:cubicBezTo>
                  <a:cubicBezTo>
                    <a:pt x="21" y="37"/>
                    <a:pt x="17" y="37"/>
                    <a:pt x="17" y="40"/>
                  </a:cubicBezTo>
                  <a:cubicBezTo>
                    <a:pt x="14" y="39"/>
                    <a:pt x="12" y="37"/>
                    <a:pt x="9" y="39"/>
                  </a:cubicBezTo>
                  <a:cubicBezTo>
                    <a:pt x="6" y="39"/>
                    <a:pt x="6" y="39"/>
                    <a:pt x="0" y="32"/>
                  </a:cubicBezTo>
                  <a:cubicBezTo>
                    <a:pt x="0" y="32"/>
                    <a:pt x="0" y="31"/>
                    <a:pt x="0" y="29"/>
                  </a:cubicBezTo>
                  <a:cubicBezTo>
                    <a:pt x="0" y="28"/>
                    <a:pt x="2" y="26"/>
                    <a:pt x="2" y="26"/>
                  </a:cubicBezTo>
                  <a:cubicBezTo>
                    <a:pt x="0" y="25"/>
                    <a:pt x="0" y="25"/>
                    <a:pt x="0" y="25"/>
                  </a:cubicBezTo>
                  <a:cubicBezTo>
                    <a:pt x="3" y="17"/>
                    <a:pt x="3" y="17"/>
                    <a:pt x="3" y="17"/>
                  </a:cubicBezTo>
                  <a:cubicBezTo>
                    <a:pt x="14" y="17"/>
                    <a:pt x="14" y="17"/>
                    <a:pt x="14" y="17"/>
                  </a:cubicBezTo>
                  <a:cubicBezTo>
                    <a:pt x="15" y="11"/>
                    <a:pt x="12" y="15"/>
                    <a:pt x="12" y="12"/>
                  </a:cubicBezTo>
                  <a:cubicBezTo>
                    <a:pt x="11" y="9"/>
                    <a:pt x="9" y="9"/>
                    <a:pt x="8" y="7"/>
                  </a:cubicBezTo>
                  <a:cubicBezTo>
                    <a:pt x="8" y="6"/>
                    <a:pt x="6" y="6"/>
                    <a:pt x="6" y="6"/>
                  </a:cubicBezTo>
                  <a:cubicBezTo>
                    <a:pt x="9" y="6"/>
                    <a:pt x="9" y="6"/>
                    <a:pt x="9" y="6"/>
                  </a:cubicBezTo>
                  <a:cubicBezTo>
                    <a:pt x="9" y="0"/>
                    <a:pt x="9" y="0"/>
                    <a:pt x="9" y="0"/>
                  </a:cubicBezTo>
                  <a:cubicBezTo>
                    <a:pt x="24" y="0"/>
                    <a:pt x="24" y="0"/>
                    <a:pt x="24" y="0"/>
                  </a:cubicBezTo>
                  <a:close/>
                </a:path>
              </a:pathLst>
            </a:custGeom>
            <a:solidFill>
              <a:schemeClr val="accent5"/>
            </a:solidFill>
            <a:ln w="6350" cmpd="sng">
              <a:solidFill>
                <a:schemeClr val="bg1"/>
              </a:solidFill>
              <a:round/>
              <a:headEnd/>
              <a:tailEnd/>
            </a:ln>
          </p:spPr>
          <p:txBody>
            <a:bodyPr/>
            <a:lstStyle/>
            <a:p>
              <a:endParaRPr lang="en-GB" sz="1633" dirty="0"/>
            </a:p>
          </p:txBody>
        </p:sp>
        <p:sp>
          <p:nvSpPr>
            <p:cNvPr id="24" name="Freeform 30"/>
            <p:cNvSpPr>
              <a:spLocks/>
            </p:cNvSpPr>
            <p:nvPr/>
          </p:nvSpPr>
          <p:spPr bwMode="auto">
            <a:xfrm>
              <a:off x="2660870" y="5088796"/>
              <a:ext cx="145240" cy="200748"/>
            </a:xfrm>
            <a:custGeom>
              <a:avLst/>
              <a:gdLst/>
              <a:ahLst/>
              <a:cxnLst>
                <a:cxn ang="0">
                  <a:pos x="18" y="0"/>
                </a:cxn>
                <a:cxn ang="0">
                  <a:pos x="27" y="6"/>
                </a:cxn>
                <a:cxn ang="0">
                  <a:pos x="30" y="10"/>
                </a:cxn>
                <a:cxn ang="0">
                  <a:pos x="38" y="11"/>
                </a:cxn>
                <a:cxn ang="0">
                  <a:pos x="41" y="11"/>
                </a:cxn>
                <a:cxn ang="0">
                  <a:pos x="47" y="14"/>
                </a:cxn>
                <a:cxn ang="0">
                  <a:pos x="44" y="31"/>
                </a:cxn>
                <a:cxn ang="0">
                  <a:pos x="23" y="48"/>
                </a:cxn>
                <a:cxn ang="0">
                  <a:pos x="18" y="61"/>
                </a:cxn>
                <a:cxn ang="0">
                  <a:pos x="12" y="58"/>
                </a:cxn>
                <a:cxn ang="0">
                  <a:pos x="6" y="56"/>
                </a:cxn>
                <a:cxn ang="0">
                  <a:pos x="7" y="47"/>
                </a:cxn>
                <a:cxn ang="0">
                  <a:pos x="11" y="39"/>
                </a:cxn>
                <a:cxn ang="0">
                  <a:pos x="4" y="39"/>
                </a:cxn>
                <a:cxn ang="0">
                  <a:pos x="3" y="27"/>
                </a:cxn>
                <a:cxn ang="0">
                  <a:pos x="6" y="19"/>
                </a:cxn>
                <a:cxn ang="0">
                  <a:pos x="9" y="8"/>
                </a:cxn>
                <a:cxn ang="0">
                  <a:pos x="18" y="0"/>
                </a:cxn>
              </a:cxnLst>
              <a:rect l="0" t="0" r="r" b="b"/>
              <a:pathLst>
                <a:path w="47" h="64">
                  <a:moveTo>
                    <a:pt x="18" y="0"/>
                  </a:moveTo>
                  <a:cubicBezTo>
                    <a:pt x="24" y="5"/>
                    <a:pt x="26" y="6"/>
                    <a:pt x="27" y="6"/>
                  </a:cubicBezTo>
                  <a:cubicBezTo>
                    <a:pt x="27" y="6"/>
                    <a:pt x="30" y="8"/>
                    <a:pt x="30" y="10"/>
                  </a:cubicBezTo>
                  <a:cubicBezTo>
                    <a:pt x="30" y="11"/>
                    <a:pt x="38" y="13"/>
                    <a:pt x="38" y="11"/>
                  </a:cubicBezTo>
                  <a:cubicBezTo>
                    <a:pt x="38" y="10"/>
                    <a:pt x="39" y="8"/>
                    <a:pt x="41" y="11"/>
                  </a:cubicBezTo>
                  <a:cubicBezTo>
                    <a:pt x="42" y="14"/>
                    <a:pt x="44" y="14"/>
                    <a:pt x="47" y="14"/>
                  </a:cubicBezTo>
                  <a:cubicBezTo>
                    <a:pt x="47" y="22"/>
                    <a:pt x="47" y="23"/>
                    <a:pt x="44" y="31"/>
                  </a:cubicBezTo>
                  <a:cubicBezTo>
                    <a:pt x="39" y="37"/>
                    <a:pt x="27" y="41"/>
                    <a:pt x="23" y="48"/>
                  </a:cubicBezTo>
                  <a:cubicBezTo>
                    <a:pt x="18" y="58"/>
                    <a:pt x="21" y="58"/>
                    <a:pt x="18" y="61"/>
                  </a:cubicBezTo>
                  <a:cubicBezTo>
                    <a:pt x="15" y="64"/>
                    <a:pt x="15" y="58"/>
                    <a:pt x="12" y="58"/>
                  </a:cubicBezTo>
                  <a:cubicBezTo>
                    <a:pt x="7" y="56"/>
                    <a:pt x="6" y="59"/>
                    <a:pt x="6" y="56"/>
                  </a:cubicBezTo>
                  <a:cubicBezTo>
                    <a:pt x="4" y="53"/>
                    <a:pt x="11" y="53"/>
                    <a:pt x="7" y="47"/>
                  </a:cubicBezTo>
                  <a:cubicBezTo>
                    <a:pt x="11" y="47"/>
                    <a:pt x="11" y="42"/>
                    <a:pt x="11" y="39"/>
                  </a:cubicBezTo>
                  <a:cubicBezTo>
                    <a:pt x="11" y="36"/>
                    <a:pt x="9" y="44"/>
                    <a:pt x="4" y="39"/>
                  </a:cubicBezTo>
                  <a:cubicBezTo>
                    <a:pt x="0" y="34"/>
                    <a:pt x="4" y="37"/>
                    <a:pt x="3" y="27"/>
                  </a:cubicBezTo>
                  <a:cubicBezTo>
                    <a:pt x="1" y="20"/>
                    <a:pt x="6" y="25"/>
                    <a:pt x="6" y="19"/>
                  </a:cubicBezTo>
                  <a:cubicBezTo>
                    <a:pt x="6" y="14"/>
                    <a:pt x="11" y="16"/>
                    <a:pt x="9" y="8"/>
                  </a:cubicBezTo>
                  <a:cubicBezTo>
                    <a:pt x="9" y="2"/>
                    <a:pt x="20" y="5"/>
                    <a:pt x="18" y="0"/>
                  </a:cubicBezTo>
                </a:path>
              </a:pathLst>
            </a:custGeom>
            <a:solidFill>
              <a:schemeClr val="accent5"/>
            </a:solidFill>
            <a:ln w="6350" cmpd="sng">
              <a:solidFill>
                <a:schemeClr val="bg1"/>
              </a:solidFill>
              <a:round/>
              <a:headEnd/>
              <a:tailEnd/>
            </a:ln>
          </p:spPr>
          <p:txBody>
            <a:bodyPr/>
            <a:lstStyle/>
            <a:p>
              <a:endParaRPr lang="en-GB" sz="1633" dirty="0"/>
            </a:p>
          </p:txBody>
        </p:sp>
        <p:sp>
          <p:nvSpPr>
            <p:cNvPr id="25" name="Freeform 31"/>
            <p:cNvSpPr>
              <a:spLocks/>
            </p:cNvSpPr>
            <p:nvPr/>
          </p:nvSpPr>
          <p:spPr bwMode="auto">
            <a:xfrm>
              <a:off x="2407098" y="5124413"/>
              <a:ext cx="19152" cy="43712"/>
            </a:xfrm>
            <a:custGeom>
              <a:avLst/>
              <a:gdLst/>
              <a:ahLst/>
              <a:cxnLst>
                <a:cxn ang="0">
                  <a:pos x="1" y="13"/>
                </a:cxn>
                <a:cxn ang="0">
                  <a:pos x="3" y="10"/>
                </a:cxn>
                <a:cxn ang="0">
                  <a:pos x="1" y="6"/>
                </a:cxn>
                <a:cxn ang="0">
                  <a:pos x="0" y="3"/>
                </a:cxn>
                <a:cxn ang="0">
                  <a:pos x="1" y="2"/>
                </a:cxn>
                <a:cxn ang="0">
                  <a:pos x="3" y="3"/>
                </a:cxn>
                <a:cxn ang="0">
                  <a:pos x="4" y="6"/>
                </a:cxn>
                <a:cxn ang="0">
                  <a:pos x="6" y="10"/>
                </a:cxn>
                <a:cxn ang="0">
                  <a:pos x="4" y="13"/>
                </a:cxn>
                <a:cxn ang="0">
                  <a:pos x="1" y="13"/>
                </a:cxn>
              </a:cxnLst>
              <a:rect l="0" t="0" r="r" b="b"/>
              <a:pathLst>
                <a:path w="6" h="14">
                  <a:moveTo>
                    <a:pt x="1" y="13"/>
                  </a:moveTo>
                  <a:cubicBezTo>
                    <a:pt x="0" y="11"/>
                    <a:pt x="3" y="10"/>
                    <a:pt x="3" y="10"/>
                  </a:cubicBezTo>
                  <a:cubicBezTo>
                    <a:pt x="4" y="8"/>
                    <a:pt x="3" y="8"/>
                    <a:pt x="1" y="6"/>
                  </a:cubicBezTo>
                  <a:cubicBezTo>
                    <a:pt x="1" y="5"/>
                    <a:pt x="1" y="3"/>
                    <a:pt x="0" y="3"/>
                  </a:cubicBezTo>
                  <a:cubicBezTo>
                    <a:pt x="0" y="3"/>
                    <a:pt x="0" y="3"/>
                    <a:pt x="1" y="2"/>
                  </a:cubicBezTo>
                  <a:cubicBezTo>
                    <a:pt x="1" y="0"/>
                    <a:pt x="1" y="2"/>
                    <a:pt x="3" y="3"/>
                  </a:cubicBezTo>
                  <a:cubicBezTo>
                    <a:pt x="3" y="5"/>
                    <a:pt x="3" y="6"/>
                    <a:pt x="4" y="6"/>
                  </a:cubicBezTo>
                  <a:cubicBezTo>
                    <a:pt x="6" y="8"/>
                    <a:pt x="4" y="8"/>
                    <a:pt x="6" y="10"/>
                  </a:cubicBezTo>
                  <a:cubicBezTo>
                    <a:pt x="6" y="11"/>
                    <a:pt x="6" y="13"/>
                    <a:pt x="4" y="13"/>
                  </a:cubicBezTo>
                  <a:cubicBezTo>
                    <a:pt x="1" y="14"/>
                    <a:pt x="1" y="13"/>
                    <a:pt x="1" y="13"/>
                  </a:cubicBezTo>
                </a:path>
              </a:pathLst>
            </a:custGeom>
            <a:grpFill/>
            <a:ln w="6350" cmpd="sng">
              <a:solidFill>
                <a:schemeClr val="bg1"/>
              </a:solidFill>
              <a:round/>
              <a:headEnd/>
              <a:tailEnd/>
            </a:ln>
          </p:spPr>
          <p:txBody>
            <a:bodyPr/>
            <a:lstStyle/>
            <a:p>
              <a:endParaRPr lang="en-GB" sz="1633" dirty="0"/>
            </a:p>
          </p:txBody>
        </p:sp>
        <p:sp>
          <p:nvSpPr>
            <p:cNvPr id="26" name="Freeform 32"/>
            <p:cNvSpPr>
              <a:spLocks/>
            </p:cNvSpPr>
            <p:nvPr/>
          </p:nvSpPr>
          <p:spPr bwMode="auto">
            <a:xfrm>
              <a:off x="2429443" y="5142222"/>
              <a:ext cx="12769" cy="16190"/>
            </a:xfrm>
            <a:custGeom>
              <a:avLst/>
              <a:gdLst/>
              <a:ahLst/>
              <a:cxnLst>
                <a:cxn ang="0">
                  <a:pos x="2" y="5"/>
                </a:cxn>
                <a:cxn ang="0">
                  <a:pos x="3" y="2"/>
                </a:cxn>
                <a:cxn ang="0">
                  <a:pos x="2" y="5"/>
                </a:cxn>
              </a:cxnLst>
              <a:rect l="0" t="0" r="r" b="b"/>
              <a:pathLst>
                <a:path w="4" h="5">
                  <a:moveTo>
                    <a:pt x="2" y="5"/>
                  </a:moveTo>
                  <a:cubicBezTo>
                    <a:pt x="0" y="3"/>
                    <a:pt x="2" y="0"/>
                    <a:pt x="3" y="2"/>
                  </a:cubicBezTo>
                  <a:cubicBezTo>
                    <a:pt x="4" y="2"/>
                    <a:pt x="3" y="5"/>
                    <a:pt x="2" y="5"/>
                  </a:cubicBezTo>
                </a:path>
              </a:pathLst>
            </a:custGeom>
            <a:grpFill/>
            <a:ln w="6350" cmpd="sng">
              <a:solidFill>
                <a:schemeClr val="bg1"/>
              </a:solidFill>
              <a:round/>
              <a:headEnd/>
              <a:tailEnd/>
            </a:ln>
          </p:spPr>
          <p:txBody>
            <a:bodyPr/>
            <a:lstStyle/>
            <a:p>
              <a:endParaRPr lang="en-GB" sz="1633" dirty="0"/>
            </a:p>
          </p:txBody>
        </p:sp>
        <p:sp>
          <p:nvSpPr>
            <p:cNvPr id="27" name="Freeform 33"/>
            <p:cNvSpPr>
              <a:spLocks/>
            </p:cNvSpPr>
            <p:nvPr/>
          </p:nvSpPr>
          <p:spPr bwMode="auto">
            <a:xfrm>
              <a:off x="2450191" y="5151935"/>
              <a:ext cx="9577" cy="9713"/>
            </a:xfrm>
            <a:custGeom>
              <a:avLst/>
              <a:gdLst/>
              <a:ahLst/>
              <a:cxnLst>
                <a:cxn ang="0">
                  <a:pos x="0" y="3"/>
                </a:cxn>
                <a:cxn ang="0">
                  <a:pos x="3" y="0"/>
                </a:cxn>
                <a:cxn ang="0">
                  <a:pos x="0" y="3"/>
                </a:cxn>
              </a:cxnLst>
              <a:rect l="0" t="0" r="r" b="b"/>
              <a:pathLst>
                <a:path w="3" h="3">
                  <a:moveTo>
                    <a:pt x="0" y="3"/>
                  </a:moveTo>
                  <a:cubicBezTo>
                    <a:pt x="3" y="0"/>
                    <a:pt x="3" y="0"/>
                    <a:pt x="3" y="0"/>
                  </a:cubicBezTo>
                  <a:cubicBezTo>
                    <a:pt x="3" y="2"/>
                    <a:pt x="3" y="3"/>
                    <a:pt x="0" y="3"/>
                  </a:cubicBezTo>
                </a:path>
              </a:pathLst>
            </a:custGeom>
            <a:grpFill/>
            <a:ln w="6350" cmpd="sng">
              <a:solidFill>
                <a:schemeClr val="bg1"/>
              </a:solidFill>
              <a:round/>
              <a:headEnd/>
              <a:tailEnd/>
            </a:ln>
          </p:spPr>
          <p:txBody>
            <a:bodyPr/>
            <a:lstStyle/>
            <a:p>
              <a:endParaRPr lang="en-GB" sz="1633" dirty="0"/>
            </a:p>
          </p:txBody>
        </p:sp>
        <p:sp>
          <p:nvSpPr>
            <p:cNvPr id="28" name="Freeform 34"/>
            <p:cNvSpPr>
              <a:spLocks/>
            </p:cNvSpPr>
            <p:nvPr/>
          </p:nvSpPr>
          <p:spPr bwMode="auto">
            <a:xfrm>
              <a:off x="2426250" y="5132508"/>
              <a:ext cx="9577" cy="16190"/>
            </a:xfrm>
            <a:custGeom>
              <a:avLst/>
              <a:gdLst/>
              <a:ahLst/>
              <a:cxnLst>
                <a:cxn ang="0">
                  <a:pos x="0" y="2"/>
                </a:cxn>
                <a:cxn ang="0">
                  <a:pos x="1" y="3"/>
                </a:cxn>
                <a:cxn ang="0">
                  <a:pos x="0" y="2"/>
                </a:cxn>
              </a:cxnLst>
              <a:rect l="0" t="0" r="r" b="b"/>
              <a:pathLst>
                <a:path w="3" h="5">
                  <a:moveTo>
                    <a:pt x="0" y="2"/>
                  </a:moveTo>
                  <a:cubicBezTo>
                    <a:pt x="0" y="0"/>
                    <a:pt x="3" y="2"/>
                    <a:pt x="1" y="3"/>
                  </a:cubicBezTo>
                  <a:cubicBezTo>
                    <a:pt x="1" y="5"/>
                    <a:pt x="0" y="3"/>
                    <a:pt x="0" y="2"/>
                  </a:cubicBezTo>
                </a:path>
              </a:pathLst>
            </a:custGeom>
            <a:grpFill/>
            <a:ln w="6350" cmpd="sng">
              <a:solidFill>
                <a:schemeClr val="bg1"/>
              </a:solidFill>
              <a:round/>
              <a:headEnd/>
              <a:tailEnd/>
            </a:ln>
          </p:spPr>
          <p:txBody>
            <a:bodyPr/>
            <a:lstStyle/>
            <a:p>
              <a:endParaRPr lang="en-GB" sz="1633" dirty="0"/>
            </a:p>
          </p:txBody>
        </p:sp>
        <p:sp>
          <p:nvSpPr>
            <p:cNvPr id="29" name="Freeform 35"/>
            <p:cNvSpPr>
              <a:spLocks/>
            </p:cNvSpPr>
            <p:nvPr/>
          </p:nvSpPr>
          <p:spPr bwMode="auto">
            <a:xfrm>
              <a:off x="2400714" y="5138983"/>
              <a:ext cx="15960" cy="9713"/>
            </a:xfrm>
            <a:custGeom>
              <a:avLst/>
              <a:gdLst/>
              <a:ahLst/>
              <a:cxnLst>
                <a:cxn ang="0">
                  <a:pos x="2" y="1"/>
                </a:cxn>
                <a:cxn ang="0">
                  <a:pos x="2" y="3"/>
                </a:cxn>
                <a:cxn ang="0">
                  <a:pos x="2" y="1"/>
                </a:cxn>
              </a:cxnLst>
              <a:rect l="0" t="0" r="r" b="b"/>
              <a:pathLst>
                <a:path w="5" h="3">
                  <a:moveTo>
                    <a:pt x="2" y="1"/>
                  </a:moveTo>
                  <a:cubicBezTo>
                    <a:pt x="3" y="0"/>
                    <a:pt x="5" y="3"/>
                    <a:pt x="2" y="3"/>
                  </a:cubicBezTo>
                  <a:cubicBezTo>
                    <a:pt x="0" y="3"/>
                    <a:pt x="0" y="1"/>
                    <a:pt x="2" y="1"/>
                  </a:cubicBezTo>
                </a:path>
              </a:pathLst>
            </a:custGeom>
            <a:grpFill/>
            <a:ln w="6350" cmpd="sng">
              <a:solidFill>
                <a:schemeClr val="bg1"/>
              </a:solidFill>
              <a:round/>
              <a:headEnd/>
              <a:tailEnd/>
            </a:ln>
          </p:spPr>
          <p:txBody>
            <a:bodyPr/>
            <a:lstStyle/>
            <a:p>
              <a:endParaRPr lang="en-GB" sz="1633" dirty="0"/>
            </a:p>
          </p:txBody>
        </p:sp>
        <p:sp>
          <p:nvSpPr>
            <p:cNvPr id="30" name="Freeform 36"/>
            <p:cNvSpPr>
              <a:spLocks/>
            </p:cNvSpPr>
            <p:nvPr/>
          </p:nvSpPr>
          <p:spPr bwMode="auto">
            <a:xfrm>
              <a:off x="2429443" y="5168125"/>
              <a:ext cx="9577" cy="9713"/>
            </a:xfrm>
            <a:custGeom>
              <a:avLst/>
              <a:gdLst/>
              <a:ahLst/>
              <a:cxnLst>
                <a:cxn ang="0">
                  <a:pos x="2" y="2"/>
                </a:cxn>
                <a:cxn ang="0">
                  <a:pos x="2" y="2"/>
                </a:cxn>
                <a:cxn ang="0">
                  <a:pos x="2" y="2"/>
                </a:cxn>
              </a:cxnLst>
              <a:rect l="0" t="0" r="r" b="b"/>
              <a:pathLst>
                <a:path w="3" h="3">
                  <a:moveTo>
                    <a:pt x="2" y="2"/>
                  </a:moveTo>
                  <a:cubicBezTo>
                    <a:pt x="0" y="0"/>
                    <a:pt x="3" y="2"/>
                    <a:pt x="2" y="2"/>
                  </a:cubicBezTo>
                  <a:cubicBezTo>
                    <a:pt x="2" y="3"/>
                    <a:pt x="2" y="3"/>
                    <a:pt x="2" y="2"/>
                  </a:cubicBezTo>
                </a:path>
              </a:pathLst>
            </a:custGeom>
            <a:grpFill/>
            <a:ln w="6350" cmpd="sng">
              <a:solidFill>
                <a:schemeClr val="bg1"/>
              </a:solidFill>
              <a:round/>
              <a:headEnd/>
              <a:tailEnd/>
            </a:ln>
          </p:spPr>
          <p:txBody>
            <a:bodyPr/>
            <a:lstStyle/>
            <a:p>
              <a:endParaRPr lang="en-GB" sz="1633" dirty="0"/>
            </a:p>
          </p:txBody>
        </p:sp>
        <p:sp>
          <p:nvSpPr>
            <p:cNvPr id="31" name="Freeform 37"/>
            <p:cNvSpPr>
              <a:spLocks/>
            </p:cNvSpPr>
            <p:nvPr/>
          </p:nvSpPr>
          <p:spPr bwMode="auto">
            <a:xfrm>
              <a:off x="2429443" y="5121175"/>
              <a:ext cx="6384" cy="3238"/>
            </a:xfrm>
            <a:custGeom>
              <a:avLst/>
              <a:gdLst/>
              <a:ahLst/>
              <a:cxnLst>
                <a:cxn ang="0">
                  <a:pos x="0" y="1"/>
                </a:cxn>
                <a:cxn ang="0">
                  <a:pos x="2" y="1"/>
                </a:cxn>
                <a:cxn ang="0">
                  <a:pos x="0" y="1"/>
                </a:cxn>
              </a:cxnLst>
              <a:rect l="0" t="0" r="r" b="b"/>
              <a:pathLst>
                <a:path w="2" h="1">
                  <a:moveTo>
                    <a:pt x="0" y="1"/>
                  </a:moveTo>
                  <a:cubicBezTo>
                    <a:pt x="0" y="1"/>
                    <a:pt x="2" y="0"/>
                    <a:pt x="2" y="1"/>
                  </a:cubicBezTo>
                  <a:cubicBezTo>
                    <a:pt x="2" y="1"/>
                    <a:pt x="2" y="1"/>
                    <a:pt x="0" y="1"/>
                  </a:cubicBezTo>
                </a:path>
              </a:pathLst>
            </a:custGeom>
            <a:grpFill/>
            <a:ln w="6350" cmpd="sng">
              <a:solidFill>
                <a:schemeClr val="bg1"/>
              </a:solidFill>
              <a:round/>
              <a:headEnd/>
              <a:tailEnd/>
            </a:ln>
          </p:spPr>
          <p:txBody>
            <a:bodyPr/>
            <a:lstStyle/>
            <a:p>
              <a:endParaRPr lang="en-GB" sz="1633" dirty="0"/>
            </a:p>
          </p:txBody>
        </p:sp>
        <p:sp>
          <p:nvSpPr>
            <p:cNvPr id="32" name="Freeform 38"/>
            <p:cNvSpPr>
              <a:spLocks/>
            </p:cNvSpPr>
            <p:nvPr/>
          </p:nvSpPr>
          <p:spPr bwMode="auto">
            <a:xfrm>
              <a:off x="2732692" y="4557784"/>
              <a:ext cx="55861" cy="29140"/>
            </a:xfrm>
            <a:custGeom>
              <a:avLst/>
              <a:gdLst/>
              <a:ahLst/>
              <a:cxnLst>
                <a:cxn ang="0">
                  <a:pos x="0" y="1"/>
                </a:cxn>
                <a:cxn ang="0">
                  <a:pos x="9" y="1"/>
                </a:cxn>
                <a:cxn ang="0">
                  <a:pos x="16" y="6"/>
                </a:cxn>
                <a:cxn ang="0">
                  <a:pos x="12" y="6"/>
                </a:cxn>
                <a:cxn ang="0">
                  <a:pos x="7" y="8"/>
                </a:cxn>
                <a:cxn ang="0">
                  <a:pos x="1" y="4"/>
                </a:cxn>
                <a:cxn ang="0">
                  <a:pos x="0" y="1"/>
                </a:cxn>
              </a:cxnLst>
              <a:rect l="0" t="0" r="r" b="b"/>
              <a:pathLst>
                <a:path w="18" h="9">
                  <a:moveTo>
                    <a:pt x="0" y="1"/>
                  </a:moveTo>
                  <a:cubicBezTo>
                    <a:pt x="1" y="0"/>
                    <a:pt x="4" y="0"/>
                    <a:pt x="9" y="1"/>
                  </a:cubicBezTo>
                  <a:cubicBezTo>
                    <a:pt x="15" y="3"/>
                    <a:pt x="16" y="3"/>
                    <a:pt x="16" y="6"/>
                  </a:cubicBezTo>
                  <a:cubicBezTo>
                    <a:pt x="18" y="8"/>
                    <a:pt x="15" y="6"/>
                    <a:pt x="12" y="6"/>
                  </a:cubicBezTo>
                  <a:cubicBezTo>
                    <a:pt x="9" y="6"/>
                    <a:pt x="12" y="9"/>
                    <a:pt x="7" y="8"/>
                  </a:cubicBezTo>
                  <a:cubicBezTo>
                    <a:pt x="1" y="6"/>
                    <a:pt x="4" y="4"/>
                    <a:pt x="1" y="4"/>
                  </a:cubicBezTo>
                  <a:cubicBezTo>
                    <a:pt x="0" y="3"/>
                    <a:pt x="0" y="3"/>
                    <a:pt x="0" y="1"/>
                  </a:cubicBezTo>
                </a:path>
              </a:pathLst>
            </a:custGeom>
            <a:solidFill>
              <a:schemeClr val="accent5"/>
            </a:solidFill>
            <a:ln w="6350" cmpd="sng">
              <a:solidFill>
                <a:schemeClr val="bg1"/>
              </a:solidFill>
              <a:round/>
              <a:headEnd/>
              <a:tailEnd/>
            </a:ln>
          </p:spPr>
          <p:txBody>
            <a:bodyPr/>
            <a:lstStyle/>
            <a:p>
              <a:endParaRPr lang="en-GB" sz="1633" dirty="0"/>
            </a:p>
          </p:txBody>
        </p:sp>
        <p:sp>
          <p:nvSpPr>
            <p:cNvPr id="33" name="Freeform 39"/>
            <p:cNvSpPr>
              <a:spLocks/>
            </p:cNvSpPr>
            <p:nvPr/>
          </p:nvSpPr>
          <p:spPr bwMode="auto">
            <a:xfrm>
              <a:off x="2825263" y="4514073"/>
              <a:ext cx="75015" cy="69614"/>
            </a:xfrm>
            <a:custGeom>
              <a:avLst/>
              <a:gdLst/>
              <a:ahLst/>
              <a:cxnLst>
                <a:cxn ang="0">
                  <a:pos x="23" y="18"/>
                </a:cxn>
                <a:cxn ang="0">
                  <a:pos x="12" y="18"/>
                </a:cxn>
                <a:cxn ang="0">
                  <a:pos x="4" y="18"/>
                </a:cxn>
                <a:cxn ang="0">
                  <a:pos x="0" y="14"/>
                </a:cxn>
                <a:cxn ang="0">
                  <a:pos x="15" y="14"/>
                </a:cxn>
                <a:cxn ang="0">
                  <a:pos x="17" y="11"/>
                </a:cxn>
                <a:cxn ang="0">
                  <a:pos x="14" y="4"/>
                </a:cxn>
                <a:cxn ang="0">
                  <a:pos x="9" y="1"/>
                </a:cxn>
                <a:cxn ang="0">
                  <a:pos x="17" y="1"/>
                </a:cxn>
                <a:cxn ang="0">
                  <a:pos x="23" y="1"/>
                </a:cxn>
                <a:cxn ang="0">
                  <a:pos x="21" y="12"/>
                </a:cxn>
                <a:cxn ang="0">
                  <a:pos x="23" y="18"/>
                </a:cxn>
              </a:cxnLst>
              <a:rect l="0" t="0" r="r" b="b"/>
              <a:pathLst>
                <a:path w="24" h="22">
                  <a:moveTo>
                    <a:pt x="23" y="18"/>
                  </a:moveTo>
                  <a:cubicBezTo>
                    <a:pt x="17" y="15"/>
                    <a:pt x="15" y="20"/>
                    <a:pt x="12" y="18"/>
                  </a:cubicBezTo>
                  <a:cubicBezTo>
                    <a:pt x="4" y="15"/>
                    <a:pt x="8" y="22"/>
                    <a:pt x="4" y="18"/>
                  </a:cubicBezTo>
                  <a:cubicBezTo>
                    <a:pt x="1" y="15"/>
                    <a:pt x="0" y="17"/>
                    <a:pt x="0" y="14"/>
                  </a:cubicBezTo>
                  <a:cubicBezTo>
                    <a:pt x="1" y="11"/>
                    <a:pt x="11" y="17"/>
                    <a:pt x="15" y="14"/>
                  </a:cubicBezTo>
                  <a:cubicBezTo>
                    <a:pt x="17" y="14"/>
                    <a:pt x="20" y="15"/>
                    <a:pt x="17" y="11"/>
                  </a:cubicBezTo>
                  <a:cubicBezTo>
                    <a:pt x="11" y="6"/>
                    <a:pt x="17" y="6"/>
                    <a:pt x="14" y="4"/>
                  </a:cubicBezTo>
                  <a:cubicBezTo>
                    <a:pt x="9" y="3"/>
                    <a:pt x="8" y="4"/>
                    <a:pt x="9" y="1"/>
                  </a:cubicBezTo>
                  <a:cubicBezTo>
                    <a:pt x="9" y="0"/>
                    <a:pt x="15" y="0"/>
                    <a:pt x="17" y="1"/>
                  </a:cubicBezTo>
                  <a:cubicBezTo>
                    <a:pt x="20" y="3"/>
                    <a:pt x="20" y="1"/>
                    <a:pt x="23" y="1"/>
                  </a:cubicBezTo>
                  <a:cubicBezTo>
                    <a:pt x="21" y="6"/>
                    <a:pt x="24" y="9"/>
                    <a:pt x="21" y="12"/>
                  </a:cubicBezTo>
                  <a:cubicBezTo>
                    <a:pt x="20" y="15"/>
                    <a:pt x="23" y="14"/>
                    <a:pt x="23" y="18"/>
                  </a:cubicBezTo>
                </a:path>
              </a:pathLst>
            </a:custGeom>
            <a:solidFill>
              <a:schemeClr val="accent5"/>
            </a:solidFill>
            <a:ln w="6350" cmpd="sng">
              <a:solidFill>
                <a:schemeClr val="bg1"/>
              </a:solidFill>
              <a:round/>
              <a:headEnd/>
              <a:tailEnd/>
            </a:ln>
          </p:spPr>
          <p:txBody>
            <a:bodyPr/>
            <a:lstStyle/>
            <a:p>
              <a:endParaRPr lang="en-GB" sz="1633" dirty="0"/>
            </a:p>
          </p:txBody>
        </p:sp>
        <p:sp>
          <p:nvSpPr>
            <p:cNvPr id="34" name="Freeform 40"/>
            <p:cNvSpPr>
              <a:spLocks/>
            </p:cNvSpPr>
            <p:nvPr/>
          </p:nvSpPr>
          <p:spPr bwMode="auto">
            <a:xfrm>
              <a:off x="2887508" y="4507597"/>
              <a:ext cx="92570" cy="85804"/>
            </a:xfrm>
            <a:custGeom>
              <a:avLst/>
              <a:gdLst/>
              <a:ahLst/>
              <a:cxnLst>
                <a:cxn ang="0">
                  <a:pos x="3" y="3"/>
                </a:cxn>
                <a:cxn ang="0">
                  <a:pos x="1" y="14"/>
                </a:cxn>
                <a:cxn ang="0">
                  <a:pos x="3" y="20"/>
                </a:cxn>
                <a:cxn ang="0">
                  <a:pos x="7" y="20"/>
                </a:cxn>
                <a:cxn ang="0">
                  <a:pos x="12" y="17"/>
                </a:cxn>
                <a:cxn ang="0">
                  <a:pos x="15" y="17"/>
                </a:cxn>
                <a:cxn ang="0">
                  <a:pos x="26" y="19"/>
                </a:cxn>
                <a:cxn ang="0">
                  <a:pos x="29" y="14"/>
                </a:cxn>
                <a:cxn ang="0">
                  <a:pos x="24" y="11"/>
                </a:cxn>
                <a:cxn ang="0">
                  <a:pos x="21" y="9"/>
                </a:cxn>
                <a:cxn ang="0">
                  <a:pos x="20" y="8"/>
                </a:cxn>
                <a:cxn ang="0">
                  <a:pos x="15" y="5"/>
                </a:cxn>
                <a:cxn ang="0">
                  <a:pos x="7" y="2"/>
                </a:cxn>
                <a:cxn ang="0">
                  <a:pos x="3" y="3"/>
                </a:cxn>
              </a:cxnLst>
              <a:rect l="0" t="0" r="r" b="b"/>
              <a:pathLst>
                <a:path w="30" h="27">
                  <a:moveTo>
                    <a:pt x="3" y="3"/>
                  </a:moveTo>
                  <a:cubicBezTo>
                    <a:pt x="1" y="8"/>
                    <a:pt x="4" y="11"/>
                    <a:pt x="1" y="14"/>
                  </a:cubicBezTo>
                  <a:cubicBezTo>
                    <a:pt x="0" y="17"/>
                    <a:pt x="3" y="16"/>
                    <a:pt x="3" y="20"/>
                  </a:cubicBezTo>
                  <a:cubicBezTo>
                    <a:pt x="4" y="27"/>
                    <a:pt x="6" y="23"/>
                    <a:pt x="7" y="20"/>
                  </a:cubicBezTo>
                  <a:cubicBezTo>
                    <a:pt x="9" y="17"/>
                    <a:pt x="10" y="16"/>
                    <a:pt x="12" y="17"/>
                  </a:cubicBezTo>
                  <a:cubicBezTo>
                    <a:pt x="12" y="20"/>
                    <a:pt x="14" y="20"/>
                    <a:pt x="15" y="17"/>
                  </a:cubicBezTo>
                  <a:cubicBezTo>
                    <a:pt x="18" y="16"/>
                    <a:pt x="24" y="17"/>
                    <a:pt x="26" y="19"/>
                  </a:cubicBezTo>
                  <a:cubicBezTo>
                    <a:pt x="27" y="20"/>
                    <a:pt x="30" y="16"/>
                    <a:pt x="29" y="14"/>
                  </a:cubicBezTo>
                  <a:cubicBezTo>
                    <a:pt x="26" y="13"/>
                    <a:pt x="26" y="11"/>
                    <a:pt x="24" y="11"/>
                  </a:cubicBezTo>
                  <a:cubicBezTo>
                    <a:pt x="21" y="11"/>
                    <a:pt x="20" y="9"/>
                    <a:pt x="21" y="9"/>
                  </a:cubicBezTo>
                  <a:cubicBezTo>
                    <a:pt x="24" y="9"/>
                    <a:pt x="23" y="6"/>
                    <a:pt x="20" y="8"/>
                  </a:cubicBezTo>
                  <a:cubicBezTo>
                    <a:pt x="15" y="9"/>
                    <a:pt x="18" y="3"/>
                    <a:pt x="15" y="5"/>
                  </a:cubicBezTo>
                  <a:cubicBezTo>
                    <a:pt x="14" y="6"/>
                    <a:pt x="9" y="0"/>
                    <a:pt x="7" y="2"/>
                  </a:cubicBezTo>
                  <a:cubicBezTo>
                    <a:pt x="6" y="3"/>
                    <a:pt x="4" y="0"/>
                    <a:pt x="3" y="3"/>
                  </a:cubicBezTo>
                </a:path>
              </a:pathLst>
            </a:custGeom>
            <a:solidFill>
              <a:schemeClr val="accent5"/>
            </a:solidFill>
            <a:ln w="6350" cmpd="sng">
              <a:solidFill>
                <a:schemeClr val="bg1"/>
              </a:solidFill>
              <a:round/>
              <a:headEnd/>
              <a:tailEnd/>
            </a:ln>
          </p:spPr>
          <p:txBody>
            <a:bodyPr/>
            <a:lstStyle/>
            <a:p>
              <a:endParaRPr lang="en-GB" sz="1633" dirty="0"/>
            </a:p>
          </p:txBody>
        </p:sp>
        <p:sp>
          <p:nvSpPr>
            <p:cNvPr id="35" name="Freeform 153"/>
            <p:cNvSpPr>
              <a:spLocks/>
            </p:cNvSpPr>
            <p:nvPr/>
          </p:nvSpPr>
          <p:spPr bwMode="auto">
            <a:xfrm>
              <a:off x="4893622" y="4603115"/>
              <a:ext cx="11172" cy="14570"/>
            </a:xfrm>
            <a:custGeom>
              <a:avLst/>
              <a:gdLst/>
              <a:ahLst/>
              <a:cxnLst>
                <a:cxn ang="0">
                  <a:pos x="0" y="1"/>
                </a:cxn>
                <a:cxn ang="0">
                  <a:pos x="1" y="0"/>
                </a:cxn>
                <a:cxn ang="0">
                  <a:pos x="0" y="1"/>
                </a:cxn>
              </a:cxnLst>
              <a:rect l="0" t="0" r="r" b="b"/>
              <a:pathLst>
                <a:path w="4" h="5">
                  <a:moveTo>
                    <a:pt x="0" y="1"/>
                  </a:moveTo>
                  <a:cubicBezTo>
                    <a:pt x="0" y="0"/>
                    <a:pt x="1" y="0"/>
                    <a:pt x="1" y="0"/>
                  </a:cubicBezTo>
                  <a:cubicBezTo>
                    <a:pt x="4" y="0"/>
                    <a:pt x="1" y="5"/>
                    <a:pt x="0" y="1"/>
                  </a:cubicBezTo>
                </a:path>
              </a:pathLst>
            </a:custGeom>
            <a:grpFill/>
            <a:ln w="6350" cmpd="sng">
              <a:solidFill>
                <a:schemeClr val="bg1"/>
              </a:solidFill>
              <a:round/>
              <a:headEnd/>
              <a:tailEnd/>
            </a:ln>
          </p:spPr>
          <p:txBody>
            <a:bodyPr/>
            <a:lstStyle/>
            <a:p>
              <a:endParaRPr lang="en-GB" sz="1633" dirty="0"/>
            </a:p>
          </p:txBody>
        </p:sp>
        <p:sp>
          <p:nvSpPr>
            <p:cNvPr id="36" name="Freeform 154"/>
            <p:cNvSpPr>
              <a:spLocks/>
            </p:cNvSpPr>
            <p:nvPr/>
          </p:nvSpPr>
          <p:spPr bwMode="auto">
            <a:xfrm>
              <a:off x="4914371" y="4617685"/>
              <a:ext cx="12769" cy="9713"/>
            </a:xfrm>
            <a:custGeom>
              <a:avLst/>
              <a:gdLst/>
              <a:ahLst/>
              <a:cxnLst>
                <a:cxn ang="0">
                  <a:pos x="0" y="1"/>
                </a:cxn>
                <a:cxn ang="0">
                  <a:pos x="2" y="0"/>
                </a:cxn>
                <a:cxn ang="0">
                  <a:pos x="2" y="1"/>
                </a:cxn>
                <a:cxn ang="0">
                  <a:pos x="0" y="1"/>
                </a:cxn>
              </a:cxnLst>
              <a:rect l="0" t="0" r="r" b="b"/>
              <a:pathLst>
                <a:path w="4" h="3">
                  <a:moveTo>
                    <a:pt x="0" y="1"/>
                  </a:moveTo>
                  <a:cubicBezTo>
                    <a:pt x="0" y="0"/>
                    <a:pt x="0" y="0"/>
                    <a:pt x="2" y="0"/>
                  </a:cubicBezTo>
                  <a:cubicBezTo>
                    <a:pt x="4" y="1"/>
                    <a:pt x="4" y="1"/>
                    <a:pt x="2" y="1"/>
                  </a:cubicBezTo>
                  <a:cubicBezTo>
                    <a:pt x="0" y="1"/>
                    <a:pt x="0" y="3"/>
                    <a:pt x="0" y="1"/>
                  </a:cubicBezTo>
                </a:path>
              </a:pathLst>
            </a:custGeom>
            <a:grpFill/>
            <a:ln w="6350" cmpd="sng">
              <a:solidFill>
                <a:schemeClr val="bg1"/>
              </a:solidFill>
              <a:round/>
              <a:headEnd/>
              <a:tailEnd/>
            </a:ln>
          </p:spPr>
          <p:txBody>
            <a:bodyPr/>
            <a:lstStyle/>
            <a:p>
              <a:endParaRPr lang="en-GB" sz="1633" dirty="0"/>
            </a:p>
          </p:txBody>
        </p:sp>
        <p:sp>
          <p:nvSpPr>
            <p:cNvPr id="37" name="Freeform 155"/>
            <p:cNvSpPr>
              <a:spLocks/>
            </p:cNvSpPr>
            <p:nvPr/>
          </p:nvSpPr>
          <p:spPr bwMode="auto">
            <a:xfrm>
              <a:off x="4911178" y="4667872"/>
              <a:ext cx="9577" cy="12952"/>
            </a:xfrm>
            <a:custGeom>
              <a:avLst/>
              <a:gdLst/>
              <a:ahLst/>
              <a:cxnLst>
                <a:cxn ang="0">
                  <a:pos x="2" y="0"/>
                </a:cxn>
                <a:cxn ang="0">
                  <a:pos x="2" y="2"/>
                </a:cxn>
                <a:cxn ang="0">
                  <a:pos x="2" y="0"/>
                </a:cxn>
              </a:cxnLst>
              <a:rect l="0" t="0" r="r" b="b"/>
              <a:pathLst>
                <a:path w="3" h="4">
                  <a:moveTo>
                    <a:pt x="2" y="0"/>
                  </a:moveTo>
                  <a:cubicBezTo>
                    <a:pt x="2" y="0"/>
                    <a:pt x="3" y="2"/>
                    <a:pt x="2" y="2"/>
                  </a:cubicBezTo>
                  <a:cubicBezTo>
                    <a:pt x="2" y="4"/>
                    <a:pt x="0" y="2"/>
                    <a:pt x="2" y="0"/>
                  </a:cubicBezTo>
                </a:path>
              </a:pathLst>
            </a:custGeom>
            <a:grpFill/>
            <a:ln w="6350" cmpd="sng">
              <a:solidFill>
                <a:schemeClr val="bg1"/>
              </a:solidFill>
              <a:round/>
              <a:headEnd/>
              <a:tailEnd/>
            </a:ln>
          </p:spPr>
          <p:txBody>
            <a:bodyPr/>
            <a:lstStyle/>
            <a:p>
              <a:endParaRPr lang="en-GB" sz="1633" dirty="0"/>
            </a:p>
          </p:txBody>
        </p:sp>
        <p:sp>
          <p:nvSpPr>
            <p:cNvPr id="38" name="Freeform 233"/>
            <p:cNvSpPr>
              <a:spLocks noEditPoints="1"/>
            </p:cNvSpPr>
            <p:nvPr/>
          </p:nvSpPr>
          <p:spPr bwMode="auto">
            <a:xfrm>
              <a:off x="2844415" y="5807606"/>
              <a:ext cx="494775" cy="1172113"/>
            </a:xfrm>
            <a:custGeom>
              <a:avLst/>
              <a:gdLst/>
              <a:ahLst/>
              <a:cxnLst>
                <a:cxn ang="0">
                  <a:pos x="124" y="104"/>
                </a:cxn>
                <a:cxn ang="0">
                  <a:pos x="130" y="140"/>
                </a:cxn>
                <a:cxn ang="0">
                  <a:pos x="131" y="166"/>
                </a:cxn>
                <a:cxn ang="0">
                  <a:pos x="93" y="180"/>
                </a:cxn>
                <a:cxn ang="0">
                  <a:pos x="92" y="199"/>
                </a:cxn>
                <a:cxn ang="0">
                  <a:pos x="69" y="202"/>
                </a:cxn>
                <a:cxn ang="0">
                  <a:pos x="81" y="222"/>
                </a:cxn>
                <a:cxn ang="0">
                  <a:pos x="73" y="227"/>
                </a:cxn>
                <a:cxn ang="0">
                  <a:pos x="58" y="250"/>
                </a:cxn>
                <a:cxn ang="0">
                  <a:pos x="64" y="275"/>
                </a:cxn>
                <a:cxn ang="0">
                  <a:pos x="49" y="298"/>
                </a:cxn>
                <a:cxn ang="0">
                  <a:pos x="43" y="335"/>
                </a:cxn>
                <a:cxn ang="0">
                  <a:pos x="13" y="328"/>
                </a:cxn>
                <a:cxn ang="0">
                  <a:pos x="2" y="306"/>
                </a:cxn>
                <a:cxn ang="0">
                  <a:pos x="11" y="281"/>
                </a:cxn>
                <a:cxn ang="0">
                  <a:pos x="16" y="261"/>
                </a:cxn>
                <a:cxn ang="0">
                  <a:pos x="17" y="247"/>
                </a:cxn>
                <a:cxn ang="0">
                  <a:pos x="16" y="228"/>
                </a:cxn>
                <a:cxn ang="0">
                  <a:pos x="16" y="206"/>
                </a:cxn>
                <a:cxn ang="0">
                  <a:pos x="22" y="179"/>
                </a:cxn>
                <a:cxn ang="0">
                  <a:pos x="26" y="151"/>
                </a:cxn>
                <a:cxn ang="0">
                  <a:pos x="31" y="119"/>
                </a:cxn>
                <a:cxn ang="0">
                  <a:pos x="28" y="91"/>
                </a:cxn>
                <a:cxn ang="0">
                  <a:pos x="34" y="67"/>
                </a:cxn>
                <a:cxn ang="0">
                  <a:pos x="42" y="33"/>
                </a:cxn>
                <a:cxn ang="0">
                  <a:pos x="52" y="11"/>
                </a:cxn>
                <a:cxn ang="0">
                  <a:pos x="66" y="5"/>
                </a:cxn>
                <a:cxn ang="0">
                  <a:pos x="86" y="3"/>
                </a:cxn>
                <a:cxn ang="0">
                  <a:pos x="101" y="20"/>
                </a:cxn>
                <a:cxn ang="0">
                  <a:pos x="128" y="39"/>
                </a:cxn>
                <a:cxn ang="0">
                  <a:pos x="121" y="56"/>
                </a:cxn>
                <a:cxn ang="0">
                  <a:pos x="145" y="57"/>
                </a:cxn>
                <a:cxn ang="0">
                  <a:pos x="159" y="42"/>
                </a:cxn>
                <a:cxn ang="0">
                  <a:pos x="133" y="82"/>
                </a:cxn>
                <a:cxn ang="0">
                  <a:pos x="45" y="366"/>
                </a:cxn>
                <a:cxn ang="0">
                  <a:pos x="64" y="366"/>
                </a:cxn>
                <a:cxn ang="0">
                  <a:pos x="66" y="363"/>
                </a:cxn>
                <a:cxn ang="0">
                  <a:pos x="46" y="349"/>
                </a:cxn>
                <a:cxn ang="0">
                  <a:pos x="43" y="345"/>
                </a:cxn>
                <a:cxn ang="0">
                  <a:pos x="42" y="366"/>
                </a:cxn>
                <a:cxn ang="0">
                  <a:pos x="78" y="365"/>
                </a:cxn>
                <a:cxn ang="0">
                  <a:pos x="72" y="366"/>
                </a:cxn>
                <a:cxn ang="0">
                  <a:pos x="49" y="370"/>
                </a:cxn>
                <a:cxn ang="0">
                  <a:pos x="51" y="368"/>
                </a:cxn>
                <a:cxn ang="0">
                  <a:pos x="45" y="371"/>
                </a:cxn>
                <a:cxn ang="0">
                  <a:pos x="55" y="371"/>
                </a:cxn>
                <a:cxn ang="0">
                  <a:pos x="58" y="370"/>
                </a:cxn>
              </a:cxnLst>
              <a:rect l="0" t="0" r="r" b="b"/>
              <a:pathLst>
                <a:path w="160" h="373">
                  <a:moveTo>
                    <a:pt x="128" y="87"/>
                  </a:moveTo>
                  <a:cubicBezTo>
                    <a:pt x="125" y="91"/>
                    <a:pt x="128" y="93"/>
                    <a:pt x="125" y="98"/>
                  </a:cubicBezTo>
                  <a:cubicBezTo>
                    <a:pt x="122" y="102"/>
                    <a:pt x="127" y="102"/>
                    <a:pt x="124" y="104"/>
                  </a:cubicBezTo>
                  <a:cubicBezTo>
                    <a:pt x="122" y="107"/>
                    <a:pt x="127" y="116"/>
                    <a:pt x="124" y="118"/>
                  </a:cubicBezTo>
                  <a:cubicBezTo>
                    <a:pt x="121" y="119"/>
                    <a:pt x="121" y="126"/>
                    <a:pt x="122" y="129"/>
                  </a:cubicBezTo>
                  <a:cubicBezTo>
                    <a:pt x="118" y="135"/>
                    <a:pt x="127" y="135"/>
                    <a:pt x="130" y="140"/>
                  </a:cubicBezTo>
                  <a:cubicBezTo>
                    <a:pt x="134" y="146"/>
                    <a:pt x="128" y="144"/>
                    <a:pt x="130" y="149"/>
                  </a:cubicBezTo>
                  <a:cubicBezTo>
                    <a:pt x="133" y="155"/>
                    <a:pt x="136" y="149"/>
                    <a:pt x="136" y="155"/>
                  </a:cubicBezTo>
                  <a:cubicBezTo>
                    <a:pt x="136" y="160"/>
                    <a:pt x="134" y="163"/>
                    <a:pt x="131" y="166"/>
                  </a:cubicBezTo>
                  <a:cubicBezTo>
                    <a:pt x="128" y="171"/>
                    <a:pt x="131" y="171"/>
                    <a:pt x="127" y="174"/>
                  </a:cubicBezTo>
                  <a:cubicBezTo>
                    <a:pt x="121" y="177"/>
                    <a:pt x="110" y="180"/>
                    <a:pt x="102" y="182"/>
                  </a:cubicBezTo>
                  <a:cubicBezTo>
                    <a:pt x="95" y="182"/>
                    <a:pt x="96" y="183"/>
                    <a:pt x="93" y="180"/>
                  </a:cubicBezTo>
                  <a:cubicBezTo>
                    <a:pt x="89" y="179"/>
                    <a:pt x="90" y="183"/>
                    <a:pt x="92" y="185"/>
                  </a:cubicBezTo>
                  <a:cubicBezTo>
                    <a:pt x="95" y="186"/>
                    <a:pt x="93" y="189"/>
                    <a:pt x="92" y="192"/>
                  </a:cubicBezTo>
                  <a:cubicBezTo>
                    <a:pt x="90" y="194"/>
                    <a:pt x="89" y="197"/>
                    <a:pt x="92" y="199"/>
                  </a:cubicBezTo>
                  <a:cubicBezTo>
                    <a:pt x="93" y="200"/>
                    <a:pt x="93" y="202"/>
                    <a:pt x="87" y="205"/>
                  </a:cubicBezTo>
                  <a:cubicBezTo>
                    <a:pt x="83" y="206"/>
                    <a:pt x="86" y="205"/>
                    <a:pt x="81" y="205"/>
                  </a:cubicBezTo>
                  <a:cubicBezTo>
                    <a:pt x="77" y="206"/>
                    <a:pt x="73" y="200"/>
                    <a:pt x="69" y="202"/>
                  </a:cubicBezTo>
                  <a:cubicBezTo>
                    <a:pt x="66" y="203"/>
                    <a:pt x="70" y="208"/>
                    <a:pt x="69" y="213"/>
                  </a:cubicBezTo>
                  <a:cubicBezTo>
                    <a:pt x="69" y="219"/>
                    <a:pt x="72" y="219"/>
                    <a:pt x="78" y="216"/>
                  </a:cubicBezTo>
                  <a:cubicBezTo>
                    <a:pt x="81" y="216"/>
                    <a:pt x="81" y="220"/>
                    <a:pt x="81" y="222"/>
                  </a:cubicBezTo>
                  <a:cubicBezTo>
                    <a:pt x="80" y="227"/>
                    <a:pt x="77" y="227"/>
                    <a:pt x="75" y="224"/>
                  </a:cubicBezTo>
                  <a:cubicBezTo>
                    <a:pt x="73" y="220"/>
                    <a:pt x="67" y="222"/>
                    <a:pt x="70" y="225"/>
                  </a:cubicBezTo>
                  <a:cubicBezTo>
                    <a:pt x="73" y="227"/>
                    <a:pt x="77" y="225"/>
                    <a:pt x="73" y="227"/>
                  </a:cubicBezTo>
                  <a:cubicBezTo>
                    <a:pt x="67" y="228"/>
                    <a:pt x="66" y="234"/>
                    <a:pt x="67" y="237"/>
                  </a:cubicBezTo>
                  <a:cubicBezTo>
                    <a:pt x="70" y="245"/>
                    <a:pt x="63" y="244"/>
                    <a:pt x="64" y="247"/>
                  </a:cubicBezTo>
                  <a:cubicBezTo>
                    <a:pt x="67" y="250"/>
                    <a:pt x="60" y="248"/>
                    <a:pt x="58" y="250"/>
                  </a:cubicBezTo>
                  <a:cubicBezTo>
                    <a:pt x="57" y="253"/>
                    <a:pt x="55" y="248"/>
                    <a:pt x="52" y="256"/>
                  </a:cubicBezTo>
                  <a:cubicBezTo>
                    <a:pt x="48" y="262"/>
                    <a:pt x="48" y="262"/>
                    <a:pt x="52" y="269"/>
                  </a:cubicBezTo>
                  <a:cubicBezTo>
                    <a:pt x="58" y="276"/>
                    <a:pt x="63" y="270"/>
                    <a:pt x="64" y="275"/>
                  </a:cubicBezTo>
                  <a:cubicBezTo>
                    <a:pt x="64" y="281"/>
                    <a:pt x="61" y="279"/>
                    <a:pt x="63" y="281"/>
                  </a:cubicBezTo>
                  <a:cubicBezTo>
                    <a:pt x="64" y="284"/>
                    <a:pt x="60" y="284"/>
                    <a:pt x="60" y="287"/>
                  </a:cubicBezTo>
                  <a:cubicBezTo>
                    <a:pt x="60" y="289"/>
                    <a:pt x="51" y="290"/>
                    <a:pt x="49" y="298"/>
                  </a:cubicBezTo>
                  <a:cubicBezTo>
                    <a:pt x="48" y="304"/>
                    <a:pt x="49" y="307"/>
                    <a:pt x="43" y="309"/>
                  </a:cubicBezTo>
                  <a:cubicBezTo>
                    <a:pt x="35" y="312"/>
                    <a:pt x="37" y="318"/>
                    <a:pt x="37" y="323"/>
                  </a:cubicBezTo>
                  <a:cubicBezTo>
                    <a:pt x="38" y="331"/>
                    <a:pt x="45" y="335"/>
                    <a:pt x="43" y="335"/>
                  </a:cubicBezTo>
                  <a:cubicBezTo>
                    <a:pt x="42" y="332"/>
                    <a:pt x="34" y="334"/>
                    <a:pt x="29" y="331"/>
                  </a:cubicBezTo>
                  <a:cubicBezTo>
                    <a:pt x="29" y="331"/>
                    <a:pt x="22" y="331"/>
                    <a:pt x="17" y="331"/>
                  </a:cubicBezTo>
                  <a:cubicBezTo>
                    <a:pt x="13" y="331"/>
                    <a:pt x="16" y="329"/>
                    <a:pt x="13" y="328"/>
                  </a:cubicBezTo>
                  <a:cubicBezTo>
                    <a:pt x="10" y="326"/>
                    <a:pt x="13" y="314"/>
                    <a:pt x="10" y="314"/>
                  </a:cubicBezTo>
                  <a:cubicBezTo>
                    <a:pt x="7" y="314"/>
                    <a:pt x="5" y="318"/>
                    <a:pt x="5" y="314"/>
                  </a:cubicBezTo>
                  <a:cubicBezTo>
                    <a:pt x="3" y="307"/>
                    <a:pt x="0" y="310"/>
                    <a:pt x="2" y="306"/>
                  </a:cubicBezTo>
                  <a:cubicBezTo>
                    <a:pt x="3" y="303"/>
                    <a:pt x="0" y="298"/>
                    <a:pt x="3" y="300"/>
                  </a:cubicBezTo>
                  <a:cubicBezTo>
                    <a:pt x="7" y="300"/>
                    <a:pt x="8" y="290"/>
                    <a:pt x="11" y="289"/>
                  </a:cubicBezTo>
                  <a:cubicBezTo>
                    <a:pt x="14" y="286"/>
                    <a:pt x="8" y="284"/>
                    <a:pt x="11" y="281"/>
                  </a:cubicBezTo>
                  <a:cubicBezTo>
                    <a:pt x="13" y="279"/>
                    <a:pt x="10" y="279"/>
                    <a:pt x="14" y="275"/>
                  </a:cubicBezTo>
                  <a:cubicBezTo>
                    <a:pt x="19" y="272"/>
                    <a:pt x="11" y="272"/>
                    <a:pt x="16" y="269"/>
                  </a:cubicBezTo>
                  <a:cubicBezTo>
                    <a:pt x="19" y="267"/>
                    <a:pt x="14" y="262"/>
                    <a:pt x="16" y="261"/>
                  </a:cubicBezTo>
                  <a:cubicBezTo>
                    <a:pt x="19" y="259"/>
                    <a:pt x="13" y="256"/>
                    <a:pt x="17" y="255"/>
                  </a:cubicBezTo>
                  <a:cubicBezTo>
                    <a:pt x="20" y="253"/>
                    <a:pt x="20" y="248"/>
                    <a:pt x="16" y="248"/>
                  </a:cubicBezTo>
                  <a:cubicBezTo>
                    <a:pt x="13" y="247"/>
                    <a:pt x="13" y="245"/>
                    <a:pt x="17" y="247"/>
                  </a:cubicBezTo>
                  <a:cubicBezTo>
                    <a:pt x="22" y="247"/>
                    <a:pt x="23" y="241"/>
                    <a:pt x="17" y="242"/>
                  </a:cubicBezTo>
                  <a:cubicBezTo>
                    <a:pt x="13" y="244"/>
                    <a:pt x="19" y="237"/>
                    <a:pt x="17" y="236"/>
                  </a:cubicBezTo>
                  <a:cubicBezTo>
                    <a:pt x="14" y="234"/>
                    <a:pt x="17" y="230"/>
                    <a:pt x="16" y="228"/>
                  </a:cubicBezTo>
                  <a:cubicBezTo>
                    <a:pt x="16" y="227"/>
                    <a:pt x="13" y="227"/>
                    <a:pt x="13" y="220"/>
                  </a:cubicBezTo>
                  <a:cubicBezTo>
                    <a:pt x="14" y="214"/>
                    <a:pt x="16" y="219"/>
                    <a:pt x="16" y="216"/>
                  </a:cubicBezTo>
                  <a:cubicBezTo>
                    <a:pt x="17" y="214"/>
                    <a:pt x="14" y="213"/>
                    <a:pt x="16" y="206"/>
                  </a:cubicBezTo>
                  <a:cubicBezTo>
                    <a:pt x="16" y="200"/>
                    <a:pt x="13" y="202"/>
                    <a:pt x="16" y="199"/>
                  </a:cubicBezTo>
                  <a:cubicBezTo>
                    <a:pt x="19" y="196"/>
                    <a:pt x="14" y="191"/>
                    <a:pt x="17" y="188"/>
                  </a:cubicBezTo>
                  <a:cubicBezTo>
                    <a:pt x="20" y="186"/>
                    <a:pt x="16" y="183"/>
                    <a:pt x="22" y="179"/>
                  </a:cubicBezTo>
                  <a:cubicBezTo>
                    <a:pt x="25" y="177"/>
                    <a:pt x="20" y="169"/>
                    <a:pt x="20" y="166"/>
                  </a:cubicBezTo>
                  <a:cubicBezTo>
                    <a:pt x="22" y="163"/>
                    <a:pt x="20" y="158"/>
                    <a:pt x="22" y="155"/>
                  </a:cubicBezTo>
                  <a:cubicBezTo>
                    <a:pt x="22" y="152"/>
                    <a:pt x="23" y="155"/>
                    <a:pt x="26" y="151"/>
                  </a:cubicBezTo>
                  <a:cubicBezTo>
                    <a:pt x="28" y="147"/>
                    <a:pt x="26" y="146"/>
                    <a:pt x="28" y="136"/>
                  </a:cubicBezTo>
                  <a:cubicBezTo>
                    <a:pt x="28" y="129"/>
                    <a:pt x="32" y="132"/>
                    <a:pt x="31" y="127"/>
                  </a:cubicBezTo>
                  <a:cubicBezTo>
                    <a:pt x="31" y="123"/>
                    <a:pt x="34" y="119"/>
                    <a:pt x="31" y="119"/>
                  </a:cubicBezTo>
                  <a:cubicBezTo>
                    <a:pt x="28" y="119"/>
                    <a:pt x="31" y="118"/>
                    <a:pt x="29" y="113"/>
                  </a:cubicBezTo>
                  <a:cubicBezTo>
                    <a:pt x="28" y="109"/>
                    <a:pt x="28" y="106"/>
                    <a:pt x="26" y="102"/>
                  </a:cubicBezTo>
                  <a:cubicBezTo>
                    <a:pt x="25" y="101"/>
                    <a:pt x="26" y="96"/>
                    <a:pt x="28" y="91"/>
                  </a:cubicBezTo>
                  <a:cubicBezTo>
                    <a:pt x="29" y="87"/>
                    <a:pt x="29" y="90"/>
                    <a:pt x="31" y="88"/>
                  </a:cubicBezTo>
                  <a:cubicBezTo>
                    <a:pt x="32" y="85"/>
                    <a:pt x="28" y="79"/>
                    <a:pt x="31" y="76"/>
                  </a:cubicBezTo>
                  <a:cubicBezTo>
                    <a:pt x="32" y="74"/>
                    <a:pt x="32" y="68"/>
                    <a:pt x="34" y="67"/>
                  </a:cubicBezTo>
                  <a:cubicBezTo>
                    <a:pt x="37" y="65"/>
                    <a:pt x="35" y="67"/>
                    <a:pt x="38" y="59"/>
                  </a:cubicBezTo>
                  <a:cubicBezTo>
                    <a:pt x="40" y="51"/>
                    <a:pt x="46" y="59"/>
                    <a:pt x="43" y="51"/>
                  </a:cubicBezTo>
                  <a:cubicBezTo>
                    <a:pt x="40" y="46"/>
                    <a:pt x="43" y="34"/>
                    <a:pt x="42" y="33"/>
                  </a:cubicBezTo>
                  <a:cubicBezTo>
                    <a:pt x="40" y="28"/>
                    <a:pt x="48" y="25"/>
                    <a:pt x="49" y="25"/>
                  </a:cubicBezTo>
                  <a:cubicBezTo>
                    <a:pt x="52" y="23"/>
                    <a:pt x="52" y="19"/>
                    <a:pt x="52" y="15"/>
                  </a:cubicBezTo>
                  <a:cubicBezTo>
                    <a:pt x="54" y="14"/>
                    <a:pt x="54" y="12"/>
                    <a:pt x="52" y="11"/>
                  </a:cubicBezTo>
                  <a:cubicBezTo>
                    <a:pt x="55" y="9"/>
                    <a:pt x="55" y="6"/>
                    <a:pt x="57" y="5"/>
                  </a:cubicBezTo>
                  <a:cubicBezTo>
                    <a:pt x="60" y="3"/>
                    <a:pt x="58" y="1"/>
                    <a:pt x="60" y="0"/>
                  </a:cubicBezTo>
                  <a:cubicBezTo>
                    <a:pt x="61" y="0"/>
                    <a:pt x="61" y="5"/>
                    <a:pt x="66" y="5"/>
                  </a:cubicBezTo>
                  <a:cubicBezTo>
                    <a:pt x="70" y="3"/>
                    <a:pt x="73" y="3"/>
                    <a:pt x="75" y="11"/>
                  </a:cubicBezTo>
                  <a:cubicBezTo>
                    <a:pt x="77" y="5"/>
                    <a:pt x="78" y="3"/>
                    <a:pt x="80" y="3"/>
                  </a:cubicBezTo>
                  <a:cubicBezTo>
                    <a:pt x="83" y="3"/>
                    <a:pt x="84" y="3"/>
                    <a:pt x="86" y="3"/>
                  </a:cubicBezTo>
                  <a:cubicBezTo>
                    <a:pt x="87" y="3"/>
                    <a:pt x="87" y="5"/>
                    <a:pt x="89" y="6"/>
                  </a:cubicBezTo>
                  <a:cubicBezTo>
                    <a:pt x="90" y="8"/>
                    <a:pt x="90" y="6"/>
                    <a:pt x="92" y="11"/>
                  </a:cubicBezTo>
                  <a:cubicBezTo>
                    <a:pt x="95" y="17"/>
                    <a:pt x="99" y="17"/>
                    <a:pt x="101" y="20"/>
                  </a:cubicBezTo>
                  <a:cubicBezTo>
                    <a:pt x="102" y="23"/>
                    <a:pt x="107" y="22"/>
                    <a:pt x="112" y="26"/>
                  </a:cubicBezTo>
                  <a:cubicBezTo>
                    <a:pt x="118" y="31"/>
                    <a:pt x="121" y="33"/>
                    <a:pt x="124" y="33"/>
                  </a:cubicBezTo>
                  <a:cubicBezTo>
                    <a:pt x="125" y="33"/>
                    <a:pt x="130" y="37"/>
                    <a:pt x="128" y="39"/>
                  </a:cubicBezTo>
                  <a:cubicBezTo>
                    <a:pt x="125" y="43"/>
                    <a:pt x="128" y="43"/>
                    <a:pt x="125" y="45"/>
                  </a:cubicBezTo>
                  <a:cubicBezTo>
                    <a:pt x="122" y="46"/>
                    <a:pt x="125" y="48"/>
                    <a:pt x="124" y="51"/>
                  </a:cubicBezTo>
                  <a:cubicBezTo>
                    <a:pt x="122" y="54"/>
                    <a:pt x="119" y="54"/>
                    <a:pt x="121" y="56"/>
                  </a:cubicBezTo>
                  <a:cubicBezTo>
                    <a:pt x="121" y="59"/>
                    <a:pt x="121" y="57"/>
                    <a:pt x="125" y="57"/>
                  </a:cubicBezTo>
                  <a:cubicBezTo>
                    <a:pt x="131" y="57"/>
                    <a:pt x="134" y="62"/>
                    <a:pt x="139" y="59"/>
                  </a:cubicBezTo>
                  <a:cubicBezTo>
                    <a:pt x="142" y="54"/>
                    <a:pt x="144" y="62"/>
                    <a:pt x="145" y="57"/>
                  </a:cubicBezTo>
                  <a:cubicBezTo>
                    <a:pt x="145" y="53"/>
                    <a:pt x="150" y="53"/>
                    <a:pt x="151" y="48"/>
                  </a:cubicBezTo>
                  <a:cubicBezTo>
                    <a:pt x="151" y="43"/>
                    <a:pt x="153" y="45"/>
                    <a:pt x="151" y="39"/>
                  </a:cubicBezTo>
                  <a:cubicBezTo>
                    <a:pt x="154" y="40"/>
                    <a:pt x="156" y="34"/>
                    <a:pt x="159" y="42"/>
                  </a:cubicBezTo>
                  <a:cubicBezTo>
                    <a:pt x="160" y="48"/>
                    <a:pt x="160" y="54"/>
                    <a:pt x="156" y="57"/>
                  </a:cubicBezTo>
                  <a:cubicBezTo>
                    <a:pt x="151" y="60"/>
                    <a:pt x="145" y="64"/>
                    <a:pt x="140" y="71"/>
                  </a:cubicBezTo>
                  <a:cubicBezTo>
                    <a:pt x="134" y="79"/>
                    <a:pt x="134" y="82"/>
                    <a:pt x="133" y="82"/>
                  </a:cubicBezTo>
                  <a:cubicBezTo>
                    <a:pt x="130" y="84"/>
                    <a:pt x="130" y="85"/>
                    <a:pt x="128" y="87"/>
                  </a:cubicBezTo>
                  <a:close/>
                  <a:moveTo>
                    <a:pt x="42" y="366"/>
                  </a:moveTo>
                  <a:cubicBezTo>
                    <a:pt x="45" y="366"/>
                    <a:pt x="42" y="365"/>
                    <a:pt x="45" y="366"/>
                  </a:cubicBezTo>
                  <a:cubicBezTo>
                    <a:pt x="48" y="366"/>
                    <a:pt x="54" y="366"/>
                    <a:pt x="57" y="368"/>
                  </a:cubicBezTo>
                  <a:cubicBezTo>
                    <a:pt x="60" y="370"/>
                    <a:pt x="58" y="368"/>
                    <a:pt x="60" y="368"/>
                  </a:cubicBezTo>
                  <a:cubicBezTo>
                    <a:pt x="63" y="368"/>
                    <a:pt x="63" y="365"/>
                    <a:pt x="64" y="366"/>
                  </a:cubicBezTo>
                  <a:cubicBezTo>
                    <a:pt x="64" y="368"/>
                    <a:pt x="64" y="366"/>
                    <a:pt x="66" y="366"/>
                  </a:cubicBezTo>
                  <a:cubicBezTo>
                    <a:pt x="67" y="366"/>
                    <a:pt x="67" y="366"/>
                    <a:pt x="67" y="365"/>
                  </a:cubicBezTo>
                  <a:cubicBezTo>
                    <a:pt x="69" y="363"/>
                    <a:pt x="67" y="363"/>
                    <a:pt x="66" y="363"/>
                  </a:cubicBezTo>
                  <a:cubicBezTo>
                    <a:pt x="63" y="365"/>
                    <a:pt x="63" y="363"/>
                    <a:pt x="60" y="362"/>
                  </a:cubicBezTo>
                  <a:cubicBezTo>
                    <a:pt x="58" y="362"/>
                    <a:pt x="57" y="359"/>
                    <a:pt x="54" y="357"/>
                  </a:cubicBezTo>
                  <a:cubicBezTo>
                    <a:pt x="51" y="356"/>
                    <a:pt x="46" y="351"/>
                    <a:pt x="46" y="349"/>
                  </a:cubicBezTo>
                  <a:cubicBezTo>
                    <a:pt x="45" y="348"/>
                    <a:pt x="46" y="346"/>
                    <a:pt x="43" y="346"/>
                  </a:cubicBezTo>
                  <a:cubicBezTo>
                    <a:pt x="42" y="346"/>
                    <a:pt x="42" y="346"/>
                    <a:pt x="42" y="345"/>
                  </a:cubicBezTo>
                  <a:cubicBezTo>
                    <a:pt x="43" y="343"/>
                    <a:pt x="43" y="343"/>
                    <a:pt x="43" y="345"/>
                  </a:cubicBezTo>
                  <a:cubicBezTo>
                    <a:pt x="45" y="345"/>
                    <a:pt x="45" y="345"/>
                    <a:pt x="45" y="345"/>
                  </a:cubicBezTo>
                  <a:cubicBezTo>
                    <a:pt x="45" y="343"/>
                    <a:pt x="43" y="342"/>
                    <a:pt x="42" y="338"/>
                  </a:cubicBezTo>
                  <a:cubicBezTo>
                    <a:pt x="42" y="366"/>
                    <a:pt x="42" y="366"/>
                    <a:pt x="42" y="366"/>
                  </a:cubicBezTo>
                  <a:close/>
                  <a:moveTo>
                    <a:pt x="73" y="366"/>
                  </a:moveTo>
                  <a:cubicBezTo>
                    <a:pt x="75" y="365"/>
                    <a:pt x="75" y="366"/>
                    <a:pt x="77" y="366"/>
                  </a:cubicBezTo>
                  <a:cubicBezTo>
                    <a:pt x="78" y="365"/>
                    <a:pt x="77" y="366"/>
                    <a:pt x="78" y="365"/>
                  </a:cubicBezTo>
                  <a:cubicBezTo>
                    <a:pt x="80" y="365"/>
                    <a:pt x="80" y="363"/>
                    <a:pt x="78" y="365"/>
                  </a:cubicBezTo>
                  <a:cubicBezTo>
                    <a:pt x="77" y="365"/>
                    <a:pt x="77" y="363"/>
                    <a:pt x="73" y="365"/>
                  </a:cubicBezTo>
                  <a:cubicBezTo>
                    <a:pt x="73" y="365"/>
                    <a:pt x="70" y="365"/>
                    <a:pt x="72" y="366"/>
                  </a:cubicBezTo>
                  <a:cubicBezTo>
                    <a:pt x="73" y="366"/>
                    <a:pt x="73" y="366"/>
                    <a:pt x="73" y="366"/>
                  </a:cubicBezTo>
                  <a:close/>
                  <a:moveTo>
                    <a:pt x="48" y="371"/>
                  </a:moveTo>
                  <a:cubicBezTo>
                    <a:pt x="49" y="371"/>
                    <a:pt x="48" y="370"/>
                    <a:pt x="49" y="370"/>
                  </a:cubicBezTo>
                  <a:cubicBezTo>
                    <a:pt x="51" y="370"/>
                    <a:pt x="49" y="371"/>
                    <a:pt x="51" y="371"/>
                  </a:cubicBezTo>
                  <a:cubicBezTo>
                    <a:pt x="52" y="371"/>
                    <a:pt x="52" y="371"/>
                    <a:pt x="54" y="370"/>
                  </a:cubicBezTo>
                  <a:cubicBezTo>
                    <a:pt x="54" y="368"/>
                    <a:pt x="52" y="368"/>
                    <a:pt x="51" y="368"/>
                  </a:cubicBezTo>
                  <a:cubicBezTo>
                    <a:pt x="49" y="368"/>
                    <a:pt x="48" y="366"/>
                    <a:pt x="45" y="366"/>
                  </a:cubicBezTo>
                  <a:cubicBezTo>
                    <a:pt x="43" y="366"/>
                    <a:pt x="43" y="368"/>
                    <a:pt x="45" y="368"/>
                  </a:cubicBezTo>
                  <a:cubicBezTo>
                    <a:pt x="45" y="368"/>
                    <a:pt x="45" y="368"/>
                    <a:pt x="45" y="371"/>
                  </a:cubicBezTo>
                  <a:cubicBezTo>
                    <a:pt x="45" y="371"/>
                    <a:pt x="46" y="371"/>
                    <a:pt x="48" y="371"/>
                  </a:cubicBezTo>
                  <a:close/>
                  <a:moveTo>
                    <a:pt x="54" y="371"/>
                  </a:moveTo>
                  <a:cubicBezTo>
                    <a:pt x="54" y="371"/>
                    <a:pt x="55" y="370"/>
                    <a:pt x="55" y="371"/>
                  </a:cubicBezTo>
                  <a:cubicBezTo>
                    <a:pt x="55" y="373"/>
                    <a:pt x="54" y="373"/>
                    <a:pt x="54" y="371"/>
                  </a:cubicBezTo>
                  <a:close/>
                  <a:moveTo>
                    <a:pt x="57" y="371"/>
                  </a:moveTo>
                  <a:cubicBezTo>
                    <a:pt x="55" y="371"/>
                    <a:pt x="57" y="370"/>
                    <a:pt x="58" y="370"/>
                  </a:cubicBezTo>
                  <a:cubicBezTo>
                    <a:pt x="58" y="371"/>
                    <a:pt x="58" y="371"/>
                    <a:pt x="57" y="371"/>
                  </a:cubicBezTo>
                  <a:close/>
                </a:path>
              </a:pathLst>
            </a:custGeom>
            <a:solidFill>
              <a:schemeClr val="accent5"/>
            </a:solidFill>
            <a:ln w="6350" cmpd="sng">
              <a:solidFill>
                <a:schemeClr val="bg1"/>
              </a:solidFill>
              <a:round/>
              <a:headEnd/>
              <a:tailEnd/>
            </a:ln>
          </p:spPr>
          <p:txBody>
            <a:bodyPr/>
            <a:lstStyle/>
            <a:p>
              <a:endParaRPr lang="en-GB" sz="1633" dirty="0">
                <a:solidFill>
                  <a:schemeClr val="accent5"/>
                </a:solidFill>
              </a:endParaRPr>
            </a:p>
          </p:txBody>
        </p:sp>
        <p:sp>
          <p:nvSpPr>
            <p:cNvPr id="39" name="Freeform 239"/>
            <p:cNvSpPr>
              <a:spLocks noEditPoints="1"/>
            </p:cNvSpPr>
            <p:nvPr/>
          </p:nvSpPr>
          <p:spPr bwMode="auto">
            <a:xfrm>
              <a:off x="2713539" y="4289040"/>
              <a:ext cx="154817" cy="197511"/>
            </a:xfrm>
            <a:custGeom>
              <a:avLst/>
              <a:gdLst/>
              <a:ahLst/>
              <a:cxnLst>
                <a:cxn ang="0">
                  <a:pos x="42" y="61"/>
                </a:cxn>
                <a:cxn ang="0">
                  <a:pos x="47" y="59"/>
                </a:cxn>
                <a:cxn ang="0">
                  <a:pos x="45" y="63"/>
                </a:cxn>
                <a:cxn ang="0">
                  <a:pos x="42" y="61"/>
                </a:cxn>
                <a:cxn ang="0">
                  <a:pos x="11" y="27"/>
                </a:cxn>
                <a:cxn ang="0">
                  <a:pos x="11" y="22"/>
                </a:cxn>
                <a:cxn ang="0">
                  <a:pos x="9" y="19"/>
                </a:cxn>
                <a:cxn ang="0">
                  <a:pos x="7" y="23"/>
                </a:cxn>
                <a:cxn ang="0">
                  <a:pos x="9" y="27"/>
                </a:cxn>
                <a:cxn ang="0">
                  <a:pos x="11" y="27"/>
                </a:cxn>
                <a:cxn ang="0">
                  <a:pos x="12" y="33"/>
                </a:cxn>
                <a:cxn ang="0">
                  <a:pos x="12" y="30"/>
                </a:cxn>
                <a:cxn ang="0">
                  <a:pos x="11" y="28"/>
                </a:cxn>
                <a:cxn ang="0">
                  <a:pos x="11" y="31"/>
                </a:cxn>
                <a:cxn ang="0">
                  <a:pos x="12" y="33"/>
                </a:cxn>
                <a:cxn ang="0">
                  <a:pos x="6" y="3"/>
                </a:cxn>
                <a:cxn ang="0">
                  <a:pos x="9" y="3"/>
                </a:cxn>
                <a:cxn ang="0">
                  <a:pos x="4" y="2"/>
                </a:cxn>
                <a:cxn ang="0">
                  <a:pos x="3" y="3"/>
                </a:cxn>
                <a:cxn ang="0">
                  <a:pos x="3" y="5"/>
                </a:cxn>
                <a:cxn ang="0">
                  <a:pos x="6" y="3"/>
                </a:cxn>
                <a:cxn ang="0">
                  <a:pos x="17" y="8"/>
                </a:cxn>
                <a:cxn ang="0">
                  <a:pos x="15" y="5"/>
                </a:cxn>
                <a:cxn ang="0">
                  <a:pos x="11" y="0"/>
                </a:cxn>
                <a:cxn ang="0">
                  <a:pos x="12" y="2"/>
                </a:cxn>
                <a:cxn ang="0">
                  <a:pos x="15" y="5"/>
                </a:cxn>
                <a:cxn ang="0">
                  <a:pos x="15" y="8"/>
                </a:cxn>
                <a:cxn ang="0">
                  <a:pos x="15" y="11"/>
                </a:cxn>
                <a:cxn ang="0">
                  <a:pos x="17" y="8"/>
                </a:cxn>
                <a:cxn ang="0">
                  <a:pos x="48" y="49"/>
                </a:cxn>
                <a:cxn ang="0">
                  <a:pos x="50" y="49"/>
                </a:cxn>
                <a:cxn ang="0">
                  <a:pos x="47" y="47"/>
                </a:cxn>
                <a:cxn ang="0">
                  <a:pos x="48" y="49"/>
                </a:cxn>
                <a:cxn ang="0">
                  <a:pos x="23" y="19"/>
                </a:cxn>
                <a:cxn ang="0">
                  <a:pos x="21" y="23"/>
                </a:cxn>
                <a:cxn ang="0">
                  <a:pos x="23" y="25"/>
                </a:cxn>
                <a:cxn ang="0">
                  <a:pos x="23" y="23"/>
                </a:cxn>
                <a:cxn ang="0">
                  <a:pos x="23" y="17"/>
                </a:cxn>
                <a:cxn ang="0">
                  <a:pos x="18" y="16"/>
                </a:cxn>
                <a:cxn ang="0">
                  <a:pos x="23" y="19"/>
                </a:cxn>
                <a:cxn ang="0">
                  <a:pos x="39" y="47"/>
                </a:cxn>
                <a:cxn ang="0">
                  <a:pos x="39" y="49"/>
                </a:cxn>
                <a:cxn ang="0">
                  <a:pos x="41" y="44"/>
                </a:cxn>
                <a:cxn ang="0">
                  <a:pos x="38" y="42"/>
                </a:cxn>
                <a:cxn ang="0">
                  <a:pos x="39" y="45"/>
                </a:cxn>
                <a:cxn ang="0">
                  <a:pos x="39" y="47"/>
                </a:cxn>
                <a:cxn ang="0">
                  <a:pos x="26" y="36"/>
                </a:cxn>
                <a:cxn ang="0">
                  <a:pos x="26" y="36"/>
                </a:cxn>
                <a:cxn ang="0">
                  <a:pos x="24" y="34"/>
                </a:cxn>
                <a:cxn ang="0">
                  <a:pos x="26" y="36"/>
                </a:cxn>
                <a:cxn ang="0">
                  <a:pos x="29" y="28"/>
                </a:cxn>
                <a:cxn ang="0">
                  <a:pos x="27" y="23"/>
                </a:cxn>
                <a:cxn ang="0">
                  <a:pos x="27" y="25"/>
                </a:cxn>
                <a:cxn ang="0">
                  <a:pos x="29" y="28"/>
                </a:cxn>
                <a:cxn ang="0">
                  <a:pos x="29" y="30"/>
                </a:cxn>
                <a:cxn ang="0">
                  <a:pos x="29" y="28"/>
                </a:cxn>
                <a:cxn ang="0">
                  <a:pos x="33" y="42"/>
                </a:cxn>
                <a:cxn ang="0">
                  <a:pos x="33" y="41"/>
                </a:cxn>
                <a:cxn ang="0">
                  <a:pos x="32" y="39"/>
                </a:cxn>
                <a:cxn ang="0">
                  <a:pos x="30" y="34"/>
                </a:cxn>
                <a:cxn ang="0">
                  <a:pos x="32" y="38"/>
                </a:cxn>
                <a:cxn ang="0">
                  <a:pos x="32" y="41"/>
                </a:cxn>
                <a:cxn ang="0">
                  <a:pos x="33" y="42"/>
                </a:cxn>
              </a:cxnLst>
              <a:rect l="0" t="0" r="r" b="b"/>
              <a:pathLst>
                <a:path w="50" h="63">
                  <a:moveTo>
                    <a:pt x="42" y="61"/>
                  </a:moveTo>
                  <a:cubicBezTo>
                    <a:pt x="45" y="58"/>
                    <a:pt x="47" y="61"/>
                    <a:pt x="47" y="59"/>
                  </a:cubicBezTo>
                  <a:cubicBezTo>
                    <a:pt x="48" y="56"/>
                    <a:pt x="50" y="61"/>
                    <a:pt x="45" y="63"/>
                  </a:cubicBezTo>
                  <a:cubicBezTo>
                    <a:pt x="42" y="63"/>
                    <a:pt x="42" y="63"/>
                    <a:pt x="42" y="61"/>
                  </a:cubicBezTo>
                  <a:close/>
                  <a:moveTo>
                    <a:pt x="11" y="27"/>
                  </a:moveTo>
                  <a:cubicBezTo>
                    <a:pt x="12" y="25"/>
                    <a:pt x="12" y="23"/>
                    <a:pt x="11" y="22"/>
                  </a:cubicBezTo>
                  <a:cubicBezTo>
                    <a:pt x="9" y="20"/>
                    <a:pt x="9" y="19"/>
                    <a:pt x="9" y="19"/>
                  </a:cubicBezTo>
                  <a:cubicBezTo>
                    <a:pt x="7" y="19"/>
                    <a:pt x="7" y="20"/>
                    <a:pt x="7" y="23"/>
                  </a:cubicBezTo>
                  <a:cubicBezTo>
                    <a:pt x="6" y="25"/>
                    <a:pt x="6" y="25"/>
                    <a:pt x="9" y="27"/>
                  </a:cubicBezTo>
                  <a:cubicBezTo>
                    <a:pt x="11" y="28"/>
                    <a:pt x="11" y="27"/>
                    <a:pt x="11" y="27"/>
                  </a:cubicBezTo>
                  <a:close/>
                  <a:moveTo>
                    <a:pt x="12" y="33"/>
                  </a:moveTo>
                  <a:cubicBezTo>
                    <a:pt x="13" y="33"/>
                    <a:pt x="13" y="33"/>
                    <a:pt x="12" y="30"/>
                  </a:cubicBezTo>
                  <a:cubicBezTo>
                    <a:pt x="12" y="27"/>
                    <a:pt x="12" y="30"/>
                    <a:pt x="11" y="28"/>
                  </a:cubicBezTo>
                  <a:cubicBezTo>
                    <a:pt x="9" y="27"/>
                    <a:pt x="9" y="30"/>
                    <a:pt x="11" y="31"/>
                  </a:cubicBezTo>
                  <a:cubicBezTo>
                    <a:pt x="12" y="33"/>
                    <a:pt x="11" y="33"/>
                    <a:pt x="12" y="33"/>
                  </a:cubicBezTo>
                  <a:close/>
                  <a:moveTo>
                    <a:pt x="6" y="3"/>
                  </a:moveTo>
                  <a:cubicBezTo>
                    <a:pt x="9" y="3"/>
                    <a:pt x="9" y="5"/>
                    <a:pt x="9" y="3"/>
                  </a:cubicBezTo>
                  <a:cubicBezTo>
                    <a:pt x="11" y="2"/>
                    <a:pt x="7" y="3"/>
                    <a:pt x="4" y="2"/>
                  </a:cubicBezTo>
                  <a:cubicBezTo>
                    <a:pt x="1" y="2"/>
                    <a:pt x="6" y="5"/>
                    <a:pt x="3" y="3"/>
                  </a:cubicBezTo>
                  <a:cubicBezTo>
                    <a:pt x="1" y="3"/>
                    <a:pt x="0" y="3"/>
                    <a:pt x="3" y="5"/>
                  </a:cubicBezTo>
                  <a:cubicBezTo>
                    <a:pt x="3" y="5"/>
                    <a:pt x="3" y="5"/>
                    <a:pt x="6" y="3"/>
                  </a:cubicBezTo>
                  <a:close/>
                  <a:moveTo>
                    <a:pt x="17" y="8"/>
                  </a:moveTo>
                  <a:cubicBezTo>
                    <a:pt x="17" y="8"/>
                    <a:pt x="17" y="5"/>
                    <a:pt x="15" y="5"/>
                  </a:cubicBezTo>
                  <a:cubicBezTo>
                    <a:pt x="13" y="3"/>
                    <a:pt x="13" y="0"/>
                    <a:pt x="11" y="0"/>
                  </a:cubicBezTo>
                  <a:cubicBezTo>
                    <a:pt x="7" y="0"/>
                    <a:pt x="11" y="0"/>
                    <a:pt x="12" y="2"/>
                  </a:cubicBezTo>
                  <a:cubicBezTo>
                    <a:pt x="13" y="2"/>
                    <a:pt x="13" y="3"/>
                    <a:pt x="15" y="5"/>
                  </a:cubicBezTo>
                  <a:cubicBezTo>
                    <a:pt x="17" y="6"/>
                    <a:pt x="15" y="5"/>
                    <a:pt x="15" y="8"/>
                  </a:cubicBezTo>
                  <a:cubicBezTo>
                    <a:pt x="15" y="11"/>
                    <a:pt x="12" y="8"/>
                    <a:pt x="15" y="11"/>
                  </a:cubicBezTo>
                  <a:cubicBezTo>
                    <a:pt x="15" y="13"/>
                    <a:pt x="15" y="8"/>
                    <a:pt x="17" y="8"/>
                  </a:cubicBezTo>
                  <a:close/>
                  <a:moveTo>
                    <a:pt x="48" y="49"/>
                  </a:moveTo>
                  <a:cubicBezTo>
                    <a:pt x="50" y="49"/>
                    <a:pt x="50" y="49"/>
                    <a:pt x="50" y="49"/>
                  </a:cubicBezTo>
                  <a:cubicBezTo>
                    <a:pt x="50" y="47"/>
                    <a:pt x="47" y="47"/>
                    <a:pt x="47" y="47"/>
                  </a:cubicBezTo>
                  <a:cubicBezTo>
                    <a:pt x="47" y="47"/>
                    <a:pt x="47" y="49"/>
                    <a:pt x="48" y="49"/>
                  </a:cubicBezTo>
                  <a:close/>
                  <a:moveTo>
                    <a:pt x="23" y="19"/>
                  </a:moveTo>
                  <a:cubicBezTo>
                    <a:pt x="24" y="22"/>
                    <a:pt x="21" y="22"/>
                    <a:pt x="21" y="23"/>
                  </a:cubicBezTo>
                  <a:cubicBezTo>
                    <a:pt x="23" y="23"/>
                    <a:pt x="23" y="27"/>
                    <a:pt x="23" y="25"/>
                  </a:cubicBezTo>
                  <a:cubicBezTo>
                    <a:pt x="24" y="25"/>
                    <a:pt x="23" y="25"/>
                    <a:pt x="23" y="23"/>
                  </a:cubicBezTo>
                  <a:cubicBezTo>
                    <a:pt x="23" y="20"/>
                    <a:pt x="24" y="20"/>
                    <a:pt x="23" y="17"/>
                  </a:cubicBezTo>
                  <a:cubicBezTo>
                    <a:pt x="21" y="16"/>
                    <a:pt x="18" y="14"/>
                    <a:pt x="18" y="16"/>
                  </a:cubicBezTo>
                  <a:cubicBezTo>
                    <a:pt x="18" y="16"/>
                    <a:pt x="21" y="17"/>
                    <a:pt x="23" y="19"/>
                  </a:cubicBezTo>
                  <a:close/>
                  <a:moveTo>
                    <a:pt x="39" y="47"/>
                  </a:moveTo>
                  <a:cubicBezTo>
                    <a:pt x="38" y="49"/>
                    <a:pt x="38" y="50"/>
                    <a:pt x="39" y="49"/>
                  </a:cubicBezTo>
                  <a:cubicBezTo>
                    <a:pt x="42" y="47"/>
                    <a:pt x="42" y="45"/>
                    <a:pt x="41" y="44"/>
                  </a:cubicBezTo>
                  <a:cubicBezTo>
                    <a:pt x="41" y="42"/>
                    <a:pt x="41" y="44"/>
                    <a:pt x="38" y="42"/>
                  </a:cubicBezTo>
                  <a:cubicBezTo>
                    <a:pt x="36" y="42"/>
                    <a:pt x="38" y="45"/>
                    <a:pt x="39" y="45"/>
                  </a:cubicBezTo>
                  <a:cubicBezTo>
                    <a:pt x="41" y="44"/>
                    <a:pt x="41" y="45"/>
                    <a:pt x="39" y="47"/>
                  </a:cubicBezTo>
                  <a:close/>
                  <a:moveTo>
                    <a:pt x="26" y="36"/>
                  </a:moveTo>
                  <a:cubicBezTo>
                    <a:pt x="27" y="38"/>
                    <a:pt x="27" y="36"/>
                    <a:pt x="26" y="36"/>
                  </a:cubicBezTo>
                  <a:cubicBezTo>
                    <a:pt x="26" y="34"/>
                    <a:pt x="24" y="33"/>
                    <a:pt x="24" y="34"/>
                  </a:cubicBezTo>
                  <a:cubicBezTo>
                    <a:pt x="24" y="36"/>
                    <a:pt x="24" y="34"/>
                    <a:pt x="26" y="36"/>
                  </a:cubicBezTo>
                  <a:close/>
                  <a:moveTo>
                    <a:pt x="29" y="28"/>
                  </a:moveTo>
                  <a:cubicBezTo>
                    <a:pt x="29" y="27"/>
                    <a:pt x="29" y="25"/>
                    <a:pt x="27" y="23"/>
                  </a:cubicBezTo>
                  <a:cubicBezTo>
                    <a:pt x="26" y="23"/>
                    <a:pt x="26" y="23"/>
                    <a:pt x="27" y="25"/>
                  </a:cubicBezTo>
                  <a:cubicBezTo>
                    <a:pt x="27" y="25"/>
                    <a:pt x="27" y="27"/>
                    <a:pt x="29" y="28"/>
                  </a:cubicBezTo>
                  <a:cubicBezTo>
                    <a:pt x="30" y="30"/>
                    <a:pt x="27" y="31"/>
                    <a:pt x="29" y="30"/>
                  </a:cubicBezTo>
                  <a:cubicBezTo>
                    <a:pt x="30" y="30"/>
                    <a:pt x="30" y="28"/>
                    <a:pt x="29" y="28"/>
                  </a:cubicBezTo>
                  <a:close/>
                  <a:moveTo>
                    <a:pt x="33" y="42"/>
                  </a:moveTo>
                  <a:cubicBezTo>
                    <a:pt x="33" y="42"/>
                    <a:pt x="35" y="42"/>
                    <a:pt x="33" y="41"/>
                  </a:cubicBezTo>
                  <a:cubicBezTo>
                    <a:pt x="33" y="39"/>
                    <a:pt x="32" y="39"/>
                    <a:pt x="32" y="39"/>
                  </a:cubicBezTo>
                  <a:cubicBezTo>
                    <a:pt x="32" y="38"/>
                    <a:pt x="30" y="34"/>
                    <a:pt x="30" y="34"/>
                  </a:cubicBezTo>
                  <a:cubicBezTo>
                    <a:pt x="29" y="33"/>
                    <a:pt x="30" y="36"/>
                    <a:pt x="32" y="38"/>
                  </a:cubicBezTo>
                  <a:cubicBezTo>
                    <a:pt x="32" y="41"/>
                    <a:pt x="30" y="38"/>
                    <a:pt x="32" y="41"/>
                  </a:cubicBezTo>
                  <a:cubicBezTo>
                    <a:pt x="32" y="41"/>
                    <a:pt x="33" y="41"/>
                    <a:pt x="33" y="42"/>
                  </a:cubicBezTo>
                  <a:close/>
                </a:path>
              </a:pathLst>
            </a:custGeom>
            <a:grpFill/>
            <a:ln w="6350" cmpd="sng">
              <a:solidFill>
                <a:schemeClr val="bg1"/>
              </a:solidFill>
              <a:round/>
              <a:headEnd/>
              <a:tailEnd/>
            </a:ln>
          </p:spPr>
          <p:txBody>
            <a:bodyPr/>
            <a:lstStyle/>
            <a:p>
              <a:endParaRPr lang="en-GB" sz="1633" dirty="0"/>
            </a:p>
          </p:txBody>
        </p:sp>
        <p:sp>
          <p:nvSpPr>
            <p:cNvPr id="40" name="Freeform 240"/>
            <p:cNvSpPr>
              <a:spLocks noEditPoints="1"/>
            </p:cNvSpPr>
            <p:nvPr/>
          </p:nvSpPr>
          <p:spPr bwMode="auto">
            <a:xfrm>
              <a:off x="2571491" y="4407222"/>
              <a:ext cx="266541" cy="116564"/>
            </a:xfrm>
            <a:custGeom>
              <a:avLst/>
              <a:gdLst/>
              <a:ahLst/>
              <a:cxnLst>
                <a:cxn ang="0">
                  <a:pos x="8" y="13"/>
                </a:cxn>
                <a:cxn ang="0">
                  <a:pos x="3" y="15"/>
                </a:cxn>
                <a:cxn ang="0">
                  <a:pos x="0" y="13"/>
                </a:cxn>
                <a:cxn ang="0">
                  <a:pos x="4" y="10"/>
                </a:cxn>
                <a:cxn ang="0">
                  <a:pos x="17" y="3"/>
                </a:cxn>
                <a:cxn ang="0">
                  <a:pos x="24" y="1"/>
                </a:cxn>
                <a:cxn ang="0">
                  <a:pos x="30" y="1"/>
                </a:cxn>
                <a:cxn ang="0">
                  <a:pos x="35" y="3"/>
                </a:cxn>
                <a:cxn ang="0">
                  <a:pos x="42" y="6"/>
                </a:cxn>
                <a:cxn ang="0">
                  <a:pos x="50" y="10"/>
                </a:cxn>
                <a:cxn ang="0">
                  <a:pos x="58" y="13"/>
                </a:cxn>
                <a:cxn ang="0">
                  <a:pos x="59" y="15"/>
                </a:cxn>
                <a:cxn ang="0">
                  <a:pos x="62" y="18"/>
                </a:cxn>
                <a:cxn ang="0">
                  <a:pos x="65" y="20"/>
                </a:cxn>
                <a:cxn ang="0">
                  <a:pos x="70" y="21"/>
                </a:cxn>
                <a:cxn ang="0">
                  <a:pos x="74" y="23"/>
                </a:cxn>
                <a:cxn ang="0">
                  <a:pos x="76" y="26"/>
                </a:cxn>
                <a:cxn ang="0">
                  <a:pos x="82" y="29"/>
                </a:cxn>
                <a:cxn ang="0">
                  <a:pos x="85" y="32"/>
                </a:cxn>
                <a:cxn ang="0">
                  <a:pos x="79" y="34"/>
                </a:cxn>
                <a:cxn ang="0">
                  <a:pos x="64" y="34"/>
                </a:cxn>
                <a:cxn ang="0">
                  <a:pos x="61" y="30"/>
                </a:cxn>
                <a:cxn ang="0">
                  <a:pos x="56" y="26"/>
                </a:cxn>
                <a:cxn ang="0">
                  <a:pos x="50" y="20"/>
                </a:cxn>
                <a:cxn ang="0">
                  <a:pos x="42" y="17"/>
                </a:cxn>
                <a:cxn ang="0">
                  <a:pos x="32" y="12"/>
                </a:cxn>
                <a:cxn ang="0">
                  <a:pos x="23" y="10"/>
                </a:cxn>
                <a:cxn ang="0">
                  <a:pos x="26" y="7"/>
                </a:cxn>
                <a:cxn ang="0">
                  <a:pos x="15" y="9"/>
                </a:cxn>
                <a:cxn ang="0">
                  <a:pos x="8" y="13"/>
                </a:cxn>
                <a:cxn ang="0">
                  <a:pos x="18" y="18"/>
                </a:cxn>
                <a:cxn ang="0">
                  <a:pos x="15" y="13"/>
                </a:cxn>
                <a:cxn ang="0">
                  <a:pos x="18" y="18"/>
                </a:cxn>
                <a:cxn ang="0">
                  <a:pos x="50" y="9"/>
                </a:cxn>
                <a:cxn ang="0">
                  <a:pos x="51" y="7"/>
                </a:cxn>
                <a:cxn ang="0">
                  <a:pos x="50" y="9"/>
                </a:cxn>
                <a:cxn ang="0">
                  <a:pos x="53" y="9"/>
                </a:cxn>
                <a:cxn ang="0">
                  <a:pos x="55" y="10"/>
                </a:cxn>
                <a:cxn ang="0">
                  <a:pos x="53" y="9"/>
                </a:cxn>
              </a:cxnLst>
              <a:rect l="0" t="0" r="r" b="b"/>
              <a:pathLst>
                <a:path w="86" h="37">
                  <a:moveTo>
                    <a:pt x="8" y="13"/>
                  </a:moveTo>
                  <a:cubicBezTo>
                    <a:pt x="4" y="13"/>
                    <a:pt x="3" y="17"/>
                    <a:pt x="3" y="15"/>
                  </a:cubicBezTo>
                  <a:cubicBezTo>
                    <a:pt x="3" y="13"/>
                    <a:pt x="0" y="15"/>
                    <a:pt x="0" y="13"/>
                  </a:cubicBezTo>
                  <a:cubicBezTo>
                    <a:pt x="0" y="12"/>
                    <a:pt x="4" y="13"/>
                    <a:pt x="4" y="10"/>
                  </a:cubicBezTo>
                  <a:cubicBezTo>
                    <a:pt x="3" y="9"/>
                    <a:pt x="8" y="4"/>
                    <a:pt x="17" y="3"/>
                  </a:cubicBezTo>
                  <a:cubicBezTo>
                    <a:pt x="21" y="3"/>
                    <a:pt x="20" y="0"/>
                    <a:pt x="24" y="1"/>
                  </a:cubicBezTo>
                  <a:cubicBezTo>
                    <a:pt x="30" y="3"/>
                    <a:pt x="29" y="0"/>
                    <a:pt x="30" y="1"/>
                  </a:cubicBezTo>
                  <a:cubicBezTo>
                    <a:pt x="32" y="3"/>
                    <a:pt x="33" y="0"/>
                    <a:pt x="35" y="3"/>
                  </a:cubicBezTo>
                  <a:cubicBezTo>
                    <a:pt x="36" y="4"/>
                    <a:pt x="39" y="1"/>
                    <a:pt x="42" y="6"/>
                  </a:cubicBezTo>
                  <a:cubicBezTo>
                    <a:pt x="45" y="10"/>
                    <a:pt x="45" y="6"/>
                    <a:pt x="50" y="10"/>
                  </a:cubicBezTo>
                  <a:cubicBezTo>
                    <a:pt x="56" y="13"/>
                    <a:pt x="58" y="12"/>
                    <a:pt x="58" y="13"/>
                  </a:cubicBezTo>
                  <a:cubicBezTo>
                    <a:pt x="56" y="15"/>
                    <a:pt x="59" y="17"/>
                    <a:pt x="59" y="15"/>
                  </a:cubicBezTo>
                  <a:cubicBezTo>
                    <a:pt x="58" y="13"/>
                    <a:pt x="61" y="15"/>
                    <a:pt x="62" y="18"/>
                  </a:cubicBezTo>
                  <a:cubicBezTo>
                    <a:pt x="65" y="20"/>
                    <a:pt x="65" y="18"/>
                    <a:pt x="65" y="20"/>
                  </a:cubicBezTo>
                  <a:cubicBezTo>
                    <a:pt x="67" y="23"/>
                    <a:pt x="68" y="20"/>
                    <a:pt x="70" y="21"/>
                  </a:cubicBezTo>
                  <a:cubicBezTo>
                    <a:pt x="71" y="23"/>
                    <a:pt x="73" y="20"/>
                    <a:pt x="74" y="23"/>
                  </a:cubicBezTo>
                  <a:cubicBezTo>
                    <a:pt x="74" y="26"/>
                    <a:pt x="70" y="24"/>
                    <a:pt x="76" y="26"/>
                  </a:cubicBezTo>
                  <a:cubicBezTo>
                    <a:pt x="80" y="26"/>
                    <a:pt x="80" y="27"/>
                    <a:pt x="82" y="29"/>
                  </a:cubicBezTo>
                  <a:cubicBezTo>
                    <a:pt x="83" y="30"/>
                    <a:pt x="86" y="29"/>
                    <a:pt x="85" y="32"/>
                  </a:cubicBezTo>
                  <a:cubicBezTo>
                    <a:pt x="83" y="34"/>
                    <a:pt x="83" y="30"/>
                    <a:pt x="79" y="34"/>
                  </a:cubicBezTo>
                  <a:cubicBezTo>
                    <a:pt x="73" y="37"/>
                    <a:pt x="76" y="32"/>
                    <a:pt x="64" y="34"/>
                  </a:cubicBezTo>
                  <a:cubicBezTo>
                    <a:pt x="51" y="35"/>
                    <a:pt x="58" y="34"/>
                    <a:pt x="61" y="30"/>
                  </a:cubicBezTo>
                  <a:cubicBezTo>
                    <a:pt x="64" y="27"/>
                    <a:pt x="61" y="26"/>
                    <a:pt x="56" y="26"/>
                  </a:cubicBezTo>
                  <a:cubicBezTo>
                    <a:pt x="51" y="26"/>
                    <a:pt x="51" y="23"/>
                    <a:pt x="50" y="20"/>
                  </a:cubicBezTo>
                  <a:cubicBezTo>
                    <a:pt x="48" y="15"/>
                    <a:pt x="47" y="18"/>
                    <a:pt x="42" y="17"/>
                  </a:cubicBezTo>
                  <a:cubicBezTo>
                    <a:pt x="36" y="15"/>
                    <a:pt x="38" y="12"/>
                    <a:pt x="32" y="12"/>
                  </a:cubicBezTo>
                  <a:cubicBezTo>
                    <a:pt x="26" y="12"/>
                    <a:pt x="26" y="12"/>
                    <a:pt x="23" y="10"/>
                  </a:cubicBezTo>
                  <a:cubicBezTo>
                    <a:pt x="21" y="9"/>
                    <a:pt x="27" y="7"/>
                    <a:pt x="26" y="7"/>
                  </a:cubicBezTo>
                  <a:cubicBezTo>
                    <a:pt x="24" y="6"/>
                    <a:pt x="18" y="4"/>
                    <a:pt x="15" y="9"/>
                  </a:cubicBezTo>
                  <a:cubicBezTo>
                    <a:pt x="11" y="12"/>
                    <a:pt x="8" y="10"/>
                    <a:pt x="8" y="13"/>
                  </a:cubicBezTo>
                  <a:close/>
                  <a:moveTo>
                    <a:pt x="18" y="18"/>
                  </a:moveTo>
                  <a:cubicBezTo>
                    <a:pt x="14" y="20"/>
                    <a:pt x="14" y="13"/>
                    <a:pt x="15" y="13"/>
                  </a:cubicBezTo>
                  <a:cubicBezTo>
                    <a:pt x="18" y="13"/>
                    <a:pt x="20" y="18"/>
                    <a:pt x="18" y="18"/>
                  </a:cubicBezTo>
                  <a:close/>
                  <a:moveTo>
                    <a:pt x="50" y="9"/>
                  </a:moveTo>
                  <a:cubicBezTo>
                    <a:pt x="48" y="7"/>
                    <a:pt x="50" y="7"/>
                    <a:pt x="51" y="7"/>
                  </a:cubicBezTo>
                  <a:cubicBezTo>
                    <a:pt x="51" y="9"/>
                    <a:pt x="51" y="9"/>
                    <a:pt x="50" y="9"/>
                  </a:cubicBezTo>
                  <a:close/>
                  <a:moveTo>
                    <a:pt x="53" y="9"/>
                  </a:moveTo>
                  <a:cubicBezTo>
                    <a:pt x="53" y="9"/>
                    <a:pt x="56" y="10"/>
                    <a:pt x="55" y="10"/>
                  </a:cubicBezTo>
                  <a:cubicBezTo>
                    <a:pt x="53" y="10"/>
                    <a:pt x="51" y="10"/>
                    <a:pt x="53" y="9"/>
                  </a:cubicBezTo>
                  <a:close/>
                </a:path>
              </a:pathLst>
            </a:custGeom>
            <a:solidFill>
              <a:schemeClr val="accent5"/>
            </a:solidFill>
            <a:ln w="6350" cmpd="sng">
              <a:solidFill>
                <a:schemeClr val="bg1"/>
              </a:solidFill>
              <a:round/>
              <a:headEnd/>
              <a:tailEnd/>
            </a:ln>
          </p:spPr>
          <p:txBody>
            <a:bodyPr/>
            <a:lstStyle/>
            <a:p>
              <a:endParaRPr lang="en-GB" sz="1633" dirty="0"/>
            </a:p>
          </p:txBody>
        </p:sp>
        <p:sp>
          <p:nvSpPr>
            <p:cNvPr id="41" name="Freeform 241"/>
            <p:cNvSpPr>
              <a:spLocks/>
            </p:cNvSpPr>
            <p:nvPr/>
          </p:nvSpPr>
          <p:spPr bwMode="auto">
            <a:xfrm>
              <a:off x="2853992" y="4543213"/>
              <a:ext cx="14364" cy="9713"/>
            </a:xfrm>
            <a:custGeom>
              <a:avLst/>
              <a:gdLst/>
              <a:ahLst/>
              <a:cxnLst>
                <a:cxn ang="0">
                  <a:pos x="0" y="2"/>
                </a:cxn>
                <a:cxn ang="0">
                  <a:pos x="5" y="3"/>
                </a:cxn>
                <a:cxn ang="0">
                  <a:pos x="0" y="2"/>
                </a:cxn>
              </a:cxnLst>
              <a:rect l="0" t="0" r="r" b="b"/>
              <a:pathLst>
                <a:path w="5" h="3">
                  <a:moveTo>
                    <a:pt x="0" y="2"/>
                  </a:moveTo>
                  <a:cubicBezTo>
                    <a:pt x="0" y="0"/>
                    <a:pt x="5" y="2"/>
                    <a:pt x="5" y="3"/>
                  </a:cubicBezTo>
                  <a:cubicBezTo>
                    <a:pt x="0" y="2"/>
                    <a:pt x="0" y="2"/>
                    <a:pt x="0" y="2"/>
                  </a:cubicBezTo>
                </a:path>
              </a:pathLst>
            </a:custGeom>
            <a:grpFill/>
            <a:ln w="6350" cmpd="sng">
              <a:solidFill>
                <a:schemeClr val="bg1"/>
              </a:solidFill>
              <a:round/>
              <a:headEnd/>
              <a:tailEnd/>
            </a:ln>
          </p:spPr>
          <p:txBody>
            <a:bodyPr/>
            <a:lstStyle/>
            <a:p>
              <a:endParaRPr lang="en-GB" sz="1633" dirty="0"/>
            </a:p>
          </p:txBody>
        </p:sp>
        <p:sp>
          <p:nvSpPr>
            <p:cNvPr id="42" name="Freeform 242"/>
            <p:cNvSpPr>
              <a:spLocks/>
            </p:cNvSpPr>
            <p:nvPr/>
          </p:nvSpPr>
          <p:spPr bwMode="auto">
            <a:xfrm>
              <a:off x="2952947" y="4747201"/>
              <a:ext cx="17557" cy="17808"/>
            </a:xfrm>
            <a:custGeom>
              <a:avLst/>
              <a:gdLst/>
              <a:ahLst/>
              <a:cxnLst>
                <a:cxn ang="0">
                  <a:pos x="3" y="3"/>
                </a:cxn>
                <a:cxn ang="0">
                  <a:pos x="2" y="2"/>
                </a:cxn>
                <a:cxn ang="0">
                  <a:pos x="3" y="3"/>
                </a:cxn>
                <a:cxn ang="0">
                  <a:pos x="3" y="3"/>
                </a:cxn>
              </a:cxnLst>
              <a:rect l="0" t="0" r="r" b="b"/>
              <a:pathLst>
                <a:path w="6" h="6">
                  <a:moveTo>
                    <a:pt x="3" y="3"/>
                  </a:moveTo>
                  <a:cubicBezTo>
                    <a:pt x="2" y="2"/>
                    <a:pt x="0" y="0"/>
                    <a:pt x="2" y="2"/>
                  </a:cubicBezTo>
                  <a:cubicBezTo>
                    <a:pt x="3" y="2"/>
                    <a:pt x="2" y="3"/>
                    <a:pt x="3" y="3"/>
                  </a:cubicBezTo>
                  <a:cubicBezTo>
                    <a:pt x="5" y="3"/>
                    <a:pt x="6" y="6"/>
                    <a:pt x="3" y="3"/>
                  </a:cubicBezTo>
                </a:path>
              </a:pathLst>
            </a:custGeom>
            <a:grpFill/>
            <a:ln w="6350" cmpd="sng">
              <a:solidFill>
                <a:schemeClr val="bg1"/>
              </a:solidFill>
              <a:round/>
              <a:headEnd/>
              <a:tailEnd/>
            </a:ln>
          </p:spPr>
          <p:txBody>
            <a:bodyPr/>
            <a:lstStyle/>
            <a:p>
              <a:endParaRPr lang="en-GB" sz="1633" dirty="0"/>
            </a:p>
          </p:txBody>
        </p:sp>
        <p:sp>
          <p:nvSpPr>
            <p:cNvPr id="43" name="Freeform 243"/>
            <p:cNvSpPr>
              <a:spLocks/>
            </p:cNvSpPr>
            <p:nvPr/>
          </p:nvSpPr>
          <p:spPr bwMode="auto">
            <a:xfrm>
              <a:off x="2970503" y="4753676"/>
              <a:ext cx="9577" cy="11332"/>
            </a:xfrm>
            <a:custGeom>
              <a:avLst/>
              <a:gdLst/>
              <a:ahLst/>
              <a:cxnLst>
                <a:cxn ang="0">
                  <a:pos x="2" y="1"/>
                </a:cxn>
                <a:cxn ang="0">
                  <a:pos x="2" y="0"/>
                </a:cxn>
                <a:cxn ang="0">
                  <a:pos x="2" y="3"/>
                </a:cxn>
                <a:cxn ang="0">
                  <a:pos x="2" y="1"/>
                </a:cxn>
              </a:cxnLst>
              <a:rect l="0" t="0" r="r" b="b"/>
              <a:pathLst>
                <a:path w="3" h="4">
                  <a:moveTo>
                    <a:pt x="2" y="1"/>
                  </a:moveTo>
                  <a:cubicBezTo>
                    <a:pt x="0" y="1"/>
                    <a:pt x="2" y="0"/>
                    <a:pt x="2" y="0"/>
                  </a:cubicBezTo>
                  <a:cubicBezTo>
                    <a:pt x="3" y="1"/>
                    <a:pt x="3" y="4"/>
                    <a:pt x="2" y="3"/>
                  </a:cubicBezTo>
                  <a:cubicBezTo>
                    <a:pt x="2" y="1"/>
                    <a:pt x="2" y="1"/>
                    <a:pt x="2" y="1"/>
                  </a:cubicBezTo>
                </a:path>
              </a:pathLst>
            </a:custGeom>
            <a:grpFill/>
            <a:ln w="6350" cmpd="sng">
              <a:solidFill>
                <a:schemeClr val="bg1"/>
              </a:solidFill>
              <a:round/>
              <a:headEnd/>
              <a:tailEnd/>
            </a:ln>
          </p:spPr>
          <p:txBody>
            <a:bodyPr/>
            <a:lstStyle/>
            <a:p>
              <a:endParaRPr lang="en-GB" sz="1633" dirty="0"/>
            </a:p>
          </p:txBody>
        </p:sp>
        <p:sp>
          <p:nvSpPr>
            <p:cNvPr id="44" name="Freeform 244"/>
            <p:cNvSpPr>
              <a:spLocks/>
            </p:cNvSpPr>
            <p:nvPr/>
          </p:nvSpPr>
          <p:spPr bwMode="auto">
            <a:xfrm>
              <a:off x="3075843" y="4787673"/>
              <a:ext cx="19152" cy="9713"/>
            </a:xfrm>
            <a:custGeom>
              <a:avLst/>
              <a:gdLst/>
              <a:ahLst/>
              <a:cxnLst>
                <a:cxn ang="0">
                  <a:pos x="0" y="2"/>
                </a:cxn>
                <a:cxn ang="0">
                  <a:pos x="3" y="2"/>
                </a:cxn>
                <a:cxn ang="0">
                  <a:pos x="5" y="3"/>
                </a:cxn>
                <a:cxn ang="0">
                  <a:pos x="2" y="3"/>
                </a:cxn>
                <a:cxn ang="0">
                  <a:pos x="0" y="2"/>
                </a:cxn>
              </a:cxnLst>
              <a:rect l="0" t="0" r="r" b="b"/>
              <a:pathLst>
                <a:path w="6" h="3">
                  <a:moveTo>
                    <a:pt x="0" y="2"/>
                  </a:moveTo>
                  <a:cubicBezTo>
                    <a:pt x="0" y="0"/>
                    <a:pt x="2" y="3"/>
                    <a:pt x="3" y="2"/>
                  </a:cubicBezTo>
                  <a:cubicBezTo>
                    <a:pt x="5" y="0"/>
                    <a:pt x="6" y="2"/>
                    <a:pt x="5" y="3"/>
                  </a:cubicBezTo>
                  <a:cubicBezTo>
                    <a:pt x="3" y="3"/>
                    <a:pt x="2" y="3"/>
                    <a:pt x="2" y="3"/>
                  </a:cubicBezTo>
                  <a:cubicBezTo>
                    <a:pt x="2" y="3"/>
                    <a:pt x="0" y="3"/>
                    <a:pt x="0" y="2"/>
                  </a:cubicBezTo>
                </a:path>
              </a:pathLst>
            </a:custGeom>
            <a:grpFill/>
            <a:ln w="6350" cmpd="sng">
              <a:solidFill>
                <a:schemeClr val="bg1"/>
              </a:solidFill>
              <a:round/>
              <a:headEnd/>
              <a:tailEnd/>
            </a:ln>
          </p:spPr>
          <p:txBody>
            <a:bodyPr/>
            <a:lstStyle/>
            <a:p>
              <a:endParaRPr lang="en-GB" sz="1633" dirty="0"/>
            </a:p>
          </p:txBody>
        </p:sp>
        <p:sp>
          <p:nvSpPr>
            <p:cNvPr id="45" name="Freeform 245"/>
            <p:cNvSpPr>
              <a:spLocks/>
            </p:cNvSpPr>
            <p:nvPr/>
          </p:nvSpPr>
          <p:spPr bwMode="auto">
            <a:xfrm>
              <a:off x="3157242" y="4857288"/>
              <a:ext cx="3192" cy="3238"/>
            </a:xfrm>
            <a:custGeom>
              <a:avLst/>
              <a:gdLst/>
              <a:ahLst/>
              <a:cxnLst>
                <a:cxn ang="0">
                  <a:pos x="1" y="0"/>
                </a:cxn>
                <a:cxn ang="0">
                  <a:pos x="0" y="1"/>
                </a:cxn>
                <a:cxn ang="0">
                  <a:pos x="1" y="0"/>
                </a:cxn>
              </a:cxnLst>
              <a:rect l="0" t="0" r="r" b="b"/>
              <a:pathLst>
                <a:path w="1" h="1">
                  <a:moveTo>
                    <a:pt x="1" y="0"/>
                  </a:moveTo>
                  <a:cubicBezTo>
                    <a:pt x="0" y="1"/>
                    <a:pt x="0" y="1"/>
                    <a:pt x="0" y="1"/>
                  </a:cubicBezTo>
                  <a:cubicBezTo>
                    <a:pt x="0" y="0"/>
                    <a:pt x="0" y="0"/>
                    <a:pt x="1" y="0"/>
                  </a:cubicBezTo>
                </a:path>
              </a:pathLst>
            </a:custGeom>
            <a:grpFill/>
            <a:ln w="6350" cmpd="sng">
              <a:solidFill>
                <a:schemeClr val="bg1"/>
              </a:solidFill>
              <a:round/>
              <a:headEnd/>
              <a:tailEnd/>
            </a:ln>
          </p:spPr>
          <p:txBody>
            <a:bodyPr/>
            <a:lstStyle/>
            <a:p>
              <a:endParaRPr lang="en-GB" sz="1633" dirty="0"/>
            </a:p>
          </p:txBody>
        </p:sp>
        <p:sp>
          <p:nvSpPr>
            <p:cNvPr id="46" name="Freeform 246"/>
            <p:cNvSpPr>
              <a:spLocks/>
            </p:cNvSpPr>
            <p:nvPr/>
          </p:nvSpPr>
          <p:spPr bwMode="auto">
            <a:xfrm>
              <a:off x="3150857" y="4860526"/>
              <a:ext cx="9577" cy="4857"/>
            </a:xfrm>
            <a:custGeom>
              <a:avLst/>
              <a:gdLst/>
              <a:ahLst/>
              <a:cxnLst>
                <a:cxn ang="0">
                  <a:pos x="2" y="2"/>
                </a:cxn>
                <a:cxn ang="0">
                  <a:pos x="3" y="0"/>
                </a:cxn>
                <a:cxn ang="0">
                  <a:pos x="2" y="2"/>
                </a:cxn>
                <a:cxn ang="0">
                  <a:pos x="2" y="2"/>
                </a:cxn>
              </a:cxnLst>
              <a:rect l="0" t="0" r="r" b="b"/>
              <a:pathLst>
                <a:path w="3" h="2">
                  <a:moveTo>
                    <a:pt x="2" y="2"/>
                  </a:moveTo>
                  <a:cubicBezTo>
                    <a:pt x="2" y="0"/>
                    <a:pt x="2" y="0"/>
                    <a:pt x="3" y="0"/>
                  </a:cubicBezTo>
                  <a:cubicBezTo>
                    <a:pt x="3" y="0"/>
                    <a:pt x="3" y="2"/>
                    <a:pt x="2" y="2"/>
                  </a:cubicBezTo>
                  <a:cubicBezTo>
                    <a:pt x="2" y="2"/>
                    <a:pt x="0" y="2"/>
                    <a:pt x="2" y="2"/>
                  </a:cubicBezTo>
                </a:path>
              </a:pathLst>
            </a:custGeom>
            <a:grpFill/>
            <a:ln w="6350" cmpd="sng">
              <a:solidFill>
                <a:schemeClr val="bg1"/>
              </a:solidFill>
              <a:round/>
              <a:headEnd/>
              <a:tailEnd/>
            </a:ln>
          </p:spPr>
          <p:txBody>
            <a:bodyPr/>
            <a:lstStyle/>
            <a:p>
              <a:endParaRPr lang="en-GB" sz="1633" dirty="0"/>
            </a:p>
          </p:txBody>
        </p:sp>
        <p:sp>
          <p:nvSpPr>
            <p:cNvPr id="47" name="Freeform 247"/>
            <p:cNvSpPr>
              <a:spLocks/>
            </p:cNvSpPr>
            <p:nvPr/>
          </p:nvSpPr>
          <p:spPr bwMode="auto">
            <a:xfrm>
              <a:off x="3160434" y="4865383"/>
              <a:ext cx="4788" cy="3238"/>
            </a:xfrm>
            <a:custGeom>
              <a:avLst/>
              <a:gdLst/>
              <a:ahLst/>
              <a:cxnLst>
                <a:cxn ang="0">
                  <a:pos x="0" y="1"/>
                </a:cxn>
                <a:cxn ang="0">
                  <a:pos x="0" y="0"/>
                </a:cxn>
                <a:cxn ang="0">
                  <a:pos x="0" y="1"/>
                </a:cxn>
              </a:cxnLst>
              <a:rect l="0" t="0" r="r" b="b"/>
              <a:pathLst>
                <a:path w="2" h="1">
                  <a:moveTo>
                    <a:pt x="0" y="1"/>
                  </a:moveTo>
                  <a:cubicBezTo>
                    <a:pt x="0" y="0"/>
                    <a:pt x="0" y="0"/>
                    <a:pt x="0" y="0"/>
                  </a:cubicBezTo>
                  <a:cubicBezTo>
                    <a:pt x="2" y="0"/>
                    <a:pt x="0" y="0"/>
                    <a:pt x="0" y="1"/>
                  </a:cubicBezTo>
                </a:path>
              </a:pathLst>
            </a:custGeom>
            <a:grpFill/>
            <a:ln w="6350" cmpd="sng">
              <a:solidFill>
                <a:schemeClr val="bg1"/>
              </a:solidFill>
              <a:round/>
              <a:headEnd/>
              <a:tailEnd/>
            </a:ln>
          </p:spPr>
          <p:txBody>
            <a:bodyPr/>
            <a:lstStyle/>
            <a:p>
              <a:endParaRPr lang="en-GB" sz="1633" dirty="0"/>
            </a:p>
          </p:txBody>
        </p:sp>
        <p:sp>
          <p:nvSpPr>
            <p:cNvPr id="48" name="Freeform 248"/>
            <p:cNvSpPr>
              <a:spLocks/>
            </p:cNvSpPr>
            <p:nvPr/>
          </p:nvSpPr>
          <p:spPr bwMode="auto">
            <a:xfrm>
              <a:off x="3157242" y="4857288"/>
              <a:ext cx="3192" cy="3238"/>
            </a:xfrm>
            <a:custGeom>
              <a:avLst/>
              <a:gdLst/>
              <a:ahLst/>
              <a:cxnLst>
                <a:cxn ang="0">
                  <a:pos x="1" y="1"/>
                </a:cxn>
                <a:cxn ang="0">
                  <a:pos x="1" y="0"/>
                </a:cxn>
                <a:cxn ang="0">
                  <a:pos x="1" y="1"/>
                </a:cxn>
              </a:cxnLst>
              <a:rect l="0" t="0" r="r" b="b"/>
              <a:pathLst>
                <a:path w="1" h="1">
                  <a:moveTo>
                    <a:pt x="1" y="1"/>
                  </a:moveTo>
                  <a:cubicBezTo>
                    <a:pt x="0" y="1"/>
                    <a:pt x="1" y="0"/>
                    <a:pt x="1" y="0"/>
                  </a:cubicBezTo>
                  <a:cubicBezTo>
                    <a:pt x="1" y="1"/>
                    <a:pt x="1" y="1"/>
                    <a:pt x="1" y="1"/>
                  </a:cubicBezTo>
                </a:path>
              </a:pathLst>
            </a:custGeom>
            <a:grpFill/>
            <a:ln w="6350" cmpd="sng">
              <a:solidFill>
                <a:schemeClr val="bg1"/>
              </a:solidFill>
              <a:round/>
              <a:headEnd/>
              <a:tailEnd/>
            </a:ln>
          </p:spPr>
          <p:txBody>
            <a:bodyPr/>
            <a:lstStyle/>
            <a:p>
              <a:endParaRPr lang="en-GB" sz="1633" dirty="0"/>
            </a:p>
          </p:txBody>
        </p:sp>
        <p:sp>
          <p:nvSpPr>
            <p:cNvPr id="49" name="Freeform 249"/>
            <p:cNvSpPr>
              <a:spLocks/>
            </p:cNvSpPr>
            <p:nvPr/>
          </p:nvSpPr>
          <p:spPr bwMode="auto">
            <a:xfrm>
              <a:off x="3160434" y="4777960"/>
              <a:ext cx="7980" cy="16190"/>
            </a:xfrm>
            <a:custGeom>
              <a:avLst/>
              <a:gdLst/>
              <a:ahLst/>
              <a:cxnLst>
                <a:cxn ang="0">
                  <a:pos x="0" y="3"/>
                </a:cxn>
                <a:cxn ang="0">
                  <a:pos x="3" y="2"/>
                </a:cxn>
                <a:cxn ang="0">
                  <a:pos x="0" y="3"/>
                </a:cxn>
              </a:cxnLst>
              <a:rect l="0" t="0" r="r" b="b"/>
              <a:pathLst>
                <a:path w="3" h="5">
                  <a:moveTo>
                    <a:pt x="0" y="3"/>
                  </a:moveTo>
                  <a:cubicBezTo>
                    <a:pt x="0" y="2"/>
                    <a:pt x="3" y="0"/>
                    <a:pt x="3" y="2"/>
                  </a:cubicBezTo>
                  <a:cubicBezTo>
                    <a:pt x="3" y="3"/>
                    <a:pt x="0" y="5"/>
                    <a:pt x="0" y="3"/>
                  </a:cubicBezTo>
                </a:path>
              </a:pathLst>
            </a:custGeom>
            <a:grpFill/>
            <a:ln w="6350" cmpd="sng">
              <a:solidFill>
                <a:schemeClr val="bg1"/>
              </a:solidFill>
              <a:round/>
              <a:headEnd/>
              <a:tailEnd/>
            </a:ln>
          </p:spPr>
          <p:txBody>
            <a:bodyPr/>
            <a:lstStyle/>
            <a:p>
              <a:endParaRPr lang="en-GB" sz="1633" dirty="0"/>
            </a:p>
          </p:txBody>
        </p:sp>
        <p:sp>
          <p:nvSpPr>
            <p:cNvPr id="50" name="Freeform 250"/>
            <p:cNvSpPr>
              <a:spLocks/>
            </p:cNvSpPr>
            <p:nvPr/>
          </p:nvSpPr>
          <p:spPr bwMode="auto">
            <a:xfrm>
              <a:off x="3131705" y="4797388"/>
              <a:ext cx="33517" cy="24284"/>
            </a:xfrm>
            <a:custGeom>
              <a:avLst/>
              <a:gdLst/>
              <a:ahLst/>
              <a:cxnLst>
                <a:cxn ang="0">
                  <a:pos x="6" y="8"/>
                </a:cxn>
                <a:cxn ang="0">
                  <a:pos x="1" y="8"/>
                </a:cxn>
                <a:cxn ang="0">
                  <a:pos x="4" y="5"/>
                </a:cxn>
                <a:cxn ang="0">
                  <a:pos x="4" y="2"/>
                </a:cxn>
                <a:cxn ang="0">
                  <a:pos x="9" y="2"/>
                </a:cxn>
                <a:cxn ang="0">
                  <a:pos x="6" y="8"/>
                </a:cxn>
              </a:cxnLst>
              <a:rect l="0" t="0" r="r" b="b"/>
              <a:pathLst>
                <a:path w="11" h="8">
                  <a:moveTo>
                    <a:pt x="6" y="8"/>
                  </a:moveTo>
                  <a:cubicBezTo>
                    <a:pt x="1" y="8"/>
                    <a:pt x="0" y="8"/>
                    <a:pt x="1" y="8"/>
                  </a:cubicBezTo>
                  <a:cubicBezTo>
                    <a:pt x="4" y="6"/>
                    <a:pt x="4" y="6"/>
                    <a:pt x="4" y="5"/>
                  </a:cubicBezTo>
                  <a:cubicBezTo>
                    <a:pt x="4" y="2"/>
                    <a:pt x="1" y="2"/>
                    <a:pt x="4" y="2"/>
                  </a:cubicBezTo>
                  <a:cubicBezTo>
                    <a:pt x="9" y="0"/>
                    <a:pt x="11" y="0"/>
                    <a:pt x="9" y="2"/>
                  </a:cubicBezTo>
                  <a:cubicBezTo>
                    <a:pt x="8" y="3"/>
                    <a:pt x="11" y="8"/>
                    <a:pt x="6" y="8"/>
                  </a:cubicBezTo>
                </a:path>
              </a:pathLst>
            </a:custGeom>
            <a:grpFill/>
            <a:ln w="6350" cmpd="sng">
              <a:solidFill>
                <a:schemeClr val="bg1"/>
              </a:solidFill>
              <a:round/>
              <a:headEnd/>
              <a:tailEnd/>
            </a:ln>
          </p:spPr>
          <p:txBody>
            <a:bodyPr/>
            <a:lstStyle/>
            <a:p>
              <a:endParaRPr lang="en-GB" sz="1633" dirty="0"/>
            </a:p>
          </p:txBody>
        </p:sp>
        <p:sp>
          <p:nvSpPr>
            <p:cNvPr id="51" name="Freeform 251"/>
            <p:cNvSpPr>
              <a:spLocks/>
            </p:cNvSpPr>
            <p:nvPr/>
          </p:nvSpPr>
          <p:spPr bwMode="auto">
            <a:xfrm>
              <a:off x="3134897" y="4753676"/>
              <a:ext cx="12769" cy="8095"/>
            </a:xfrm>
            <a:custGeom>
              <a:avLst/>
              <a:gdLst/>
              <a:ahLst/>
              <a:cxnLst>
                <a:cxn ang="0">
                  <a:pos x="2" y="3"/>
                </a:cxn>
                <a:cxn ang="0">
                  <a:pos x="2" y="0"/>
                </a:cxn>
                <a:cxn ang="0">
                  <a:pos x="2" y="3"/>
                </a:cxn>
              </a:cxnLst>
              <a:rect l="0" t="0" r="r" b="b"/>
              <a:pathLst>
                <a:path w="4" h="3">
                  <a:moveTo>
                    <a:pt x="2" y="3"/>
                  </a:moveTo>
                  <a:cubicBezTo>
                    <a:pt x="0" y="3"/>
                    <a:pt x="2" y="0"/>
                    <a:pt x="2" y="0"/>
                  </a:cubicBezTo>
                  <a:cubicBezTo>
                    <a:pt x="4" y="0"/>
                    <a:pt x="4" y="3"/>
                    <a:pt x="2" y="3"/>
                  </a:cubicBezTo>
                </a:path>
              </a:pathLst>
            </a:custGeom>
            <a:grpFill/>
            <a:ln w="6350" cmpd="sng">
              <a:solidFill>
                <a:schemeClr val="bg1"/>
              </a:solidFill>
              <a:round/>
              <a:headEnd/>
              <a:tailEnd/>
            </a:ln>
          </p:spPr>
          <p:txBody>
            <a:bodyPr/>
            <a:lstStyle/>
            <a:p>
              <a:endParaRPr lang="en-GB" sz="1633" dirty="0"/>
            </a:p>
          </p:txBody>
        </p:sp>
        <p:sp>
          <p:nvSpPr>
            <p:cNvPr id="52" name="Freeform 252"/>
            <p:cNvSpPr>
              <a:spLocks/>
            </p:cNvSpPr>
            <p:nvPr/>
          </p:nvSpPr>
          <p:spPr bwMode="auto">
            <a:xfrm>
              <a:off x="3150857" y="4718059"/>
              <a:ext cx="6384" cy="9713"/>
            </a:xfrm>
            <a:custGeom>
              <a:avLst/>
              <a:gdLst/>
              <a:ahLst/>
              <a:cxnLst>
                <a:cxn ang="0">
                  <a:pos x="0" y="3"/>
                </a:cxn>
                <a:cxn ang="0">
                  <a:pos x="2" y="0"/>
                </a:cxn>
                <a:cxn ang="0">
                  <a:pos x="0" y="3"/>
                </a:cxn>
              </a:cxnLst>
              <a:rect l="0" t="0" r="r" b="b"/>
              <a:pathLst>
                <a:path w="2" h="3">
                  <a:moveTo>
                    <a:pt x="0" y="3"/>
                  </a:moveTo>
                  <a:cubicBezTo>
                    <a:pt x="0" y="2"/>
                    <a:pt x="0" y="0"/>
                    <a:pt x="2" y="0"/>
                  </a:cubicBezTo>
                  <a:cubicBezTo>
                    <a:pt x="2" y="0"/>
                    <a:pt x="2" y="3"/>
                    <a:pt x="0" y="3"/>
                  </a:cubicBezTo>
                </a:path>
              </a:pathLst>
            </a:custGeom>
            <a:grpFill/>
            <a:ln w="6350" cmpd="sng">
              <a:solidFill>
                <a:schemeClr val="bg1"/>
              </a:solidFill>
              <a:round/>
              <a:headEnd/>
              <a:tailEnd/>
            </a:ln>
          </p:spPr>
          <p:txBody>
            <a:bodyPr/>
            <a:lstStyle/>
            <a:p>
              <a:endParaRPr lang="en-GB" sz="1633" dirty="0"/>
            </a:p>
          </p:txBody>
        </p:sp>
        <p:sp>
          <p:nvSpPr>
            <p:cNvPr id="53" name="Freeform 253"/>
            <p:cNvSpPr>
              <a:spLocks/>
            </p:cNvSpPr>
            <p:nvPr/>
          </p:nvSpPr>
          <p:spPr bwMode="auto">
            <a:xfrm>
              <a:off x="3157242" y="4697013"/>
              <a:ext cx="7980" cy="12952"/>
            </a:xfrm>
            <a:custGeom>
              <a:avLst/>
              <a:gdLst/>
              <a:ahLst/>
              <a:cxnLst>
                <a:cxn ang="0">
                  <a:pos x="0" y="4"/>
                </a:cxn>
                <a:cxn ang="0">
                  <a:pos x="1" y="1"/>
                </a:cxn>
                <a:cxn ang="0">
                  <a:pos x="1" y="3"/>
                </a:cxn>
                <a:cxn ang="0">
                  <a:pos x="0" y="4"/>
                </a:cxn>
              </a:cxnLst>
              <a:rect l="0" t="0" r="r" b="b"/>
              <a:pathLst>
                <a:path w="3" h="4">
                  <a:moveTo>
                    <a:pt x="0" y="4"/>
                  </a:moveTo>
                  <a:cubicBezTo>
                    <a:pt x="0" y="3"/>
                    <a:pt x="0" y="1"/>
                    <a:pt x="1" y="1"/>
                  </a:cubicBezTo>
                  <a:cubicBezTo>
                    <a:pt x="1" y="0"/>
                    <a:pt x="3" y="1"/>
                    <a:pt x="1" y="3"/>
                  </a:cubicBezTo>
                  <a:cubicBezTo>
                    <a:pt x="1" y="4"/>
                    <a:pt x="1" y="4"/>
                    <a:pt x="0" y="4"/>
                  </a:cubicBezTo>
                </a:path>
              </a:pathLst>
            </a:custGeom>
            <a:grpFill/>
            <a:ln w="6350" cmpd="sng">
              <a:solidFill>
                <a:schemeClr val="bg1"/>
              </a:solidFill>
              <a:round/>
              <a:headEnd/>
              <a:tailEnd/>
            </a:ln>
          </p:spPr>
          <p:txBody>
            <a:bodyPr/>
            <a:lstStyle/>
            <a:p>
              <a:endParaRPr lang="en-GB" sz="1633" dirty="0"/>
            </a:p>
          </p:txBody>
        </p:sp>
        <p:sp>
          <p:nvSpPr>
            <p:cNvPr id="54" name="Freeform 254"/>
            <p:cNvSpPr>
              <a:spLocks/>
            </p:cNvSpPr>
            <p:nvPr/>
          </p:nvSpPr>
          <p:spPr bwMode="auto">
            <a:xfrm>
              <a:off x="3147665" y="4650064"/>
              <a:ext cx="3192" cy="14570"/>
            </a:xfrm>
            <a:custGeom>
              <a:avLst/>
              <a:gdLst/>
              <a:ahLst/>
              <a:cxnLst>
                <a:cxn ang="0">
                  <a:pos x="1" y="3"/>
                </a:cxn>
                <a:cxn ang="0">
                  <a:pos x="0" y="2"/>
                </a:cxn>
                <a:cxn ang="0">
                  <a:pos x="1" y="0"/>
                </a:cxn>
                <a:cxn ang="0">
                  <a:pos x="1" y="3"/>
                </a:cxn>
              </a:cxnLst>
              <a:rect l="0" t="0" r="r" b="b"/>
              <a:pathLst>
                <a:path w="1" h="5">
                  <a:moveTo>
                    <a:pt x="1" y="3"/>
                  </a:moveTo>
                  <a:cubicBezTo>
                    <a:pt x="0" y="5"/>
                    <a:pt x="1" y="3"/>
                    <a:pt x="0" y="2"/>
                  </a:cubicBezTo>
                  <a:cubicBezTo>
                    <a:pt x="0" y="0"/>
                    <a:pt x="0" y="0"/>
                    <a:pt x="1" y="0"/>
                  </a:cubicBezTo>
                  <a:cubicBezTo>
                    <a:pt x="1" y="3"/>
                    <a:pt x="1" y="3"/>
                    <a:pt x="1" y="3"/>
                  </a:cubicBezTo>
                </a:path>
              </a:pathLst>
            </a:custGeom>
            <a:grpFill/>
            <a:ln w="6350" cmpd="sng">
              <a:solidFill>
                <a:schemeClr val="bg1"/>
              </a:solidFill>
              <a:round/>
              <a:headEnd/>
              <a:tailEnd/>
            </a:ln>
          </p:spPr>
          <p:txBody>
            <a:bodyPr/>
            <a:lstStyle/>
            <a:p>
              <a:endParaRPr lang="en-GB" sz="1633" dirty="0"/>
            </a:p>
          </p:txBody>
        </p:sp>
        <p:sp>
          <p:nvSpPr>
            <p:cNvPr id="55" name="Freeform 255"/>
            <p:cNvSpPr>
              <a:spLocks/>
            </p:cNvSpPr>
            <p:nvPr/>
          </p:nvSpPr>
          <p:spPr bwMode="auto">
            <a:xfrm>
              <a:off x="3187566" y="4718059"/>
              <a:ext cx="9577" cy="16190"/>
            </a:xfrm>
            <a:custGeom>
              <a:avLst/>
              <a:gdLst/>
              <a:ahLst/>
              <a:cxnLst>
                <a:cxn ang="0">
                  <a:pos x="3" y="3"/>
                </a:cxn>
                <a:cxn ang="0">
                  <a:pos x="2" y="2"/>
                </a:cxn>
                <a:cxn ang="0">
                  <a:pos x="2" y="2"/>
                </a:cxn>
                <a:cxn ang="0">
                  <a:pos x="3" y="3"/>
                </a:cxn>
              </a:cxnLst>
              <a:rect l="0" t="0" r="r" b="b"/>
              <a:pathLst>
                <a:path w="3" h="5">
                  <a:moveTo>
                    <a:pt x="3" y="3"/>
                  </a:moveTo>
                  <a:cubicBezTo>
                    <a:pt x="2" y="5"/>
                    <a:pt x="0" y="3"/>
                    <a:pt x="2" y="2"/>
                  </a:cubicBezTo>
                  <a:cubicBezTo>
                    <a:pt x="2" y="0"/>
                    <a:pt x="2" y="0"/>
                    <a:pt x="2" y="2"/>
                  </a:cubicBezTo>
                  <a:cubicBezTo>
                    <a:pt x="3" y="2"/>
                    <a:pt x="3" y="2"/>
                    <a:pt x="3" y="3"/>
                  </a:cubicBezTo>
                </a:path>
              </a:pathLst>
            </a:custGeom>
            <a:grpFill/>
            <a:ln w="6350" cmpd="sng">
              <a:solidFill>
                <a:schemeClr val="bg1"/>
              </a:solidFill>
              <a:round/>
              <a:headEnd/>
              <a:tailEnd/>
            </a:ln>
          </p:spPr>
          <p:txBody>
            <a:bodyPr/>
            <a:lstStyle/>
            <a:p>
              <a:endParaRPr lang="en-GB" sz="1633" dirty="0"/>
            </a:p>
          </p:txBody>
        </p:sp>
        <p:sp>
          <p:nvSpPr>
            <p:cNvPr id="56" name="Freeform 256"/>
            <p:cNvSpPr>
              <a:spLocks/>
            </p:cNvSpPr>
            <p:nvPr/>
          </p:nvSpPr>
          <p:spPr bwMode="auto">
            <a:xfrm>
              <a:off x="3048710" y="4567498"/>
              <a:ext cx="3192" cy="6475"/>
            </a:xfrm>
            <a:custGeom>
              <a:avLst/>
              <a:gdLst/>
              <a:ahLst/>
              <a:cxnLst>
                <a:cxn ang="0">
                  <a:pos x="0" y="2"/>
                </a:cxn>
                <a:cxn ang="0">
                  <a:pos x="1" y="2"/>
                </a:cxn>
                <a:cxn ang="0">
                  <a:pos x="0" y="2"/>
                </a:cxn>
              </a:cxnLst>
              <a:rect l="0" t="0" r="r" b="b"/>
              <a:pathLst>
                <a:path w="1" h="2">
                  <a:moveTo>
                    <a:pt x="0" y="2"/>
                  </a:moveTo>
                  <a:cubicBezTo>
                    <a:pt x="0" y="2"/>
                    <a:pt x="1" y="0"/>
                    <a:pt x="1" y="2"/>
                  </a:cubicBezTo>
                  <a:cubicBezTo>
                    <a:pt x="0" y="2"/>
                    <a:pt x="0" y="2"/>
                    <a:pt x="0" y="2"/>
                  </a:cubicBezTo>
                </a:path>
              </a:pathLst>
            </a:custGeom>
            <a:grpFill/>
            <a:ln w="6350" cmpd="sng">
              <a:solidFill>
                <a:schemeClr val="bg1"/>
              </a:solidFill>
              <a:round/>
              <a:headEnd/>
              <a:tailEnd/>
            </a:ln>
          </p:spPr>
          <p:txBody>
            <a:bodyPr/>
            <a:lstStyle/>
            <a:p>
              <a:endParaRPr lang="en-GB" sz="1633" dirty="0"/>
            </a:p>
          </p:txBody>
        </p:sp>
        <p:sp>
          <p:nvSpPr>
            <p:cNvPr id="57" name="Freeform 257"/>
            <p:cNvSpPr>
              <a:spLocks/>
            </p:cNvSpPr>
            <p:nvPr/>
          </p:nvSpPr>
          <p:spPr bwMode="auto">
            <a:xfrm>
              <a:off x="3059883" y="4583687"/>
              <a:ext cx="12769" cy="3238"/>
            </a:xfrm>
            <a:custGeom>
              <a:avLst/>
              <a:gdLst/>
              <a:ahLst/>
              <a:cxnLst>
                <a:cxn ang="0">
                  <a:pos x="0" y="0"/>
                </a:cxn>
                <a:cxn ang="0">
                  <a:pos x="4" y="0"/>
                </a:cxn>
                <a:cxn ang="0">
                  <a:pos x="0" y="0"/>
                </a:cxn>
              </a:cxnLst>
              <a:rect l="0" t="0" r="r" b="b"/>
              <a:pathLst>
                <a:path w="4" h="1">
                  <a:moveTo>
                    <a:pt x="0" y="0"/>
                  </a:moveTo>
                  <a:cubicBezTo>
                    <a:pt x="0" y="0"/>
                    <a:pt x="2" y="0"/>
                    <a:pt x="4" y="0"/>
                  </a:cubicBezTo>
                  <a:cubicBezTo>
                    <a:pt x="4" y="0"/>
                    <a:pt x="0" y="1"/>
                    <a:pt x="0" y="0"/>
                  </a:cubicBezTo>
                </a:path>
              </a:pathLst>
            </a:custGeom>
            <a:grpFill/>
            <a:ln w="6350" cmpd="sng">
              <a:solidFill>
                <a:schemeClr val="bg1"/>
              </a:solidFill>
              <a:round/>
              <a:headEnd/>
              <a:tailEnd/>
            </a:ln>
          </p:spPr>
          <p:txBody>
            <a:bodyPr/>
            <a:lstStyle/>
            <a:p>
              <a:endParaRPr lang="en-GB" sz="1633" dirty="0"/>
            </a:p>
          </p:txBody>
        </p:sp>
        <p:sp>
          <p:nvSpPr>
            <p:cNvPr id="58" name="Freeform 258"/>
            <p:cNvSpPr>
              <a:spLocks/>
            </p:cNvSpPr>
            <p:nvPr/>
          </p:nvSpPr>
          <p:spPr bwMode="auto">
            <a:xfrm>
              <a:off x="3150857" y="4667872"/>
              <a:ext cx="14364" cy="22665"/>
            </a:xfrm>
            <a:custGeom>
              <a:avLst/>
              <a:gdLst/>
              <a:ahLst/>
              <a:cxnLst>
                <a:cxn ang="0">
                  <a:pos x="3" y="5"/>
                </a:cxn>
                <a:cxn ang="0">
                  <a:pos x="2" y="2"/>
                </a:cxn>
                <a:cxn ang="0">
                  <a:pos x="3" y="2"/>
                </a:cxn>
                <a:cxn ang="0">
                  <a:pos x="5" y="7"/>
                </a:cxn>
                <a:cxn ang="0">
                  <a:pos x="3" y="5"/>
                </a:cxn>
              </a:cxnLst>
              <a:rect l="0" t="0" r="r" b="b"/>
              <a:pathLst>
                <a:path w="5" h="7">
                  <a:moveTo>
                    <a:pt x="3" y="5"/>
                  </a:moveTo>
                  <a:cubicBezTo>
                    <a:pt x="0" y="5"/>
                    <a:pt x="2" y="3"/>
                    <a:pt x="2" y="2"/>
                  </a:cubicBezTo>
                  <a:cubicBezTo>
                    <a:pt x="0" y="2"/>
                    <a:pt x="2" y="0"/>
                    <a:pt x="3" y="2"/>
                  </a:cubicBezTo>
                  <a:cubicBezTo>
                    <a:pt x="5" y="3"/>
                    <a:pt x="5" y="7"/>
                    <a:pt x="5" y="7"/>
                  </a:cubicBezTo>
                  <a:cubicBezTo>
                    <a:pt x="3" y="7"/>
                    <a:pt x="5" y="5"/>
                    <a:pt x="3" y="5"/>
                  </a:cubicBezTo>
                </a:path>
              </a:pathLst>
            </a:custGeom>
            <a:grpFill/>
            <a:ln w="6350" cmpd="sng">
              <a:solidFill>
                <a:schemeClr val="bg1"/>
              </a:solidFill>
              <a:round/>
              <a:headEnd/>
              <a:tailEnd/>
            </a:ln>
          </p:spPr>
          <p:txBody>
            <a:bodyPr/>
            <a:lstStyle/>
            <a:p>
              <a:endParaRPr lang="en-GB" sz="1633" dirty="0"/>
            </a:p>
          </p:txBody>
        </p:sp>
        <p:sp>
          <p:nvSpPr>
            <p:cNvPr id="59" name="Freeform 259"/>
            <p:cNvSpPr>
              <a:spLocks/>
            </p:cNvSpPr>
            <p:nvPr/>
          </p:nvSpPr>
          <p:spPr bwMode="auto">
            <a:xfrm>
              <a:off x="3134897" y="4620923"/>
              <a:ext cx="12769" cy="19427"/>
            </a:xfrm>
            <a:custGeom>
              <a:avLst/>
              <a:gdLst/>
              <a:ahLst/>
              <a:cxnLst>
                <a:cxn ang="0">
                  <a:pos x="2" y="5"/>
                </a:cxn>
                <a:cxn ang="0">
                  <a:pos x="0" y="2"/>
                </a:cxn>
                <a:cxn ang="0">
                  <a:pos x="2" y="3"/>
                </a:cxn>
                <a:cxn ang="0">
                  <a:pos x="2" y="5"/>
                </a:cxn>
              </a:cxnLst>
              <a:rect l="0" t="0" r="r" b="b"/>
              <a:pathLst>
                <a:path w="4" h="6">
                  <a:moveTo>
                    <a:pt x="2" y="5"/>
                  </a:moveTo>
                  <a:cubicBezTo>
                    <a:pt x="2" y="6"/>
                    <a:pt x="0" y="5"/>
                    <a:pt x="0" y="2"/>
                  </a:cubicBezTo>
                  <a:cubicBezTo>
                    <a:pt x="2" y="0"/>
                    <a:pt x="4" y="3"/>
                    <a:pt x="2" y="3"/>
                  </a:cubicBezTo>
                  <a:cubicBezTo>
                    <a:pt x="2" y="5"/>
                    <a:pt x="4" y="5"/>
                    <a:pt x="2" y="5"/>
                  </a:cubicBezTo>
                </a:path>
              </a:pathLst>
            </a:custGeom>
            <a:grpFill/>
            <a:ln w="6350" cmpd="sng">
              <a:solidFill>
                <a:schemeClr val="bg1"/>
              </a:solidFill>
              <a:round/>
              <a:headEnd/>
              <a:tailEnd/>
            </a:ln>
          </p:spPr>
          <p:txBody>
            <a:bodyPr/>
            <a:lstStyle/>
            <a:p>
              <a:endParaRPr lang="en-GB" sz="1633" dirty="0"/>
            </a:p>
          </p:txBody>
        </p:sp>
        <p:sp>
          <p:nvSpPr>
            <p:cNvPr id="60" name="Freeform 260"/>
            <p:cNvSpPr>
              <a:spLocks/>
            </p:cNvSpPr>
            <p:nvPr/>
          </p:nvSpPr>
          <p:spPr bwMode="auto">
            <a:xfrm>
              <a:off x="3141281" y="4620923"/>
              <a:ext cx="15960" cy="9713"/>
            </a:xfrm>
            <a:custGeom>
              <a:avLst/>
              <a:gdLst/>
              <a:ahLst/>
              <a:cxnLst>
                <a:cxn ang="0">
                  <a:pos x="1" y="3"/>
                </a:cxn>
                <a:cxn ang="0">
                  <a:pos x="1" y="2"/>
                </a:cxn>
                <a:cxn ang="0">
                  <a:pos x="3" y="2"/>
                </a:cxn>
                <a:cxn ang="0">
                  <a:pos x="5" y="3"/>
                </a:cxn>
                <a:cxn ang="0">
                  <a:pos x="3" y="3"/>
                </a:cxn>
                <a:cxn ang="0">
                  <a:pos x="1" y="3"/>
                </a:cxn>
              </a:cxnLst>
              <a:rect l="0" t="0" r="r" b="b"/>
              <a:pathLst>
                <a:path w="5" h="3">
                  <a:moveTo>
                    <a:pt x="1" y="3"/>
                  </a:moveTo>
                  <a:cubicBezTo>
                    <a:pt x="0" y="2"/>
                    <a:pt x="1" y="2"/>
                    <a:pt x="1" y="2"/>
                  </a:cubicBezTo>
                  <a:cubicBezTo>
                    <a:pt x="1" y="0"/>
                    <a:pt x="1" y="0"/>
                    <a:pt x="3" y="2"/>
                  </a:cubicBezTo>
                  <a:cubicBezTo>
                    <a:pt x="3" y="2"/>
                    <a:pt x="3" y="2"/>
                    <a:pt x="5" y="3"/>
                  </a:cubicBezTo>
                  <a:cubicBezTo>
                    <a:pt x="3" y="3"/>
                    <a:pt x="3" y="3"/>
                    <a:pt x="3" y="3"/>
                  </a:cubicBezTo>
                  <a:cubicBezTo>
                    <a:pt x="1" y="3"/>
                    <a:pt x="1" y="3"/>
                    <a:pt x="1" y="3"/>
                  </a:cubicBezTo>
                </a:path>
              </a:pathLst>
            </a:custGeom>
            <a:grpFill/>
            <a:ln w="6350" cmpd="sng">
              <a:solidFill>
                <a:schemeClr val="bg1"/>
              </a:solidFill>
              <a:round/>
              <a:headEnd/>
              <a:tailEnd/>
            </a:ln>
          </p:spPr>
          <p:txBody>
            <a:bodyPr/>
            <a:lstStyle/>
            <a:p>
              <a:endParaRPr lang="en-GB" sz="1633" dirty="0"/>
            </a:p>
          </p:txBody>
        </p:sp>
        <p:sp>
          <p:nvSpPr>
            <p:cNvPr id="61" name="Freeform 261"/>
            <p:cNvSpPr>
              <a:spLocks/>
            </p:cNvSpPr>
            <p:nvPr/>
          </p:nvSpPr>
          <p:spPr bwMode="auto">
            <a:xfrm>
              <a:off x="3150857" y="4637112"/>
              <a:ext cx="6384" cy="3238"/>
            </a:xfrm>
            <a:custGeom>
              <a:avLst/>
              <a:gdLst/>
              <a:ahLst/>
              <a:cxnLst>
                <a:cxn ang="0">
                  <a:pos x="0" y="1"/>
                </a:cxn>
                <a:cxn ang="0">
                  <a:pos x="0" y="0"/>
                </a:cxn>
                <a:cxn ang="0">
                  <a:pos x="0" y="1"/>
                </a:cxn>
              </a:cxnLst>
              <a:rect l="0" t="0" r="r" b="b"/>
              <a:pathLst>
                <a:path w="2" h="1">
                  <a:moveTo>
                    <a:pt x="0" y="1"/>
                  </a:moveTo>
                  <a:cubicBezTo>
                    <a:pt x="0" y="1"/>
                    <a:pt x="0" y="1"/>
                    <a:pt x="0" y="0"/>
                  </a:cubicBezTo>
                  <a:cubicBezTo>
                    <a:pt x="0" y="0"/>
                    <a:pt x="2" y="1"/>
                    <a:pt x="0" y="1"/>
                  </a:cubicBezTo>
                </a:path>
              </a:pathLst>
            </a:custGeom>
            <a:grpFill/>
            <a:ln w="6350" cmpd="sng">
              <a:solidFill>
                <a:schemeClr val="bg1"/>
              </a:solidFill>
              <a:round/>
              <a:headEnd/>
              <a:tailEnd/>
            </a:ln>
          </p:spPr>
          <p:txBody>
            <a:bodyPr/>
            <a:lstStyle/>
            <a:p>
              <a:endParaRPr lang="en-GB" sz="1633" dirty="0"/>
            </a:p>
          </p:txBody>
        </p:sp>
        <p:sp>
          <p:nvSpPr>
            <p:cNvPr id="62" name="Freeform 262"/>
            <p:cNvSpPr>
              <a:spLocks/>
            </p:cNvSpPr>
            <p:nvPr/>
          </p:nvSpPr>
          <p:spPr bwMode="auto">
            <a:xfrm>
              <a:off x="3104572" y="4573973"/>
              <a:ext cx="6384" cy="3238"/>
            </a:xfrm>
            <a:custGeom>
              <a:avLst/>
              <a:gdLst/>
              <a:ahLst/>
              <a:cxnLst>
                <a:cxn ang="0">
                  <a:pos x="2" y="1"/>
                </a:cxn>
                <a:cxn ang="0">
                  <a:pos x="2" y="0"/>
                </a:cxn>
                <a:cxn ang="0">
                  <a:pos x="2" y="1"/>
                </a:cxn>
              </a:cxnLst>
              <a:rect l="0" t="0" r="r" b="b"/>
              <a:pathLst>
                <a:path w="2" h="1">
                  <a:moveTo>
                    <a:pt x="2" y="1"/>
                  </a:moveTo>
                  <a:cubicBezTo>
                    <a:pt x="0" y="0"/>
                    <a:pt x="2" y="0"/>
                    <a:pt x="2" y="0"/>
                  </a:cubicBezTo>
                  <a:cubicBezTo>
                    <a:pt x="2" y="1"/>
                    <a:pt x="2" y="1"/>
                    <a:pt x="2" y="1"/>
                  </a:cubicBezTo>
                </a:path>
              </a:pathLst>
            </a:custGeom>
            <a:grpFill/>
            <a:ln w="6350" cmpd="sng">
              <a:solidFill>
                <a:schemeClr val="bg1"/>
              </a:solidFill>
              <a:round/>
              <a:headEnd/>
              <a:tailEnd/>
            </a:ln>
          </p:spPr>
          <p:txBody>
            <a:bodyPr/>
            <a:lstStyle/>
            <a:p>
              <a:endParaRPr lang="en-GB" sz="1633" dirty="0"/>
            </a:p>
          </p:txBody>
        </p:sp>
        <p:sp>
          <p:nvSpPr>
            <p:cNvPr id="63" name="Freeform 263"/>
            <p:cNvSpPr>
              <a:spLocks/>
            </p:cNvSpPr>
            <p:nvPr/>
          </p:nvSpPr>
          <p:spPr bwMode="auto">
            <a:xfrm>
              <a:off x="3104572" y="4561022"/>
              <a:ext cx="6384" cy="12952"/>
            </a:xfrm>
            <a:custGeom>
              <a:avLst/>
              <a:gdLst/>
              <a:ahLst/>
              <a:cxnLst>
                <a:cxn ang="0">
                  <a:pos x="0" y="2"/>
                </a:cxn>
                <a:cxn ang="0">
                  <a:pos x="2" y="2"/>
                </a:cxn>
                <a:cxn ang="0">
                  <a:pos x="0" y="2"/>
                </a:cxn>
              </a:cxnLst>
              <a:rect l="0" t="0" r="r" b="b"/>
              <a:pathLst>
                <a:path w="2" h="4">
                  <a:moveTo>
                    <a:pt x="0" y="2"/>
                  </a:moveTo>
                  <a:cubicBezTo>
                    <a:pt x="0" y="2"/>
                    <a:pt x="2" y="0"/>
                    <a:pt x="2" y="2"/>
                  </a:cubicBezTo>
                  <a:cubicBezTo>
                    <a:pt x="2" y="2"/>
                    <a:pt x="0" y="4"/>
                    <a:pt x="0" y="2"/>
                  </a:cubicBezTo>
                </a:path>
              </a:pathLst>
            </a:custGeom>
            <a:grpFill/>
            <a:ln w="6350" cmpd="sng">
              <a:solidFill>
                <a:schemeClr val="bg1"/>
              </a:solidFill>
              <a:round/>
              <a:headEnd/>
              <a:tailEnd/>
            </a:ln>
          </p:spPr>
          <p:txBody>
            <a:bodyPr/>
            <a:lstStyle/>
            <a:p>
              <a:endParaRPr lang="en-GB" sz="1633" dirty="0"/>
            </a:p>
          </p:txBody>
        </p:sp>
        <p:sp>
          <p:nvSpPr>
            <p:cNvPr id="64" name="Freeform 264"/>
            <p:cNvSpPr>
              <a:spLocks/>
            </p:cNvSpPr>
            <p:nvPr/>
          </p:nvSpPr>
          <p:spPr bwMode="auto">
            <a:xfrm>
              <a:off x="3125320" y="4611210"/>
              <a:ext cx="6384" cy="6475"/>
            </a:xfrm>
            <a:custGeom>
              <a:avLst/>
              <a:gdLst/>
              <a:ahLst/>
              <a:cxnLst>
                <a:cxn ang="0">
                  <a:pos x="0" y="2"/>
                </a:cxn>
                <a:cxn ang="0">
                  <a:pos x="0" y="0"/>
                </a:cxn>
                <a:cxn ang="0">
                  <a:pos x="0" y="2"/>
                </a:cxn>
              </a:cxnLst>
              <a:rect l="0" t="0" r="r" b="b"/>
              <a:pathLst>
                <a:path w="2" h="2">
                  <a:moveTo>
                    <a:pt x="0" y="2"/>
                  </a:moveTo>
                  <a:cubicBezTo>
                    <a:pt x="0" y="0"/>
                    <a:pt x="0" y="0"/>
                    <a:pt x="0" y="0"/>
                  </a:cubicBezTo>
                  <a:cubicBezTo>
                    <a:pt x="2" y="0"/>
                    <a:pt x="2" y="2"/>
                    <a:pt x="0" y="2"/>
                  </a:cubicBezTo>
                </a:path>
              </a:pathLst>
            </a:custGeom>
            <a:grpFill/>
            <a:ln w="6350" cmpd="sng">
              <a:solidFill>
                <a:schemeClr val="bg1"/>
              </a:solidFill>
              <a:round/>
              <a:headEnd/>
              <a:tailEnd/>
            </a:ln>
          </p:spPr>
          <p:txBody>
            <a:bodyPr/>
            <a:lstStyle/>
            <a:p>
              <a:endParaRPr lang="en-GB" sz="1633" dirty="0"/>
            </a:p>
          </p:txBody>
        </p:sp>
        <p:sp>
          <p:nvSpPr>
            <p:cNvPr id="65" name="Freeform 265"/>
            <p:cNvSpPr>
              <a:spLocks/>
            </p:cNvSpPr>
            <p:nvPr/>
          </p:nvSpPr>
          <p:spPr bwMode="auto">
            <a:xfrm>
              <a:off x="3118936" y="4596638"/>
              <a:ext cx="3192" cy="6475"/>
            </a:xfrm>
            <a:custGeom>
              <a:avLst/>
              <a:gdLst/>
              <a:ahLst/>
              <a:cxnLst>
                <a:cxn ang="0">
                  <a:pos x="1" y="2"/>
                </a:cxn>
                <a:cxn ang="0">
                  <a:pos x="0" y="2"/>
                </a:cxn>
                <a:cxn ang="0">
                  <a:pos x="1" y="2"/>
                </a:cxn>
              </a:cxnLst>
              <a:rect l="0" t="0" r="r" b="b"/>
              <a:pathLst>
                <a:path w="1" h="2">
                  <a:moveTo>
                    <a:pt x="1" y="2"/>
                  </a:moveTo>
                  <a:cubicBezTo>
                    <a:pt x="0" y="2"/>
                    <a:pt x="0" y="2"/>
                    <a:pt x="0" y="2"/>
                  </a:cubicBezTo>
                  <a:cubicBezTo>
                    <a:pt x="0" y="0"/>
                    <a:pt x="1" y="2"/>
                    <a:pt x="1" y="2"/>
                  </a:cubicBezTo>
                </a:path>
              </a:pathLst>
            </a:custGeom>
            <a:grpFill/>
            <a:ln w="6350" cmpd="sng">
              <a:solidFill>
                <a:schemeClr val="bg1"/>
              </a:solidFill>
              <a:round/>
              <a:headEnd/>
              <a:tailEnd/>
            </a:ln>
          </p:spPr>
          <p:txBody>
            <a:bodyPr/>
            <a:lstStyle/>
            <a:p>
              <a:endParaRPr lang="en-GB" sz="1633" dirty="0"/>
            </a:p>
          </p:txBody>
        </p:sp>
        <p:sp>
          <p:nvSpPr>
            <p:cNvPr id="66" name="Freeform 266"/>
            <p:cNvSpPr>
              <a:spLocks/>
            </p:cNvSpPr>
            <p:nvPr/>
          </p:nvSpPr>
          <p:spPr bwMode="auto">
            <a:xfrm>
              <a:off x="3112552" y="4593400"/>
              <a:ext cx="6384" cy="9713"/>
            </a:xfrm>
            <a:custGeom>
              <a:avLst/>
              <a:gdLst/>
              <a:ahLst/>
              <a:cxnLst>
                <a:cxn ang="0">
                  <a:pos x="0" y="0"/>
                </a:cxn>
                <a:cxn ang="0">
                  <a:pos x="2" y="1"/>
                </a:cxn>
                <a:cxn ang="0">
                  <a:pos x="0" y="0"/>
                </a:cxn>
              </a:cxnLst>
              <a:rect l="0" t="0" r="r" b="b"/>
              <a:pathLst>
                <a:path w="2" h="3">
                  <a:moveTo>
                    <a:pt x="0" y="0"/>
                  </a:moveTo>
                  <a:cubicBezTo>
                    <a:pt x="2" y="1"/>
                    <a:pt x="2" y="1"/>
                    <a:pt x="2" y="1"/>
                  </a:cubicBezTo>
                  <a:cubicBezTo>
                    <a:pt x="2" y="3"/>
                    <a:pt x="0" y="1"/>
                    <a:pt x="0" y="0"/>
                  </a:cubicBezTo>
                </a:path>
              </a:pathLst>
            </a:custGeom>
            <a:grpFill/>
            <a:ln w="6350" cmpd="sng">
              <a:solidFill>
                <a:schemeClr val="bg1"/>
              </a:solidFill>
              <a:round/>
              <a:headEnd/>
              <a:tailEnd/>
            </a:ln>
          </p:spPr>
          <p:txBody>
            <a:bodyPr/>
            <a:lstStyle/>
            <a:p>
              <a:endParaRPr lang="en-GB" sz="1633" dirty="0"/>
            </a:p>
          </p:txBody>
        </p:sp>
        <p:sp>
          <p:nvSpPr>
            <p:cNvPr id="67" name="Freeform 267"/>
            <p:cNvSpPr>
              <a:spLocks/>
            </p:cNvSpPr>
            <p:nvPr/>
          </p:nvSpPr>
          <p:spPr bwMode="auto">
            <a:xfrm>
              <a:off x="3134897" y="4603115"/>
              <a:ext cx="6384" cy="3238"/>
            </a:xfrm>
            <a:custGeom>
              <a:avLst/>
              <a:gdLst/>
              <a:ahLst/>
              <a:cxnLst>
                <a:cxn ang="0">
                  <a:pos x="0" y="1"/>
                </a:cxn>
                <a:cxn ang="0">
                  <a:pos x="2" y="0"/>
                </a:cxn>
                <a:cxn ang="0">
                  <a:pos x="0" y="1"/>
                </a:cxn>
              </a:cxnLst>
              <a:rect l="0" t="0" r="r" b="b"/>
              <a:pathLst>
                <a:path w="2" h="1">
                  <a:moveTo>
                    <a:pt x="0" y="1"/>
                  </a:moveTo>
                  <a:cubicBezTo>
                    <a:pt x="0" y="1"/>
                    <a:pt x="0" y="0"/>
                    <a:pt x="2" y="0"/>
                  </a:cubicBezTo>
                  <a:cubicBezTo>
                    <a:pt x="2" y="0"/>
                    <a:pt x="2" y="1"/>
                    <a:pt x="0" y="1"/>
                  </a:cubicBezTo>
                </a:path>
              </a:pathLst>
            </a:custGeom>
            <a:grpFill/>
            <a:ln w="6350" cmpd="sng">
              <a:solidFill>
                <a:schemeClr val="bg1"/>
              </a:solidFill>
              <a:round/>
              <a:headEnd/>
              <a:tailEnd/>
            </a:ln>
          </p:spPr>
          <p:txBody>
            <a:bodyPr/>
            <a:lstStyle/>
            <a:p>
              <a:endParaRPr lang="en-GB" sz="1633" dirty="0"/>
            </a:p>
          </p:txBody>
        </p:sp>
        <p:sp>
          <p:nvSpPr>
            <p:cNvPr id="68" name="Freeform 268"/>
            <p:cNvSpPr>
              <a:spLocks/>
            </p:cNvSpPr>
            <p:nvPr/>
          </p:nvSpPr>
          <p:spPr bwMode="auto">
            <a:xfrm>
              <a:off x="3134897" y="4583687"/>
              <a:ext cx="6384" cy="9713"/>
            </a:xfrm>
            <a:custGeom>
              <a:avLst/>
              <a:gdLst/>
              <a:ahLst/>
              <a:cxnLst>
                <a:cxn ang="0">
                  <a:pos x="0" y="1"/>
                </a:cxn>
                <a:cxn ang="0">
                  <a:pos x="2" y="0"/>
                </a:cxn>
                <a:cxn ang="0">
                  <a:pos x="0" y="1"/>
                </a:cxn>
              </a:cxnLst>
              <a:rect l="0" t="0" r="r" b="b"/>
              <a:pathLst>
                <a:path w="2" h="3">
                  <a:moveTo>
                    <a:pt x="0" y="1"/>
                  </a:moveTo>
                  <a:cubicBezTo>
                    <a:pt x="0" y="1"/>
                    <a:pt x="0" y="0"/>
                    <a:pt x="2" y="0"/>
                  </a:cubicBezTo>
                  <a:cubicBezTo>
                    <a:pt x="2" y="1"/>
                    <a:pt x="2" y="3"/>
                    <a:pt x="0" y="1"/>
                  </a:cubicBezTo>
                </a:path>
              </a:pathLst>
            </a:custGeom>
            <a:grpFill/>
            <a:ln w="6350" cmpd="sng">
              <a:solidFill>
                <a:schemeClr val="bg1"/>
              </a:solidFill>
              <a:round/>
              <a:headEnd/>
              <a:tailEnd/>
            </a:ln>
          </p:spPr>
          <p:txBody>
            <a:bodyPr/>
            <a:lstStyle/>
            <a:p>
              <a:endParaRPr lang="en-GB" sz="1633" dirty="0"/>
            </a:p>
          </p:txBody>
        </p:sp>
        <p:sp>
          <p:nvSpPr>
            <p:cNvPr id="69" name="Freeform 269"/>
            <p:cNvSpPr>
              <a:spLocks noEditPoints="1"/>
            </p:cNvSpPr>
            <p:nvPr/>
          </p:nvSpPr>
          <p:spPr bwMode="auto">
            <a:xfrm>
              <a:off x="1194100" y="2007953"/>
              <a:ext cx="2173820" cy="1777597"/>
            </a:xfrm>
            <a:custGeom>
              <a:avLst/>
              <a:gdLst/>
              <a:ahLst/>
              <a:cxnLst>
                <a:cxn ang="0">
                  <a:pos x="116" y="479"/>
                </a:cxn>
                <a:cxn ang="0">
                  <a:pos x="70" y="434"/>
                </a:cxn>
                <a:cxn ang="0">
                  <a:pos x="70" y="438"/>
                </a:cxn>
                <a:cxn ang="0">
                  <a:pos x="66" y="435"/>
                </a:cxn>
                <a:cxn ang="0">
                  <a:pos x="86" y="426"/>
                </a:cxn>
                <a:cxn ang="0">
                  <a:pos x="93" y="432"/>
                </a:cxn>
                <a:cxn ang="0">
                  <a:pos x="177" y="170"/>
                </a:cxn>
                <a:cxn ang="0">
                  <a:pos x="121" y="179"/>
                </a:cxn>
                <a:cxn ang="0">
                  <a:pos x="306" y="213"/>
                </a:cxn>
                <a:cxn ang="0">
                  <a:pos x="264" y="187"/>
                </a:cxn>
                <a:cxn ang="0">
                  <a:pos x="182" y="177"/>
                </a:cxn>
                <a:cxn ang="0">
                  <a:pos x="215" y="221"/>
                </a:cxn>
                <a:cxn ang="0">
                  <a:pos x="284" y="168"/>
                </a:cxn>
                <a:cxn ang="0">
                  <a:pos x="501" y="281"/>
                </a:cxn>
                <a:cxn ang="0">
                  <a:pos x="606" y="303"/>
                </a:cxn>
                <a:cxn ang="0">
                  <a:pos x="612" y="249"/>
                </a:cxn>
                <a:cxn ang="0">
                  <a:pos x="510" y="171"/>
                </a:cxn>
                <a:cxn ang="0">
                  <a:pos x="404" y="184"/>
                </a:cxn>
                <a:cxn ang="0">
                  <a:pos x="463" y="297"/>
                </a:cxn>
                <a:cxn ang="0">
                  <a:pos x="500" y="168"/>
                </a:cxn>
                <a:cxn ang="0">
                  <a:pos x="483" y="140"/>
                </a:cxn>
                <a:cxn ang="0">
                  <a:pos x="352" y="109"/>
                </a:cxn>
                <a:cxn ang="0">
                  <a:pos x="370" y="180"/>
                </a:cxn>
                <a:cxn ang="0">
                  <a:pos x="316" y="160"/>
                </a:cxn>
                <a:cxn ang="0">
                  <a:pos x="287" y="73"/>
                </a:cxn>
                <a:cxn ang="0">
                  <a:pos x="498" y="96"/>
                </a:cxn>
                <a:cxn ang="0">
                  <a:pos x="602" y="5"/>
                </a:cxn>
                <a:cxn ang="0">
                  <a:pos x="405" y="22"/>
                </a:cxn>
                <a:cxn ang="0">
                  <a:pos x="431" y="53"/>
                </a:cxn>
                <a:cxn ang="0">
                  <a:pos x="418" y="114"/>
                </a:cxn>
                <a:cxn ang="0">
                  <a:pos x="431" y="72"/>
                </a:cxn>
                <a:cxn ang="0">
                  <a:pos x="338" y="76"/>
                </a:cxn>
                <a:cxn ang="0">
                  <a:pos x="244" y="112"/>
                </a:cxn>
                <a:cxn ang="0">
                  <a:pos x="215" y="143"/>
                </a:cxn>
                <a:cxn ang="0">
                  <a:pos x="157" y="120"/>
                </a:cxn>
                <a:cxn ang="0">
                  <a:pos x="249" y="87"/>
                </a:cxn>
                <a:cxn ang="0">
                  <a:pos x="303" y="126"/>
                </a:cxn>
                <a:cxn ang="0">
                  <a:pos x="640" y="522"/>
                </a:cxn>
                <a:cxn ang="0">
                  <a:pos x="687" y="501"/>
                </a:cxn>
                <a:cxn ang="0">
                  <a:pos x="678" y="456"/>
                </a:cxn>
                <a:cxn ang="0">
                  <a:pos x="401" y="494"/>
                </a:cxn>
                <a:cxn ang="0">
                  <a:pos x="448" y="508"/>
                </a:cxn>
                <a:cxn ang="0">
                  <a:pos x="472" y="529"/>
                </a:cxn>
                <a:cxn ang="0">
                  <a:pos x="492" y="554"/>
                </a:cxn>
                <a:cxn ang="0">
                  <a:pos x="561" y="521"/>
                </a:cxn>
                <a:cxn ang="0">
                  <a:pos x="602" y="530"/>
                </a:cxn>
                <a:cxn ang="0">
                  <a:pos x="649" y="463"/>
                </a:cxn>
                <a:cxn ang="0">
                  <a:pos x="609" y="350"/>
                </a:cxn>
                <a:cxn ang="0">
                  <a:pos x="501" y="356"/>
                </a:cxn>
                <a:cxn ang="0">
                  <a:pos x="379" y="367"/>
                </a:cxn>
                <a:cxn ang="0">
                  <a:pos x="462" y="258"/>
                </a:cxn>
                <a:cxn ang="0">
                  <a:pos x="408" y="222"/>
                </a:cxn>
                <a:cxn ang="0">
                  <a:pos x="361" y="240"/>
                </a:cxn>
                <a:cxn ang="0">
                  <a:pos x="204" y="238"/>
                </a:cxn>
                <a:cxn ang="0">
                  <a:pos x="52" y="227"/>
                </a:cxn>
                <a:cxn ang="0">
                  <a:pos x="48" y="356"/>
                </a:cxn>
                <a:cxn ang="0">
                  <a:pos x="96" y="432"/>
                </a:cxn>
                <a:cxn ang="0">
                  <a:pos x="119" y="466"/>
                </a:cxn>
                <a:cxn ang="0">
                  <a:pos x="484" y="317"/>
                </a:cxn>
                <a:cxn ang="0">
                  <a:pos x="183" y="120"/>
                </a:cxn>
                <a:cxn ang="0">
                  <a:pos x="305" y="115"/>
                </a:cxn>
                <a:cxn ang="0">
                  <a:pos x="471" y="437"/>
                </a:cxn>
                <a:cxn ang="0">
                  <a:pos x="494" y="398"/>
                </a:cxn>
              </a:cxnLst>
              <a:rect l="0" t="0" r="r" b="b"/>
              <a:pathLst>
                <a:path w="702" h="566">
                  <a:moveTo>
                    <a:pt x="99" y="463"/>
                  </a:moveTo>
                  <a:cubicBezTo>
                    <a:pt x="102" y="462"/>
                    <a:pt x="107" y="463"/>
                    <a:pt x="108" y="465"/>
                  </a:cubicBezTo>
                  <a:cubicBezTo>
                    <a:pt x="110" y="466"/>
                    <a:pt x="122" y="468"/>
                    <a:pt x="124" y="470"/>
                  </a:cubicBezTo>
                  <a:cubicBezTo>
                    <a:pt x="125" y="474"/>
                    <a:pt x="128" y="476"/>
                    <a:pt x="128" y="476"/>
                  </a:cubicBezTo>
                  <a:cubicBezTo>
                    <a:pt x="127" y="477"/>
                    <a:pt x="130" y="480"/>
                    <a:pt x="133" y="480"/>
                  </a:cubicBezTo>
                  <a:cubicBezTo>
                    <a:pt x="136" y="482"/>
                    <a:pt x="136" y="485"/>
                    <a:pt x="137" y="485"/>
                  </a:cubicBezTo>
                  <a:cubicBezTo>
                    <a:pt x="139" y="487"/>
                    <a:pt x="137" y="488"/>
                    <a:pt x="139" y="488"/>
                  </a:cubicBezTo>
                  <a:cubicBezTo>
                    <a:pt x="140" y="490"/>
                    <a:pt x="140" y="493"/>
                    <a:pt x="139" y="491"/>
                  </a:cubicBezTo>
                  <a:cubicBezTo>
                    <a:pt x="139" y="491"/>
                    <a:pt x="139" y="493"/>
                    <a:pt x="136" y="493"/>
                  </a:cubicBezTo>
                  <a:cubicBezTo>
                    <a:pt x="133" y="491"/>
                    <a:pt x="133" y="490"/>
                    <a:pt x="130" y="490"/>
                  </a:cubicBezTo>
                  <a:cubicBezTo>
                    <a:pt x="127" y="490"/>
                    <a:pt x="125" y="487"/>
                    <a:pt x="125" y="485"/>
                  </a:cubicBezTo>
                  <a:cubicBezTo>
                    <a:pt x="127" y="485"/>
                    <a:pt x="125" y="485"/>
                    <a:pt x="124" y="485"/>
                  </a:cubicBezTo>
                  <a:cubicBezTo>
                    <a:pt x="122" y="485"/>
                    <a:pt x="119" y="484"/>
                    <a:pt x="121" y="482"/>
                  </a:cubicBezTo>
                  <a:cubicBezTo>
                    <a:pt x="121" y="480"/>
                    <a:pt x="119" y="482"/>
                    <a:pt x="119" y="480"/>
                  </a:cubicBezTo>
                  <a:cubicBezTo>
                    <a:pt x="118" y="479"/>
                    <a:pt x="118" y="479"/>
                    <a:pt x="116" y="479"/>
                  </a:cubicBezTo>
                  <a:cubicBezTo>
                    <a:pt x="113" y="480"/>
                    <a:pt x="113" y="477"/>
                    <a:pt x="115" y="477"/>
                  </a:cubicBezTo>
                  <a:cubicBezTo>
                    <a:pt x="118" y="476"/>
                    <a:pt x="115" y="477"/>
                    <a:pt x="113" y="474"/>
                  </a:cubicBezTo>
                  <a:cubicBezTo>
                    <a:pt x="113" y="471"/>
                    <a:pt x="110" y="476"/>
                    <a:pt x="110" y="474"/>
                  </a:cubicBezTo>
                  <a:cubicBezTo>
                    <a:pt x="108" y="473"/>
                    <a:pt x="110" y="471"/>
                    <a:pt x="110" y="471"/>
                  </a:cubicBezTo>
                  <a:cubicBezTo>
                    <a:pt x="108" y="470"/>
                    <a:pt x="107" y="474"/>
                    <a:pt x="107" y="471"/>
                  </a:cubicBezTo>
                  <a:cubicBezTo>
                    <a:pt x="107" y="470"/>
                    <a:pt x="104" y="473"/>
                    <a:pt x="104" y="471"/>
                  </a:cubicBezTo>
                  <a:cubicBezTo>
                    <a:pt x="102" y="471"/>
                    <a:pt x="105" y="470"/>
                    <a:pt x="104" y="470"/>
                  </a:cubicBezTo>
                  <a:cubicBezTo>
                    <a:pt x="102" y="468"/>
                    <a:pt x="104" y="466"/>
                    <a:pt x="107" y="466"/>
                  </a:cubicBezTo>
                  <a:cubicBezTo>
                    <a:pt x="108" y="466"/>
                    <a:pt x="105" y="465"/>
                    <a:pt x="104" y="466"/>
                  </a:cubicBezTo>
                  <a:cubicBezTo>
                    <a:pt x="101" y="466"/>
                    <a:pt x="98" y="463"/>
                    <a:pt x="99" y="463"/>
                  </a:cubicBezTo>
                  <a:close/>
                  <a:moveTo>
                    <a:pt x="64" y="431"/>
                  </a:moveTo>
                  <a:cubicBezTo>
                    <a:pt x="66" y="431"/>
                    <a:pt x="67" y="432"/>
                    <a:pt x="66" y="432"/>
                  </a:cubicBezTo>
                  <a:cubicBezTo>
                    <a:pt x="64" y="431"/>
                    <a:pt x="64" y="432"/>
                    <a:pt x="66" y="432"/>
                  </a:cubicBezTo>
                  <a:cubicBezTo>
                    <a:pt x="67" y="434"/>
                    <a:pt x="64" y="434"/>
                    <a:pt x="67" y="434"/>
                  </a:cubicBezTo>
                  <a:cubicBezTo>
                    <a:pt x="70" y="434"/>
                    <a:pt x="67" y="434"/>
                    <a:pt x="70" y="434"/>
                  </a:cubicBezTo>
                  <a:cubicBezTo>
                    <a:pt x="72" y="432"/>
                    <a:pt x="70" y="428"/>
                    <a:pt x="72" y="426"/>
                  </a:cubicBezTo>
                  <a:cubicBezTo>
                    <a:pt x="73" y="425"/>
                    <a:pt x="73" y="421"/>
                    <a:pt x="72" y="423"/>
                  </a:cubicBezTo>
                  <a:cubicBezTo>
                    <a:pt x="70" y="425"/>
                    <a:pt x="69" y="423"/>
                    <a:pt x="69" y="425"/>
                  </a:cubicBezTo>
                  <a:cubicBezTo>
                    <a:pt x="70" y="426"/>
                    <a:pt x="70" y="428"/>
                    <a:pt x="67" y="428"/>
                  </a:cubicBezTo>
                  <a:cubicBezTo>
                    <a:pt x="66" y="429"/>
                    <a:pt x="64" y="428"/>
                    <a:pt x="66" y="428"/>
                  </a:cubicBezTo>
                  <a:cubicBezTo>
                    <a:pt x="69" y="426"/>
                    <a:pt x="70" y="426"/>
                    <a:pt x="69" y="423"/>
                  </a:cubicBezTo>
                  <a:cubicBezTo>
                    <a:pt x="67" y="421"/>
                    <a:pt x="67" y="423"/>
                    <a:pt x="66" y="423"/>
                  </a:cubicBezTo>
                  <a:cubicBezTo>
                    <a:pt x="64" y="421"/>
                    <a:pt x="64" y="423"/>
                    <a:pt x="64" y="421"/>
                  </a:cubicBezTo>
                  <a:cubicBezTo>
                    <a:pt x="63" y="421"/>
                    <a:pt x="61" y="421"/>
                    <a:pt x="61" y="423"/>
                  </a:cubicBezTo>
                  <a:cubicBezTo>
                    <a:pt x="63" y="425"/>
                    <a:pt x="61" y="425"/>
                    <a:pt x="63" y="428"/>
                  </a:cubicBezTo>
                  <a:cubicBezTo>
                    <a:pt x="64" y="429"/>
                    <a:pt x="61" y="428"/>
                    <a:pt x="63" y="431"/>
                  </a:cubicBezTo>
                  <a:cubicBezTo>
                    <a:pt x="64" y="431"/>
                    <a:pt x="63" y="431"/>
                    <a:pt x="64" y="431"/>
                  </a:cubicBezTo>
                  <a:close/>
                  <a:moveTo>
                    <a:pt x="69" y="435"/>
                  </a:moveTo>
                  <a:cubicBezTo>
                    <a:pt x="69" y="435"/>
                    <a:pt x="70" y="437"/>
                    <a:pt x="69" y="437"/>
                  </a:cubicBezTo>
                  <a:cubicBezTo>
                    <a:pt x="67" y="437"/>
                    <a:pt x="69" y="438"/>
                    <a:pt x="70" y="438"/>
                  </a:cubicBezTo>
                  <a:cubicBezTo>
                    <a:pt x="72" y="438"/>
                    <a:pt x="70" y="440"/>
                    <a:pt x="70" y="440"/>
                  </a:cubicBezTo>
                  <a:cubicBezTo>
                    <a:pt x="70" y="440"/>
                    <a:pt x="70" y="442"/>
                    <a:pt x="73" y="443"/>
                  </a:cubicBezTo>
                  <a:cubicBezTo>
                    <a:pt x="75" y="445"/>
                    <a:pt x="73" y="445"/>
                    <a:pt x="75" y="445"/>
                  </a:cubicBezTo>
                  <a:cubicBezTo>
                    <a:pt x="75" y="446"/>
                    <a:pt x="75" y="446"/>
                    <a:pt x="77" y="446"/>
                  </a:cubicBezTo>
                  <a:cubicBezTo>
                    <a:pt x="78" y="448"/>
                    <a:pt x="78" y="446"/>
                    <a:pt x="78" y="445"/>
                  </a:cubicBezTo>
                  <a:cubicBezTo>
                    <a:pt x="77" y="445"/>
                    <a:pt x="77" y="445"/>
                    <a:pt x="77" y="445"/>
                  </a:cubicBezTo>
                  <a:cubicBezTo>
                    <a:pt x="77" y="443"/>
                    <a:pt x="77" y="443"/>
                    <a:pt x="77" y="443"/>
                  </a:cubicBezTo>
                  <a:cubicBezTo>
                    <a:pt x="75" y="445"/>
                    <a:pt x="75" y="443"/>
                    <a:pt x="75" y="443"/>
                  </a:cubicBezTo>
                  <a:cubicBezTo>
                    <a:pt x="73" y="443"/>
                    <a:pt x="72" y="440"/>
                    <a:pt x="72" y="440"/>
                  </a:cubicBezTo>
                  <a:cubicBezTo>
                    <a:pt x="73" y="438"/>
                    <a:pt x="72" y="440"/>
                    <a:pt x="72" y="438"/>
                  </a:cubicBezTo>
                  <a:cubicBezTo>
                    <a:pt x="70" y="437"/>
                    <a:pt x="73" y="438"/>
                    <a:pt x="73" y="437"/>
                  </a:cubicBezTo>
                  <a:cubicBezTo>
                    <a:pt x="73" y="437"/>
                    <a:pt x="73" y="437"/>
                    <a:pt x="73" y="435"/>
                  </a:cubicBezTo>
                  <a:cubicBezTo>
                    <a:pt x="73" y="435"/>
                    <a:pt x="72" y="435"/>
                    <a:pt x="72" y="434"/>
                  </a:cubicBezTo>
                  <a:cubicBezTo>
                    <a:pt x="72" y="434"/>
                    <a:pt x="72" y="432"/>
                    <a:pt x="70" y="434"/>
                  </a:cubicBezTo>
                  <a:cubicBezTo>
                    <a:pt x="69" y="435"/>
                    <a:pt x="66" y="435"/>
                    <a:pt x="66" y="435"/>
                  </a:cubicBezTo>
                  <a:cubicBezTo>
                    <a:pt x="67" y="437"/>
                    <a:pt x="67" y="435"/>
                    <a:pt x="69" y="435"/>
                  </a:cubicBezTo>
                  <a:close/>
                  <a:moveTo>
                    <a:pt x="78" y="418"/>
                  </a:moveTo>
                  <a:cubicBezTo>
                    <a:pt x="78" y="417"/>
                    <a:pt x="80" y="415"/>
                    <a:pt x="81" y="417"/>
                  </a:cubicBezTo>
                  <a:cubicBezTo>
                    <a:pt x="81" y="417"/>
                    <a:pt x="80" y="420"/>
                    <a:pt x="78" y="418"/>
                  </a:cubicBezTo>
                  <a:close/>
                  <a:moveTo>
                    <a:pt x="112" y="474"/>
                  </a:moveTo>
                  <a:cubicBezTo>
                    <a:pt x="113" y="474"/>
                    <a:pt x="115" y="476"/>
                    <a:pt x="113" y="477"/>
                  </a:cubicBezTo>
                  <a:cubicBezTo>
                    <a:pt x="113" y="477"/>
                    <a:pt x="110" y="476"/>
                    <a:pt x="112" y="474"/>
                  </a:cubicBezTo>
                  <a:close/>
                  <a:moveTo>
                    <a:pt x="86" y="434"/>
                  </a:moveTo>
                  <a:cubicBezTo>
                    <a:pt x="87" y="435"/>
                    <a:pt x="89" y="434"/>
                    <a:pt x="87" y="432"/>
                  </a:cubicBezTo>
                  <a:cubicBezTo>
                    <a:pt x="87" y="431"/>
                    <a:pt x="86" y="431"/>
                    <a:pt x="84" y="429"/>
                  </a:cubicBezTo>
                  <a:cubicBezTo>
                    <a:pt x="81" y="428"/>
                    <a:pt x="83" y="429"/>
                    <a:pt x="83" y="431"/>
                  </a:cubicBezTo>
                  <a:cubicBezTo>
                    <a:pt x="84" y="432"/>
                    <a:pt x="86" y="432"/>
                    <a:pt x="86" y="434"/>
                  </a:cubicBezTo>
                  <a:close/>
                  <a:moveTo>
                    <a:pt x="90" y="434"/>
                  </a:moveTo>
                  <a:cubicBezTo>
                    <a:pt x="90" y="432"/>
                    <a:pt x="90" y="432"/>
                    <a:pt x="90" y="431"/>
                  </a:cubicBezTo>
                  <a:cubicBezTo>
                    <a:pt x="89" y="429"/>
                    <a:pt x="87" y="428"/>
                    <a:pt x="86" y="426"/>
                  </a:cubicBezTo>
                  <a:cubicBezTo>
                    <a:pt x="84" y="425"/>
                    <a:pt x="84" y="426"/>
                    <a:pt x="84" y="428"/>
                  </a:cubicBezTo>
                  <a:cubicBezTo>
                    <a:pt x="86" y="428"/>
                    <a:pt x="86" y="429"/>
                    <a:pt x="87" y="429"/>
                  </a:cubicBezTo>
                  <a:cubicBezTo>
                    <a:pt x="87" y="429"/>
                    <a:pt x="87" y="431"/>
                    <a:pt x="89" y="434"/>
                  </a:cubicBezTo>
                  <a:cubicBezTo>
                    <a:pt x="90" y="434"/>
                    <a:pt x="90" y="434"/>
                    <a:pt x="90" y="434"/>
                  </a:cubicBezTo>
                  <a:close/>
                  <a:moveTo>
                    <a:pt x="83" y="425"/>
                  </a:moveTo>
                  <a:cubicBezTo>
                    <a:pt x="83" y="426"/>
                    <a:pt x="83" y="426"/>
                    <a:pt x="84" y="426"/>
                  </a:cubicBezTo>
                  <a:cubicBezTo>
                    <a:pt x="86" y="425"/>
                    <a:pt x="84" y="423"/>
                    <a:pt x="83" y="423"/>
                  </a:cubicBezTo>
                  <a:cubicBezTo>
                    <a:pt x="81" y="423"/>
                    <a:pt x="81" y="425"/>
                    <a:pt x="81" y="426"/>
                  </a:cubicBezTo>
                  <a:cubicBezTo>
                    <a:pt x="81" y="428"/>
                    <a:pt x="81" y="425"/>
                    <a:pt x="83" y="425"/>
                  </a:cubicBezTo>
                  <a:close/>
                  <a:moveTo>
                    <a:pt x="95" y="437"/>
                  </a:moveTo>
                  <a:cubicBezTo>
                    <a:pt x="96" y="437"/>
                    <a:pt x="93" y="438"/>
                    <a:pt x="93" y="438"/>
                  </a:cubicBezTo>
                  <a:cubicBezTo>
                    <a:pt x="93" y="440"/>
                    <a:pt x="95" y="442"/>
                    <a:pt x="96" y="440"/>
                  </a:cubicBezTo>
                  <a:cubicBezTo>
                    <a:pt x="96" y="437"/>
                    <a:pt x="96" y="442"/>
                    <a:pt x="96" y="442"/>
                  </a:cubicBezTo>
                  <a:cubicBezTo>
                    <a:pt x="98" y="442"/>
                    <a:pt x="98" y="440"/>
                    <a:pt x="98" y="437"/>
                  </a:cubicBezTo>
                  <a:cubicBezTo>
                    <a:pt x="98" y="435"/>
                    <a:pt x="95" y="432"/>
                    <a:pt x="93" y="432"/>
                  </a:cubicBezTo>
                  <a:cubicBezTo>
                    <a:pt x="93" y="432"/>
                    <a:pt x="95" y="435"/>
                    <a:pt x="93" y="435"/>
                  </a:cubicBezTo>
                  <a:cubicBezTo>
                    <a:pt x="93" y="435"/>
                    <a:pt x="92" y="438"/>
                    <a:pt x="93" y="437"/>
                  </a:cubicBezTo>
                  <a:cubicBezTo>
                    <a:pt x="95" y="437"/>
                    <a:pt x="95" y="435"/>
                    <a:pt x="95" y="437"/>
                  </a:cubicBezTo>
                  <a:close/>
                  <a:moveTo>
                    <a:pt x="95" y="440"/>
                  </a:moveTo>
                  <a:cubicBezTo>
                    <a:pt x="93" y="440"/>
                    <a:pt x="92" y="438"/>
                    <a:pt x="92" y="440"/>
                  </a:cubicBezTo>
                  <a:cubicBezTo>
                    <a:pt x="92" y="440"/>
                    <a:pt x="93" y="442"/>
                    <a:pt x="95" y="443"/>
                  </a:cubicBezTo>
                  <a:cubicBezTo>
                    <a:pt x="95" y="445"/>
                    <a:pt x="95" y="442"/>
                    <a:pt x="95" y="440"/>
                  </a:cubicBezTo>
                  <a:close/>
                  <a:moveTo>
                    <a:pt x="98" y="445"/>
                  </a:moveTo>
                  <a:cubicBezTo>
                    <a:pt x="96" y="445"/>
                    <a:pt x="96" y="443"/>
                    <a:pt x="96" y="443"/>
                  </a:cubicBezTo>
                  <a:cubicBezTo>
                    <a:pt x="98" y="443"/>
                    <a:pt x="98" y="445"/>
                    <a:pt x="98" y="445"/>
                  </a:cubicBezTo>
                  <a:close/>
                  <a:moveTo>
                    <a:pt x="142" y="194"/>
                  </a:moveTo>
                  <a:cubicBezTo>
                    <a:pt x="143" y="196"/>
                    <a:pt x="148" y="193"/>
                    <a:pt x="151" y="190"/>
                  </a:cubicBezTo>
                  <a:cubicBezTo>
                    <a:pt x="156" y="188"/>
                    <a:pt x="154" y="191"/>
                    <a:pt x="160" y="190"/>
                  </a:cubicBezTo>
                  <a:cubicBezTo>
                    <a:pt x="166" y="187"/>
                    <a:pt x="160" y="179"/>
                    <a:pt x="168" y="177"/>
                  </a:cubicBezTo>
                  <a:cubicBezTo>
                    <a:pt x="174" y="177"/>
                    <a:pt x="169" y="173"/>
                    <a:pt x="177" y="170"/>
                  </a:cubicBezTo>
                  <a:cubicBezTo>
                    <a:pt x="186" y="166"/>
                    <a:pt x="191" y="162"/>
                    <a:pt x="197" y="162"/>
                  </a:cubicBezTo>
                  <a:cubicBezTo>
                    <a:pt x="207" y="159"/>
                    <a:pt x="203" y="156"/>
                    <a:pt x="200" y="156"/>
                  </a:cubicBezTo>
                  <a:cubicBezTo>
                    <a:pt x="195" y="154"/>
                    <a:pt x="192" y="146"/>
                    <a:pt x="182" y="146"/>
                  </a:cubicBezTo>
                  <a:cubicBezTo>
                    <a:pt x="172" y="146"/>
                    <a:pt x="177" y="149"/>
                    <a:pt x="174" y="151"/>
                  </a:cubicBezTo>
                  <a:cubicBezTo>
                    <a:pt x="172" y="151"/>
                    <a:pt x="174" y="149"/>
                    <a:pt x="172" y="148"/>
                  </a:cubicBezTo>
                  <a:cubicBezTo>
                    <a:pt x="171" y="146"/>
                    <a:pt x="171" y="148"/>
                    <a:pt x="166" y="146"/>
                  </a:cubicBezTo>
                  <a:cubicBezTo>
                    <a:pt x="157" y="145"/>
                    <a:pt x="159" y="140"/>
                    <a:pt x="150" y="143"/>
                  </a:cubicBezTo>
                  <a:cubicBezTo>
                    <a:pt x="142" y="145"/>
                    <a:pt x="127" y="145"/>
                    <a:pt x="130" y="146"/>
                  </a:cubicBezTo>
                  <a:cubicBezTo>
                    <a:pt x="131" y="148"/>
                    <a:pt x="130" y="151"/>
                    <a:pt x="134" y="152"/>
                  </a:cubicBezTo>
                  <a:cubicBezTo>
                    <a:pt x="139" y="154"/>
                    <a:pt x="134" y="156"/>
                    <a:pt x="134" y="157"/>
                  </a:cubicBezTo>
                  <a:cubicBezTo>
                    <a:pt x="134" y="160"/>
                    <a:pt x="131" y="157"/>
                    <a:pt x="131" y="160"/>
                  </a:cubicBezTo>
                  <a:cubicBezTo>
                    <a:pt x="131" y="163"/>
                    <a:pt x="127" y="165"/>
                    <a:pt x="128" y="165"/>
                  </a:cubicBezTo>
                  <a:cubicBezTo>
                    <a:pt x="131" y="166"/>
                    <a:pt x="133" y="168"/>
                    <a:pt x="128" y="168"/>
                  </a:cubicBezTo>
                  <a:cubicBezTo>
                    <a:pt x="125" y="168"/>
                    <a:pt x="125" y="168"/>
                    <a:pt x="127" y="171"/>
                  </a:cubicBezTo>
                  <a:cubicBezTo>
                    <a:pt x="127" y="173"/>
                    <a:pt x="121" y="176"/>
                    <a:pt x="121" y="179"/>
                  </a:cubicBezTo>
                  <a:cubicBezTo>
                    <a:pt x="121" y="180"/>
                    <a:pt x="119" y="180"/>
                    <a:pt x="121" y="182"/>
                  </a:cubicBezTo>
                  <a:cubicBezTo>
                    <a:pt x="122" y="182"/>
                    <a:pt x="124" y="182"/>
                    <a:pt x="133" y="185"/>
                  </a:cubicBezTo>
                  <a:cubicBezTo>
                    <a:pt x="139" y="188"/>
                    <a:pt x="139" y="193"/>
                    <a:pt x="142" y="194"/>
                  </a:cubicBezTo>
                  <a:close/>
                  <a:moveTo>
                    <a:pt x="274" y="221"/>
                  </a:moveTo>
                  <a:cubicBezTo>
                    <a:pt x="274" y="226"/>
                    <a:pt x="274" y="221"/>
                    <a:pt x="282" y="224"/>
                  </a:cubicBezTo>
                  <a:cubicBezTo>
                    <a:pt x="290" y="226"/>
                    <a:pt x="280" y="224"/>
                    <a:pt x="285" y="227"/>
                  </a:cubicBezTo>
                  <a:cubicBezTo>
                    <a:pt x="290" y="229"/>
                    <a:pt x="288" y="226"/>
                    <a:pt x="294" y="227"/>
                  </a:cubicBezTo>
                  <a:cubicBezTo>
                    <a:pt x="300" y="229"/>
                    <a:pt x="297" y="227"/>
                    <a:pt x="300" y="227"/>
                  </a:cubicBezTo>
                  <a:cubicBezTo>
                    <a:pt x="303" y="229"/>
                    <a:pt x="305" y="226"/>
                    <a:pt x="308" y="226"/>
                  </a:cubicBezTo>
                  <a:cubicBezTo>
                    <a:pt x="309" y="226"/>
                    <a:pt x="312" y="222"/>
                    <a:pt x="309" y="221"/>
                  </a:cubicBezTo>
                  <a:cubicBezTo>
                    <a:pt x="308" y="219"/>
                    <a:pt x="311" y="219"/>
                    <a:pt x="308" y="218"/>
                  </a:cubicBezTo>
                  <a:cubicBezTo>
                    <a:pt x="305" y="218"/>
                    <a:pt x="299" y="222"/>
                    <a:pt x="300" y="219"/>
                  </a:cubicBezTo>
                  <a:cubicBezTo>
                    <a:pt x="303" y="216"/>
                    <a:pt x="296" y="216"/>
                    <a:pt x="297" y="215"/>
                  </a:cubicBezTo>
                  <a:cubicBezTo>
                    <a:pt x="299" y="215"/>
                    <a:pt x="303" y="218"/>
                    <a:pt x="305" y="216"/>
                  </a:cubicBezTo>
                  <a:cubicBezTo>
                    <a:pt x="308" y="215"/>
                    <a:pt x="302" y="216"/>
                    <a:pt x="306" y="213"/>
                  </a:cubicBezTo>
                  <a:cubicBezTo>
                    <a:pt x="309" y="212"/>
                    <a:pt x="309" y="216"/>
                    <a:pt x="312" y="215"/>
                  </a:cubicBezTo>
                  <a:cubicBezTo>
                    <a:pt x="314" y="213"/>
                    <a:pt x="312" y="216"/>
                    <a:pt x="316" y="216"/>
                  </a:cubicBezTo>
                  <a:cubicBezTo>
                    <a:pt x="319" y="216"/>
                    <a:pt x="319" y="212"/>
                    <a:pt x="317" y="210"/>
                  </a:cubicBezTo>
                  <a:cubicBezTo>
                    <a:pt x="317" y="207"/>
                    <a:pt x="312" y="210"/>
                    <a:pt x="312" y="207"/>
                  </a:cubicBezTo>
                  <a:cubicBezTo>
                    <a:pt x="312" y="205"/>
                    <a:pt x="311" y="208"/>
                    <a:pt x="303" y="202"/>
                  </a:cubicBezTo>
                  <a:cubicBezTo>
                    <a:pt x="300" y="201"/>
                    <a:pt x="299" y="201"/>
                    <a:pt x="300" y="202"/>
                  </a:cubicBezTo>
                  <a:cubicBezTo>
                    <a:pt x="300" y="204"/>
                    <a:pt x="294" y="202"/>
                    <a:pt x="293" y="199"/>
                  </a:cubicBezTo>
                  <a:cubicBezTo>
                    <a:pt x="291" y="194"/>
                    <a:pt x="287" y="196"/>
                    <a:pt x="290" y="193"/>
                  </a:cubicBezTo>
                  <a:cubicBezTo>
                    <a:pt x="291" y="190"/>
                    <a:pt x="291" y="187"/>
                    <a:pt x="288" y="184"/>
                  </a:cubicBezTo>
                  <a:cubicBezTo>
                    <a:pt x="285" y="182"/>
                    <a:pt x="285" y="173"/>
                    <a:pt x="280" y="168"/>
                  </a:cubicBezTo>
                  <a:cubicBezTo>
                    <a:pt x="277" y="163"/>
                    <a:pt x="279" y="166"/>
                    <a:pt x="273" y="162"/>
                  </a:cubicBezTo>
                  <a:cubicBezTo>
                    <a:pt x="267" y="159"/>
                    <a:pt x="271" y="165"/>
                    <a:pt x="264" y="162"/>
                  </a:cubicBezTo>
                  <a:cubicBezTo>
                    <a:pt x="261" y="160"/>
                    <a:pt x="258" y="162"/>
                    <a:pt x="259" y="166"/>
                  </a:cubicBezTo>
                  <a:cubicBezTo>
                    <a:pt x="262" y="171"/>
                    <a:pt x="261" y="177"/>
                    <a:pt x="267" y="182"/>
                  </a:cubicBezTo>
                  <a:cubicBezTo>
                    <a:pt x="270" y="184"/>
                    <a:pt x="265" y="185"/>
                    <a:pt x="264" y="187"/>
                  </a:cubicBezTo>
                  <a:cubicBezTo>
                    <a:pt x="264" y="187"/>
                    <a:pt x="262" y="187"/>
                    <a:pt x="259" y="180"/>
                  </a:cubicBezTo>
                  <a:cubicBezTo>
                    <a:pt x="256" y="176"/>
                    <a:pt x="258" y="171"/>
                    <a:pt x="252" y="170"/>
                  </a:cubicBezTo>
                  <a:cubicBezTo>
                    <a:pt x="245" y="168"/>
                    <a:pt x="252" y="168"/>
                    <a:pt x="247" y="166"/>
                  </a:cubicBezTo>
                  <a:cubicBezTo>
                    <a:pt x="241" y="165"/>
                    <a:pt x="236" y="165"/>
                    <a:pt x="241" y="168"/>
                  </a:cubicBezTo>
                  <a:cubicBezTo>
                    <a:pt x="245" y="170"/>
                    <a:pt x="241" y="171"/>
                    <a:pt x="244" y="171"/>
                  </a:cubicBezTo>
                  <a:cubicBezTo>
                    <a:pt x="247" y="171"/>
                    <a:pt x="250" y="174"/>
                    <a:pt x="242" y="173"/>
                  </a:cubicBezTo>
                  <a:cubicBezTo>
                    <a:pt x="236" y="171"/>
                    <a:pt x="239" y="179"/>
                    <a:pt x="236" y="176"/>
                  </a:cubicBezTo>
                  <a:cubicBezTo>
                    <a:pt x="232" y="173"/>
                    <a:pt x="241" y="171"/>
                    <a:pt x="232" y="168"/>
                  </a:cubicBezTo>
                  <a:cubicBezTo>
                    <a:pt x="223" y="166"/>
                    <a:pt x="221" y="166"/>
                    <a:pt x="218" y="168"/>
                  </a:cubicBezTo>
                  <a:cubicBezTo>
                    <a:pt x="215" y="170"/>
                    <a:pt x="223" y="170"/>
                    <a:pt x="212" y="173"/>
                  </a:cubicBezTo>
                  <a:cubicBezTo>
                    <a:pt x="206" y="174"/>
                    <a:pt x="215" y="170"/>
                    <a:pt x="213" y="168"/>
                  </a:cubicBezTo>
                  <a:cubicBezTo>
                    <a:pt x="213" y="165"/>
                    <a:pt x="217" y="163"/>
                    <a:pt x="212" y="160"/>
                  </a:cubicBezTo>
                  <a:cubicBezTo>
                    <a:pt x="207" y="159"/>
                    <a:pt x="198" y="165"/>
                    <a:pt x="192" y="166"/>
                  </a:cubicBezTo>
                  <a:cubicBezTo>
                    <a:pt x="188" y="166"/>
                    <a:pt x="185" y="170"/>
                    <a:pt x="180" y="173"/>
                  </a:cubicBezTo>
                  <a:cubicBezTo>
                    <a:pt x="174" y="176"/>
                    <a:pt x="182" y="176"/>
                    <a:pt x="182" y="177"/>
                  </a:cubicBezTo>
                  <a:cubicBezTo>
                    <a:pt x="182" y="179"/>
                    <a:pt x="178" y="177"/>
                    <a:pt x="175" y="180"/>
                  </a:cubicBezTo>
                  <a:cubicBezTo>
                    <a:pt x="172" y="185"/>
                    <a:pt x="172" y="188"/>
                    <a:pt x="175" y="187"/>
                  </a:cubicBezTo>
                  <a:cubicBezTo>
                    <a:pt x="178" y="185"/>
                    <a:pt x="178" y="188"/>
                    <a:pt x="180" y="190"/>
                  </a:cubicBezTo>
                  <a:cubicBezTo>
                    <a:pt x="182" y="191"/>
                    <a:pt x="191" y="190"/>
                    <a:pt x="194" y="188"/>
                  </a:cubicBezTo>
                  <a:cubicBezTo>
                    <a:pt x="195" y="188"/>
                    <a:pt x="203" y="190"/>
                    <a:pt x="188" y="193"/>
                  </a:cubicBezTo>
                  <a:cubicBezTo>
                    <a:pt x="178" y="194"/>
                    <a:pt x="177" y="196"/>
                    <a:pt x="182" y="199"/>
                  </a:cubicBezTo>
                  <a:cubicBezTo>
                    <a:pt x="186" y="202"/>
                    <a:pt x="186" y="202"/>
                    <a:pt x="192" y="201"/>
                  </a:cubicBezTo>
                  <a:cubicBezTo>
                    <a:pt x="198" y="201"/>
                    <a:pt x="195" y="202"/>
                    <a:pt x="203" y="202"/>
                  </a:cubicBezTo>
                  <a:cubicBezTo>
                    <a:pt x="210" y="202"/>
                    <a:pt x="212" y="199"/>
                    <a:pt x="218" y="202"/>
                  </a:cubicBezTo>
                  <a:cubicBezTo>
                    <a:pt x="226" y="204"/>
                    <a:pt x="224" y="201"/>
                    <a:pt x="227" y="204"/>
                  </a:cubicBezTo>
                  <a:cubicBezTo>
                    <a:pt x="230" y="205"/>
                    <a:pt x="236" y="207"/>
                    <a:pt x="232" y="207"/>
                  </a:cubicBezTo>
                  <a:cubicBezTo>
                    <a:pt x="226" y="207"/>
                    <a:pt x="230" y="208"/>
                    <a:pt x="221" y="207"/>
                  </a:cubicBezTo>
                  <a:cubicBezTo>
                    <a:pt x="213" y="205"/>
                    <a:pt x="200" y="207"/>
                    <a:pt x="191" y="208"/>
                  </a:cubicBezTo>
                  <a:cubicBezTo>
                    <a:pt x="183" y="210"/>
                    <a:pt x="189" y="215"/>
                    <a:pt x="194" y="218"/>
                  </a:cubicBezTo>
                  <a:cubicBezTo>
                    <a:pt x="197" y="222"/>
                    <a:pt x="212" y="221"/>
                    <a:pt x="215" y="221"/>
                  </a:cubicBezTo>
                  <a:cubicBezTo>
                    <a:pt x="220" y="221"/>
                    <a:pt x="215" y="227"/>
                    <a:pt x="218" y="229"/>
                  </a:cubicBezTo>
                  <a:cubicBezTo>
                    <a:pt x="220" y="232"/>
                    <a:pt x="220" y="233"/>
                    <a:pt x="224" y="232"/>
                  </a:cubicBezTo>
                  <a:cubicBezTo>
                    <a:pt x="232" y="232"/>
                    <a:pt x="235" y="233"/>
                    <a:pt x="236" y="232"/>
                  </a:cubicBezTo>
                  <a:cubicBezTo>
                    <a:pt x="239" y="230"/>
                    <a:pt x="252" y="230"/>
                    <a:pt x="256" y="227"/>
                  </a:cubicBezTo>
                  <a:cubicBezTo>
                    <a:pt x="261" y="224"/>
                    <a:pt x="262" y="227"/>
                    <a:pt x="267" y="224"/>
                  </a:cubicBezTo>
                  <a:cubicBezTo>
                    <a:pt x="271" y="221"/>
                    <a:pt x="267" y="221"/>
                    <a:pt x="271" y="219"/>
                  </a:cubicBezTo>
                  <a:cubicBezTo>
                    <a:pt x="273" y="218"/>
                    <a:pt x="274" y="218"/>
                    <a:pt x="274" y="221"/>
                  </a:cubicBezTo>
                  <a:close/>
                  <a:moveTo>
                    <a:pt x="284" y="168"/>
                  </a:moveTo>
                  <a:cubicBezTo>
                    <a:pt x="284" y="166"/>
                    <a:pt x="285" y="166"/>
                    <a:pt x="287" y="163"/>
                  </a:cubicBezTo>
                  <a:cubicBezTo>
                    <a:pt x="288" y="160"/>
                    <a:pt x="291" y="157"/>
                    <a:pt x="288" y="157"/>
                  </a:cubicBezTo>
                  <a:cubicBezTo>
                    <a:pt x="285" y="156"/>
                    <a:pt x="287" y="154"/>
                    <a:pt x="279" y="154"/>
                  </a:cubicBezTo>
                  <a:cubicBezTo>
                    <a:pt x="270" y="156"/>
                    <a:pt x="267" y="159"/>
                    <a:pt x="271" y="159"/>
                  </a:cubicBezTo>
                  <a:cubicBezTo>
                    <a:pt x="276" y="160"/>
                    <a:pt x="276" y="162"/>
                    <a:pt x="276" y="162"/>
                  </a:cubicBezTo>
                  <a:cubicBezTo>
                    <a:pt x="276" y="163"/>
                    <a:pt x="279" y="165"/>
                    <a:pt x="282" y="168"/>
                  </a:cubicBezTo>
                  <a:cubicBezTo>
                    <a:pt x="284" y="168"/>
                    <a:pt x="284" y="168"/>
                    <a:pt x="284" y="168"/>
                  </a:cubicBezTo>
                  <a:close/>
                  <a:moveTo>
                    <a:pt x="474" y="213"/>
                  </a:moveTo>
                  <a:cubicBezTo>
                    <a:pt x="480" y="218"/>
                    <a:pt x="480" y="216"/>
                    <a:pt x="475" y="212"/>
                  </a:cubicBezTo>
                  <a:cubicBezTo>
                    <a:pt x="471" y="207"/>
                    <a:pt x="483" y="212"/>
                    <a:pt x="491" y="212"/>
                  </a:cubicBezTo>
                  <a:cubicBezTo>
                    <a:pt x="498" y="213"/>
                    <a:pt x="491" y="202"/>
                    <a:pt x="495" y="205"/>
                  </a:cubicBezTo>
                  <a:cubicBezTo>
                    <a:pt x="498" y="210"/>
                    <a:pt x="501" y="204"/>
                    <a:pt x="503" y="210"/>
                  </a:cubicBezTo>
                  <a:cubicBezTo>
                    <a:pt x="503" y="216"/>
                    <a:pt x="504" y="215"/>
                    <a:pt x="513" y="218"/>
                  </a:cubicBezTo>
                  <a:cubicBezTo>
                    <a:pt x="521" y="221"/>
                    <a:pt x="518" y="224"/>
                    <a:pt x="513" y="224"/>
                  </a:cubicBezTo>
                  <a:cubicBezTo>
                    <a:pt x="509" y="224"/>
                    <a:pt x="507" y="230"/>
                    <a:pt x="513" y="229"/>
                  </a:cubicBezTo>
                  <a:cubicBezTo>
                    <a:pt x="521" y="227"/>
                    <a:pt x="530" y="230"/>
                    <a:pt x="532" y="233"/>
                  </a:cubicBezTo>
                  <a:cubicBezTo>
                    <a:pt x="533" y="236"/>
                    <a:pt x="539" y="235"/>
                    <a:pt x="541" y="241"/>
                  </a:cubicBezTo>
                  <a:cubicBezTo>
                    <a:pt x="541" y="247"/>
                    <a:pt x="547" y="250"/>
                    <a:pt x="542" y="252"/>
                  </a:cubicBezTo>
                  <a:cubicBezTo>
                    <a:pt x="539" y="255"/>
                    <a:pt x="538" y="258"/>
                    <a:pt x="530" y="263"/>
                  </a:cubicBezTo>
                  <a:cubicBezTo>
                    <a:pt x="524" y="268"/>
                    <a:pt x="539" y="277"/>
                    <a:pt x="533" y="274"/>
                  </a:cubicBezTo>
                  <a:cubicBezTo>
                    <a:pt x="526" y="272"/>
                    <a:pt x="527" y="280"/>
                    <a:pt x="512" y="277"/>
                  </a:cubicBezTo>
                  <a:cubicBezTo>
                    <a:pt x="497" y="272"/>
                    <a:pt x="509" y="277"/>
                    <a:pt x="501" y="281"/>
                  </a:cubicBezTo>
                  <a:cubicBezTo>
                    <a:pt x="494" y="285"/>
                    <a:pt x="503" y="295"/>
                    <a:pt x="513" y="289"/>
                  </a:cubicBezTo>
                  <a:cubicBezTo>
                    <a:pt x="524" y="285"/>
                    <a:pt x="523" y="294"/>
                    <a:pt x="527" y="289"/>
                  </a:cubicBezTo>
                  <a:cubicBezTo>
                    <a:pt x="532" y="285"/>
                    <a:pt x="530" y="294"/>
                    <a:pt x="532" y="291"/>
                  </a:cubicBezTo>
                  <a:cubicBezTo>
                    <a:pt x="533" y="288"/>
                    <a:pt x="532" y="285"/>
                    <a:pt x="541" y="294"/>
                  </a:cubicBezTo>
                  <a:cubicBezTo>
                    <a:pt x="548" y="305"/>
                    <a:pt x="545" y="295"/>
                    <a:pt x="551" y="300"/>
                  </a:cubicBezTo>
                  <a:cubicBezTo>
                    <a:pt x="556" y="305"/>
                    <a:pt x="541" y="299"/>
                    <a:pt x="550" y="306"/>
                  </a:cubicBezTo>
                  <a:cubicBezTo>
                    <a:pt x="555" y="313"/>
                    <a:pt x="564" y="309"/>
                    <a:pt x="567" y="314"/>
                  </a:cubicBezTo>
                  <a:cubicBezTo>
                    <a:pt x="571" y="319"/>
                    <a:pt x="582" y="320"/>
                    <a:pt x="590" y="323"/>
                  </a:cubicBezTo>
                  <a:cubicBezTo>
                    <a:pt x="597" y="327"/>
                    <a:pt x="596" y="319"/>
                    <a:pt x="590" y="314"/>
                  </a:cubicBezTo>
                  <a:cubicBezTo>
                    <a:pt x="583" y="308"/>
                    <a:pt x="570" y="302"/>
                    <a:pt x="571" y="299"/>
                  </a:cubicBezTo>
                  <a:cubicBezTo>
                    <a:pt x="573" y="295"/>
                    <a:pt x="580" y="306"/>
                    <a:pt x="580" y="302"/>
                  </a:cubicBezTo>
                  <a:cubicBezTo>
                    <a:pt x="582" y="299"/>
                    <a:pt x="586" y="308"/>
                    <a:pt x="594" y="309"/>
                  </a:cubicBezTo>
                  <a:cubicBezTo>
                    <a:pt x="600" y="309"/>
                    <a:pt x="603" y="322"/>
                    <a:pt x="603" y="314"/>
                  </a:cubicBezTo>
                  <a:cubicBezTo>
                    <a:pt x="602" y="306"/>
                    <a:pt x="605" y="316"/>
                    <a:pt x="603" y="306"/>
                  </a:cubicBezTo>
                  <a:cubicBezTo>
                    <a:pt x="603" y="299"/>
                    <a:pt x="605" y="311"/>
                    <a:pt x="606" y="303"/>
                  </a:cubicBezTo>
                  <a:cubicBezTo>
                    <a:pt x="608" y="295"/>
                    <a:pt x="600" y="300"/>
                    <a:pt x="603" y="295"/>
                  </a:cubicBezTo>
                  <a:cubicBezTo>
                    <a:pt x="606" y="292"/>
                    <a:pt x="597" y="295"/>
                    <a:pt x="600" y="291"/>
                  </a:cubicBezTo>
                  <a:cubicBezTo>
                    <a:pt x="603" y="288"/>
                    <a:pt x="602" y="286"/>
                    <a:pt x="593" y="283"/>
                  </a:cubicBezTo>
                  <a:cubicBezTo>
                    <a:pt x="585" y="280"/>
                    <a:pt x="588" y="271"/>
                    <a:pt x="583" y="272"/>
                  </a:cubicBezTo>
                  <a:cubicBezTo>
                    <a:pt x="577" y="274"/>
                    <a:pt x="576" y="269"/>
                    <a:pt x="582" y="269"/>
                  </a:cubicBezTo>
                  <a:cubicBezTo>
                    <a:pt x="588" y="268"/>
                    <a:pt x="577" y="261"/>
                    <a:pt x="582" y="263"/>
                  </a:cubicBezTo>
                  <a:cubicBezTo>
                    <a:pt x="588" y="264"/>
                    <a:pt x="585" y="257"/>
                    <a:pt x="590" y="263"/>
                  </a:cubicBezTo>
                  <a:cubicBezTo>
                    <a:pt x="593" y="268"/>
                    <a:pt x="594" y="263"/>
                    <a:pt x="596" y="268"/>
                  </a:cubicBezTo>
                  <a:cubicBezTo>
                    <a:pt x="596" y="271"/>
                    <a:pt x="599" y="268"/>
                    <a:pt x="599" y="272"/>
                  </a:cubicBezTo>
                  <a:cubicBezTo>
                    <a:pt x="599" y="275"/>
                    <a:pt x="618" y="289"/>
                    <a:pt x="615" y="278"/>
                  </a:cubicBezTo>
                  <a:cubicBezTo>
                    <a:pt x="614" y="268"/>
                    <a:pt x="626" y="275"/>
                    <a:pt x="625" y="271"/>
                  </a:cubicBezTo>
                  <a:cubicBezTo>
                    <a:pt x="622" y="266"/>
                    <a:pt x="628" y="269"/>
                    <a:pt x="625" y="266"/>
                  </a:cubicBezTo>
                  <a:cubicBezTo>
                    <a:pt x="623" y="263"/>
                    <a:pt x="634" y="264"/>
                    <a:pt x="629" y="257"/>
                  </a:cubicBezTo>
                  <a:cubicBezTo>
                    <a:pt x="625" y="247"/>
                    <a:pt x="615" y="260"/>
                    <a:pt x="618" y="252"/>
                  </a:cubicBezTo>
                  <a:cubicBezTo>
                    <a:pt x="620" y="244"/>
                    <a:pt x="609" y="254"/>
                    <a:pt x="612" y="249"/>
                  </a:cubicBezTo>
                  <a:cubicBezTo>
                    <a:pt x="614" y="244"/>
                    <a:pt x="611" y="246"/>
                    <a:pt x="605" y="241"/>
                  </a:cubicBezTo>
                  <a:cubicBezTo>
                    <a:pt x="599" y="236"/>
                    <a:pt x="590" y="241"/>
                    <a:pt x="588" y="235"/>
                  </a:cubicBezTo>
                  <a:cubicBezTo>
                    <a:pt x="588" y="229"/>
                    <a:pt x="571" y="235"/>
                    <a:pt x="579" y="230"/>
                  </a:cubicBezTo>
                  <a:cubicBezTo>
                    <a:pt x="586" y="226"/>
                    <a:pt x="573" y="221"/>
                    <a:pt x="580" y="222"/>
                  </a:cubicBezTo>
                  <a:cubicBezTo>
                    <a:pt x="588" y="224"/>
                    <a:pt x="594" y="219"/>
                    <a:pt x="582" y="218"/>
                  </a:cubicBezTo>
                  <a:cubicBezTo>
                    <a:pt x="568" y="216"/>
                    <a:pt x="580" y="216"/>
                    <a:pt x="585" y="213"/>
                  </a:cubicBezTo>
                  <a:cubicBezTo>
                    <a:pt x="590" y="210"/>
                    <a:pt x="579" y="205"/>
                    <a:pt x="576" y="207"/>
                  </a:cubicBezTo>
                  <a:cubicBezTo>
                    <a:pt x="574" y="208"/>
                    <a:pt x="564" y="208"/>
                    <a:pt x="571" y="205"/>
                  </a:cubicBezTo>
                  <a:cubicBezTo>
                    <a:pt x="579" y="204"/>
                    <a:pt x="579" y="204"/>
                    <a:pt x="570" y="199"/>
                  </a:cubicBezTo>
                  <a:cubicBezTo>
                    <a:pt x="559" y="194"/>
                    <a:pt x="558" y="204"/>
                    <a:pt x="558" y="198"/>
                  </a:cubicBezTo>
                  <a:cubicBezTo>
                    <a:pt x="559" y="190"/>
                    <a:pt x="553" y="196"/>
                    <a:pt x="553" y="193"/>
                  </a:cubicBezTo>
                  <a:cubicBezTo>
                    <a:pt x="553" y="188"/>
                    <a:pt x="545" y="184"/>
                    <a:pt x="541" y="190"/>
                  </a:cubicBezTo>
                  <a:cubicBezTo>
                    <a:pt x="535" y="194"/>
                    <a:pt x="535" y="188"/>
                    <a:pt x="532" y="182"/>
                  </a:cubicBezTo>
                  <a:cubicBezTo>
                    <a:pt x="529" y="176"/>
                    <a:pt x="527" y="184"/>
                    <a:pt x="524" y="177"/>
                  </a:cubicBezTo>
                  <a:cubicBezTo>
                    <a:pt x="519" y="171"/>
                    <a:pt x="513" y="174"/>
                    <a:pt x="510" y="171"/>
                  </a:cubicBezTo>
                  <a:cubicBezTo>
                    <a:pt x="507" y="170"/>
                    <a:pt x="498" y="166"/>
                    <a:pt x="495" y="174"/>
                  </a:cubicBezTo>
                  <a:cubicBezTo>
                    <a:pt x="492" y="182"/>
                    <a:pt x="488" y="170"/>
                    <a:pt x="483" y="174"/>
                  </a:cubicBezTo>
                  <a:cubicBezTo>
                    <a:pt x="478" y="180"/>
                    <a:pt x="474" y="180"/>
                    <a:pt x="477" y="177"/>
                  </a:cubicBezTo>
                  <a:cubicBezTo>
                    <a:pt x="481" y="173"/>
                    <a:pt x="480" y="165"/>
                    <a:pt x="475" y="163"/>
                  </a:cubicBezTo>
                  <a:cubicBezTo>
                    <a:pt x="471" y="162"/>
                    <a:pt x="475" y="156"/>
                    <a:pt x="471" y="156"/>
                  </a:cubicBezTo>
                  <a:cubicBezTo>
                    <a:pt x="465" y="154"/>
                    <a:pt x="443" y="157"/>
                    <a:pt x="442" y="163"/>
                  </a:cubicBezTo>
                  <a:cubicBezTo>
                    <a:pt x="442" y="171"/>
                    <a:pt x="433" y="162"/>
                    <a:pt x="439" y="173"/>
                  </a:cubicBezTo>
                  <a:cubicBezTo>
                    <a:pt x="445" y="184"/>
                    <a:pt x="433" y="176"/>
                    <a:pt x="437" y="182"/>
                  </a:cubicBezTo>
                  <a:cubicBezTo>
                    <a:pt x="443" y="190"/>
                    <a:pt x="446" y="182"/>
                    <a:pt x="446" y="188"/>
                  </a:cubicBezTo>
                  <a:cubicBezTo>
                    <a:pt x="448" y="193"/>
                    <a:pt x="428" y="185"/>
                    <a:pt x="433" y="177"/>
                  </a:cubicBezTo>
                  <a:cubicBezTo>
                    <a:pt x="437" y="170"/>
                    <a:pt x="427" y="174"/>
                    <a:pt x="434" y="165"/>
                  </a:cubicBezTo>
                  <a:cubicBezTo>
                    <a:pt x="442" y="156"/>
                    <a:pt x="445" y="157"/>
                    <a:pt x="445" y="154"/>
                  </a:cubicBezTo>
                  <a:cubicBezTo>
                    <a:pt x="445" y="152"/>
                    <a:pt x="428" y="151"/>
                    <a:pt x="418" y="159"/>
                  </a:cubicBezTo>
                  <a:cubicBezTo>
                    <a:pt x="405" y="165"/>
                    <a:pt x="411" y="166"/>
                    <a:pt x="408" y="170"/>
                  </a:cubicBezTo>
                  <a:cubicBezTo>
                    <a:pt x="404" y="173"/>
                    <a:pt x="405" y="176"/>
                    <a:pt x="404" y="184"/>
                  </a:cubicBezTo>
                  <a:cubicBezTo>
                    <a:pt x="402" y="191"/>
                    <a:pt x="404" y="191"/>
                    <a:pt x="414" y="193"/>
                  </a:cubicBezTo>
                  <a:cubicBezTo>
                    <a:pt x="425" y="193"/>
                    <a:pt x="428" y="198"/>
                    <a:pt x="419" y="196"/>
                  </a:cubicBezTo>
                  <a:cubicBezTo>
                    <a:pt x="410" y="196"/>
                    <a:pt x="405" y="196"/>
                    <a:pt x="414" y="204"/>
                  </a:cubicBezTo>
                  <a:cubicBezTo>
                    <a:pt x="422" y="212"/>
                    <a:pt x="428" y="204"/>
                    <a:pt x="433" y="208"/>
                  </a:cubicBezTo>
                  <a:cubicBezTo>
                    <a:pt x="439" y="213"/>
                    <a:pt x="445" y="210"/>
                    <a:pt x="446" y="210"/>
                  </a:cubicBezTo>
                  <a:cubicBezTo>
                    <a:pt x="456" y="213"/>
                    <a:pt x="454" y="208"/>
                    <a:pt x="463" y="213"/>
                  </a:cubicBezTo>
                  <a:cubicBezTo>
                    <a:pt x="471" y="215"/>
                    <a:pt x="468" y="207"/>
                    <a:pt x="474" y="213"/>
                  </a:cubicBezTo>
                  <a:close/>
                  <a:moveTo>
                    <a:pt x="515" y="250"/>
                  </a:moveTo>
                  <a:cubicBezTo>
                    <a:pt x="527" y="249"/>
                    <a:pt x="521" y="244"/>
                    <a:pt x="523" y="238"/>
                  </a:cubicBezTo>
                  <a:cubicBezTo>
                    <a:pt x="524" y="233"/>
                    <a:pt x="510" y="232"/>
                    <a:pt x="507" y="240"/>
                  </a:cubicBezTo>
                  <a:cubicBezTo>
                    <a:pt x="504" y="246"/>
                    <a:pt x="503" y="250"/>
                    <a:pt x="515" y="250"/>
                  </a:cubicBezTo>
                  <a:close/>
                  <a:moveTo>
                    <a:pt x="439" y="302"/>
                  </a:moveTo>
                  <a:cubicBezTo>
                    <a:pt x="439" y="308"/>
                    <a:pt x="445" y="309"/>
                    <a:pt x="448" y="303"/>
                  </a:cubicBezTo>
                  <a:cubicBezTo>
                    <a:pt x="449" y="299"/>
                    <a:pt x="453" y="303"/>
                    <a:pt x="454" y="297"/>
                  </a:cubicBezTo>
                  <a:cubicBezTo>
                    <a:pt x="456" y="292"/>
                    <a:pt x="463" y="294"/>
                    <a:pt x="463" y="297"/>
                  </a:cubicBezTo>
                  <a:cubicBezTo>
                    <a:pt x="465" y="302"/>
                    <a:pt x="466" y="299"/>
                    <a:pt x="472" y="300"/>
                  </a:cubicBezTo>
                  <a:cubicBezTo>
                    <a:pt x="477" y="303"/>
                    <a:pt x="483" y="300"/>
                    <a:pt x="480" y="295"/>
                  </a:cubicBezTo>
                  <a:cubicBezTo>
                    <a:pt x="475" y="291"/>
                    <a:pt x="477" y="295"/>
                    <a:pt x="472" y="294"/>
                  </a:cubicBezTo>
                  <a:cubicBezTo>
                    <a:pt x="468" y="292"/>
                    <a:pt x="471" y="286"/>
                    <a:pt x="463" y="285"/>
                  </a:cubicBezTo>
                  <a:cubicBezTo>
                    <a:pt x="456" y="281"/>
                    <a:pt x="451" y="272"/>
                    <a:pt x="446" y="277"/>
                  </a:cubicBezTo>
                  <a:cubicBezTo>
                    <a:pt x="443" y="280"/>
                    <a:pt x="442" y="268"/>
                    <a:pt x="437" y="269"/>
                  </a:cubicBezTo>
                  <a:cubicBezTo>
                    <a:pt x="434" y="271"/>
                    <a:pt x="431" y="283"/>
                    <a:pt x="433" y="291"/>
                  </a:cubicBezTo>
                  <a:cubicBezTo>
                    <a:pt x="434" y="297"/>
                    <a:pt x="424" y="295"/>
                    <a:pt x="427" y="300"/>
                  </a:cubicBezTo>
                  <a:cubicBezTo>
                    <a:pt x="428" y="303"/>
                    <a:pt x="440" y="297"/>
                    <a:pt x="439" y="302"/>
                  </a:cubicBezTo>
                  <a:close/>
                  <a:moveTo>
                    <a:pt x="453" y="319"/>
                  </a:moveTo>
                  <a:cubicBezTo>
                    <a:pt x="448" y="314"/>
                    <a:pt x="463" y="306"/>
                    <a:pt x="468" y="309"/>
                  </a:cubicBezTo>
                  <a:cubicBezTo>
                    <a:pt x="472" y="311"/>
                    <a:pt x="457" y="323"/>
                    <a:pt x="453" y="319"/>
                  </a:cubicBezTo>
                  <a:close/>
                  <a:moveTo>
                    <a:pt x="480" y="162"/>
                  </a:moveTo>
                  <a:cubicBezTo>
                    <a:pt x="483" y="163"/>
                    <a:pt x="478" y="166"/>
                    <a:pt x="486" y="170"/>
                  </a:cubicBezTo>
                  <a:cubicBezTo>
                    <a:pt x="492" y="171"/>
                    <a:pt x="492" y="166"/>
                    <a:pt x="500" y="168"/>
                  </a:cubicBezTo>
                  <a:cubicBezTo>
                    <a:pt x="507" y="170"/>
                    <a:pt x="516" y="170"/>
                    <a:pt x="513" y="166"/>
                  </a:cubicBezTo>
                  <a:cubicBezTo>
                    <a:pt x="509" y="162"/>
                    <a:pt x="506" y="156"/>
                    <a:pt x="495" y="156"/>
                  </a:cubicBezTo>
                  <a:cubicBezTo>
                    <a:pt x="484" y="157"/>
                    <a:pt x="477" y="151"/>
                    <a:pt x="477" y="157"/>
                  </a:cubicBezTo>
                  <a:cubicBezTo>
                    <a:pt x="477" y="160"/>
                    <a:pt x="475" y="160"/>
                    <a:pt x="480" y="162"/>
                  </a:cubicBezTo>
                  <a:close/>
                  <a:moveTo>
                    <a:pt x="352" y="109"/>
                  </a:moveTo>
                  <a:cubicBezTo>
                    <a:pt x="357" y="114"/>
                    <a:pt x="360" y="112"/>
                    <a:pt x="361" y="115"/>
                  </a:cubicBezTo>
                  <a:cubicBezTo>
                    <a:pt x="361" y="118"/>
                    <a:pt x="369" y="117"/>
                    <a:pt x="375" y="115"/>
                  </a:cubicBezTo>
                  <a:cubicBezTo>
                    <a:pt x="383" y="114"/>
                    <a:pt x="381" y="118"/>
                    <a:pt x="387" y="121"/>
                  </a:cubicBezTo>
                  <a:cubicBezTo>
                    <a:pt x="392" y="125"/>
                    <a:pt x="381" y="129"/>
                    <a:pt x="386" y="132"/>
                  </a:cubicBezTo>
                  <a:cubicBezTo>
                    <a:pt x="390" y="134"/>
                    <a:pt x="386" y="137"/>
                    <a:pt x="390" y="140"/>
                  </a:cubicBezTo>
                  <a:cubicBezTo>
                    <a:pt x="396" y="143"/>
                    <a:pt x="393" y="138"/>
                    <a:pt x="402" y="142"/>
                  </a:cubicBezTo>
                  <a:cubicBezTo>
                    <a:pt x="411" y="146"/>
                    <a:pt x="416" y="135"/>
                    <a:pt x="416" y="140"/>
                  </a:cubicBezTo>
                  <a:cubicBezTo>
                    <a:pt x="414" y="146"/>
                    <a:pt x="421" y="143"/>
                    <a:pt x="440" y="143"/>
                  </a:cubicBezTo>
                  <a:cubicBezTo>
                    <a:pt x="462" y="145"/>
                    <a:pt x="457" y="135"/>
                    <a:pt x="459" y="140"/>
                  </a:cubicBezTo>
                  <a:cubicBezTo>
                    <a:pt x="460" y="145"/>
                    <a:pt x="483" y="145"/>
                    <a:pt x="483" y="140"/>
                  </a:cubicBezTo>
                  <a:cubicBezTo>
                    <a:pt x="483" y="135"/>
                    <a:pt x="492" y="138"/>
                    <a:pt x="486" y="135"/>
                  </a:cubicBezTo>
                  <a:cubicBezTo>
                    <a:pt x="481" y="132"/>
                    <a:pt x="489" y="132"/>
                    <a:pt x="486" y="128"/>
                  </a:cubicBezTo>
                  <a:cubicBezTo>
                    <a:pt x="483" y="123"/>
                    <a:pt x="477" y="126"/>
                    <a:pt x="475" y="123"/>
                  </a:cubicBezTo>
                  <a:cubicBezTo>
                    <a:pt x="472" y="120"/>
                    <a:pt x="463" y="123"/>
                    <a:pt x="448" y="125"/>
                  </a:cubicBezTo>
                  <a:cubicBezTo>
                    <a:pt x="431" y="126"/>
                    <a:pt x="439" y="131"/>
                    <a:pt x="430" y="128"/>
                  </a:cubicBezTo>
                  <a:cubicBezTo>
                    <a:pt x="422" y="125"/>
                    <a:pt x="422" y="131"/>
                    <a:pt x="416" y="126"/>
                  </a:cubicBezTo>
                  <a:cubicBezTo>
                    <a:pt x="411" y="121"/>
                    <a:pt x="414" y="129"/>
                    <a:pt x="411" y="128"/>
                  </a:cubicBezTo>
                  <a:cubicBezTo>
                    <a:pt x="407" y="126"/>
                    <a:pt x="411" y="125"/>
                    <a:pt x="407" y="121"/>
                  </a:cubicBezTo>
                  <a:cubicBezTo>
                    <a:pt x="404" y="117"/>
                    <a:pt x="401" y="121"/>
                    <a:pt x="401" y="118"/>
                  </a:cubicBezTo>
                  <a:cubicBezTo>
                    <a:pt x="399" y="115"/>
                    <a:pt x="411" y="120"/>
                    <a:pt x="410" y="117"/>
                  </a:cubicBezTo>
                  <a:cubicBezTo>
                    <a:pt x="410" y="114"/>
                    <a:pt x="404" y="115"/>
                    <a:pt x="399" y="112"/>
                  </a:cubicBezTo>
                  <a:cubicBezTo>
                    <a:pt x="393" y="109"/>
                    <a:pt x="392" y="109"/>
                    <a:pt x="384" y="111"/>
                  </a:cubicBezTo>
                  <a:cubicBezTo>
                    <a:pt x="378" y="112"/>
                    <a:pt x="376" y="104"/>
                    <a:pt x="372" y="104"/>
                  </a:cubicBezTo>
                  <a:cubicBezTo>
                    <a:pt x="369" y="106"/>
                    <a:pt x="360" y="103"/>
                    <a:pt x="351" y="103"/>
                  </a:cubicBezTo>
                  <a:cubicBezTo>
                    <a:pt x="347" y="103"/>
                    <a:pt x="347" y="106"/>
                    <a:pt x="352" y="109"/>
                  </a:cubicBezTo>
                  <a:close/>
                  <a:moveTo>
                    <a:pt x="357" y="137"/>
                  </a:moveTo>
                  <a:cubicBezTo>
                    <a:pt x="364" y="138"/>
                    <a:pt x="361" y="142"/>
                    <a:pt x="372" y="142"/>
                  </a:cubicBezTo>
                  <a:cubicBezTo>
                    <a:pt x="381" y="142"/>
                    <a:pt x="378" y="134"/>
                    <a:pt x="373" y="129"/>
                  </a:cubicBezTo>
                  <a:cubicBezTo>
                    <a:pt x="367" y="123"/>
                    <a:pt x="360" y="125"/>
                    <a:pt x="355" y="131"/>
                  </a:cubicBezTo>
                  <a:cubicBezTo>
                    <a:pt x="354" y="134"/>
                    <a:pt x="351" y="137"/>
                    <a:pt x="357" y="137"/>
                  </a:cubicBezTo>
                  <a:close/>
                  <a:moveTo>
                    <a:pt x="373" y="177"/>
                  </a:moveTo>
                  <a:cubicBezTo>
                    <a:pt x="373" y="174"/>
                    <a:pt x="378" y="176"/>
                    <a:pt x="375" y="171"/>
                  </a:cubicBezTo>
                  <a:cubicBezTo>
                    <a:pt x="372" y="165"/>
                    <a:pt x="387" y="174"/>
                    <a:pt x="390" y="166"/>
                  </a:cubicBezTo>
                  <a:cubicBezTo>
                    <a:pt x="395" y="159"/>
                    <a:pt x="407" y="154"/>
                    <a:pt x="398" y="151"/>
                  </a:cubicBezTo>
                  <a:cubicBezTo>
                    <a:pt x="390" y="148"/>
                    <a:pt x="390" y="152"/>
                    <a:pt x="386" y="151"/>
                  </a:cubicBezTo>
                  <a:cubicBezTo>
                    <a:pt x="381" y="148"/>
                    <a:pt x="379" y="146"/>
                    <a:pt x="367" y="149"/>
                  </a:cubicBezTo>
                  <a:cubicBezTo>
                    <a:pt x="357" y="151"/>
                    <a:pt x="364" y="154"/>
                    <a:pt x="361" y="154"/>
                  </a:cubicBezTo>
                  <a:cubicBezTo>
                    <a:pt x="358" y="154"/>
                    <a:pt x="358" y="154"/>
                    <a:pt x="358" y="163"/>
                  </a:cubicBezTo>
                  <a:cubicBezTo>
                    <a:pt x="358" y="171"/>
                    <a:pt x="363" y="171"/>
                    <a:pt x="363" y="176"/>
                  </a:cubicBezTo>
                  <a:cubicBezTo>
                    <a:pt x="361" y="182"/>
                    <a:pt x="366" y="177"/>
                    <a:pt x="370" y="180"/>
                  </a:cubicBezTo>
                  <a:cubicBezTo>
                    <a:pt x="372" y="180"/>
                    <a:pt x="372" y="180"/>
                    <a:pt x="373" y="177"/>
                  </a:cubicBezTo>
                  <a:close/>
                  <a:moveTo>
                    <a:pt x="317" y="162"/>
                  </a:moveTo>
                  <a:cubicBezTo>
                    <a:pt x="323" y="163"/>
                    <a:pt x="323" y="168"/>
                    <a:pt x="319" y="170"/>
                  </a:cubicBezTo>
                  <a:cubicBezTo>
                    <a:pt x="312" y="173"/>
                    <a:pt x="308" y="160"/>
                    <a:pt x="303" y="166"/>
                  </a:cubicBezTo>
                  <a:cubicBezTo>
                    <a:pt x="300" y="170"/>
                    <a:pt x="308" y="176"/>
                    <a:pt x="317" y="179"/>
                  </a:cubicBezTo>
                  <a:cubicBezTo>
                    <a:pt x="328" y="182"/>
                    <a:pt x="329" y="191"/>
                    <a:pt x="335" y="191"/>
                  </a:cubicBezTo>
                  <a:cubicBezTo>
                    <a:pt x="341" y="193"/>
                    <a:pt x="337" y="185"/>
                    <a:pt x="341" y="187"/>
                  </a:cubicBezTo>
                  <a:cubicBezTo>
                    <a:pt x="344" y="188"/>
                    <a:pt x="352" y="185"/>
                    <a:pt x="352" y="179"/>
                  </a:cubicBezTo>
                  <a:cubicBezTo>
                    <a:pt x="352" y="174"/>
                    <a:pt x="355" y="177"/>
                    <a:pt x="354" y="171"/>
                  </a:cubicBezTo>
                  <a:cubicBezTo>
                    <a:pt x="352" y="166"/>
                    <a:pt x="351" y="174"/>
                    <a:pt x="347" y="168"/>
                  </a:cubicBezTo>
                  <a:cubicBezTo>
                    <a:pt x="343" y="163"/>
                    <a:pt x="335" y="163"/>
                    <a:pt x="344" y="162"/>
                  </a:cubicBezTo>
                  <a:cubicBezTo>
                    <a:pt x="352" y="160"/>
                    <a:pt x="341" y="159"/>
                    <a:pt x="347" y="157"/>
                  </a:cubicBezTo>
                  <a:cubicBezTo>
                    <a:pt x="352" y="154"/>
                    <a:pt x="346" y="151"/>
                    <a:pt x="338" y="154"/>
                  </a:cubicBezTo>
                  <a:cubicBezTo>
                    <a:pt x="331" y="157"/>
                    <a:pt x="326" y="149"/>
                    <a:pt x="320" y="152"/>
                  </a:cubicBezTo>
                  <a:cubicBezTo>
                    <a:pt x="314" y="156"/>
                    <a:pt x="308" y="157"/>
                    <a:pt x="316" y="160"/>
                  </a:cubicBezTo>
                  <a:cubicBezTo>
                    <a:pt x="317" y="162"/>
                    <a:pt x="317" y="162"/>
                    <a:pt x="317" y="162"/>
                  </a:cubicBezTo>
                  <a:close/>
                  <a:moveTo>
                    <a:pt x="341" y="230"/>
                  </a:moveTo>
                  <a:cubicBezTo>
                    <a:pt x="347" y="230"/>
                    <a:pt x="351" y="235"/>
                    <a:pt x="355" y="232"/>
                  </a:cubicBezTo>
                  <a:cubicBezTo>
                    <a:pt x="360" y="227"/>
                    <a:pt x="360" y="232"/>
                    <a:pt x="363" y="229"/>
                  </a:cubicBezTo>
                  <a:cubicBezTo>
                    <a:pt x="364" y="224"/>
                    <a:pt x="360" y="229"/>
                    <a:pt x="357" y="224"/>
                  </a:cubicBezTo>
                  <a:cubicBezTo>
                    <a:pt x="354" y="218"/>
                    <a:pt x="354" y="222"/>
                    <a:pt x="347" y="216"/>
                  </a:cubicBezTo>
                  <a:cubicBezTo>
                    <a:pt x="341" y="210"/>
                    <a:pt x="340" y="212"/>
                    <a:pt x="335" y="219"/>
                  </a:cubicBezTo>
                  <a:cubicBezTo>
                    <a:pt x="331" y="226"/>
                    <a:pt x="325" y="221"/>
                    <a:pt x="329" y="226"/>
                  </a:cubicBezTo>
                  <a:cubicBezTo>
                    <a:pt x="331" y="229"/>
                    <a:pt x="335" y="229"/>
                    <a:pt x="341" y="230"/>
                  </a:cubicBezTo>
                  <a:close/>
                  <a:moveTo>
                    <a:pt x="326" y="81"/>
                  </a:moveTo>
                  <a:cubicBezTo>
                    <a:pt x="331" y="79"/>
                    <a:pt x="331" y="75"/>
                    <a:pt x="322" y="75"/>
                  </a:cubicBezTo>
                  <a:cubicBezTo>
                    <a:pt x="312" y="73"/>
                    <a:pt x="320" y="73"/>
                    <a:pt x="312" y="70"/>
                  </a:cubicBezTo>
                  <a:cubicBezTo>
                    <a:pt x="305" y="67"/>
                    <a:pt x="306" y="75"/>
                    <a:pt x="303" y="70"/>
                  </a:cubicBezTo>
                  <a:cubicBezTo>
                    <a:pt x="302" y="65"/>
                    <a:pt x="282" y="61"/>
                    <a:pt x="280" y="68"/>
                  </a:cubicBezTo>
                  <a:cubicBezTo>
                    <a:pt x="279" y="75"/>
                    <a:pt x="287" y="67"/>
                    <a:pt x="287" y="73"/>
                  </a:cubicBezTo>
                  <a:cubicBezTo>
                    <a:pt x="285" y="78"/>
                    <a:pt x="290" y="70"/>
                    <a:pt x="293" y="75"/>
                  </a:cubicBezTo>
                  <a:cubicBezTo>
                    <a:pt x="297" y="81"/>
                    <a:pt x="290" y="78"/>
                    <a:pt x="285" y="79"/>
                  </a:cubicBezTo>
                  <a:cubicBezTo>
                    <a:pt x="284" y="79"/>
                    <a:pt x="285" y="86"/>
                    <a:pt x="296" y="82"/>
                  </a:cubicBezTo>
                  <a:cubicBezTo>
                    <a:pt x="308" y="79"/>
                    <a:pt x="297" y="84"/>
                    <a:pt x="309" y="82"/>
                  </a:cubicBezTo>
                  <a:cubicBezTo>
                    <a:pt x="320" y="81"/>
                    <a:pt x="312" y="93"/>
                    <a:pt x="328" y="90"/>
                  </a:cubicBezTo>
                  <a:cubicBezTo>
                    <a:pt x="340" y="89"/>
                    <a:pt x="323" y="81"/>
                    <a:pt x="326" y="81"/>
                  </a:cubicBezTo>
                  <a:close/>
                  <a:moveTo>
                    <a:pt x="418" y="114"/>
                  </a:moveTo>
                  <a:cubicBezTo>
                    <a:pt x="421" y="117"/>
                    <a:pt x="427" y="114"/>
                    <a:pt x="430" y="112"/>
                  </a:cubicBezTo>
                  <a:cubicBezTo>
                    <a:pt x="433" y="111"/>
                    <a:pt x="434" y="115"/>
                    <a:pt x="443" y="115"/>
                  </a:cubicBezTo>
                  <a:cubicBezTo>
                    <a:pt x="453" y="115"/>
                    <a:pt x="446" y="111"/>
                    <a:pt x="456" y="114"/>
                  </a:cubicBezTo>
                  <a:cubicBezTo>
                    <a:pt x="466" y="117"/>
                    <a:pt x="478" y="107"/>
                    <a:pt x="477" y="114"/>
                  </a:cubicBezTo>
                  <a:cubicBezTo>
                    <a:pt x="474" y="120"/>
                    <a:pt x="484" y="117"/>
                    <a:pt x="491" y="114"/>
                  </a:cubicBezTo>
                  <a:cubicBezTo>
                    <a:pt x="495" y="111"/>
                    <a:pt x="500" y="115"/>
                    <a:pt x="501" y="107"/>
                  </a:cubicBezTo>
                  <a:cubicBezTo>
                    <a:pt x="501" y="101"/>
                    <a:pt x="491" y="107"/>
                    <a:pt x="491" y="103"/>
                  </a:cubicBezTo>
                  <a:cubicBezTo>
                    <a:pt x="491" y="98"/>
                    <a:pt x="494" y="100"/>
                    <a:pt x="498" y="96"/>
                  </a:cubicBezTo>
                  <a:cubicBezTo>
                    <a:pt x="504" y="93"/>
                    <a:pt x="491" y="86"/>
                    <a:pt x="504" y="89"/>
                  </a:cubicBezTo>
                  <a:cubicBezTo>
                    <a:pt x="515" y="90"/>
                    <a:pt x="524" y="84"/>
                    <a:pt x="521" y="81"/>
                  </a:cubicBezTo>
                  <a:cubicBezTo>
                    <a:pt x="518" y="78"/>
                    <a:pt x="532" y="78"/>
                    <a:pt x="519" y="73"/>
                  </a:cubicBezTo>
                  <a:cubicBezTo>
                    <a:pt x="509" y="67"/>
                    <a:pt x="529" y="75"/>
                    <a:pt x="527" y="70"/>
                  </a:cubicBezTo>
                  <a:cubicBezTo>
                    <a:pt x="524" y="65"/>
                    <a:pt x="521" y="67"/>
                    <a:pt x="516" y="67"/>
                  </a:cubicBezTo>
                  <a:cubicBezTo>
                    <a:pt x="510" y="67"/>
                    <a:pt x="501" y="68"/>
                    <a:pt x="504" y="65"/>
                  </a:cubicBezTo>
                  <a:cubicBezTo>
                    <a:pt x="507" y="64"/>
                    <a:pt x="526" y="64"/>
                    <a:pt x="533" y="62"/>
                  </a:cubicBezTo>
                  <a:cubicBezTo>
                    <a:pt x="542" y="62"/>
                    <a:pt x="535" y="56"/>
                    <a:pt x="539" y="59"/>
                  </a:cubicBezTo>
                  <a:cubicBezTo>
                    <a:pt x="544" y="61"/>
                    <a:pt x="551" y="61"/>
                    <a:pt x="556" y="56"/>
                  </a:cubicBezTo>
                  <a:cubicBezTo>
                    <a:pt x="561" y="50"/>
                    <a:pt x="571" y="45"/>
                    <a:pt x="591" y="37"/>
                  </a:cubicBezTo>
                  <a:cubicBezTo>
                    <a:pt x="611" y="30"/>
                    <a:pt x="611" y="28"/>
                    <a:pt x="594" y="30"/>
                  </a:cubicBezTo>
                  <a:cubicBezTo>
                    <a:pt x="579" y="31"/>
                    <a:pt x="591" y="28"/>
                    <a:pt x="600" y="25"/>
                  </a:cubicBezTo>
                  <a:cubicBezTo>
                    <a:pt x="611" y="23"/>
                    <a:pt x="634" y="19"/>
                    <a:pt x="634" y="16"/>
                  </a:cubicBezTo>
                  <a:cubicBezTo>
                    <a:pt x="634" y="11"/>
                    <a:pt x="617" y="14"/>
                    <a:pt x="617" y="9"/>
                  </a:cubicBezTo>
                  <a:cubicBezTo>
                    <a:pt x="618" y="6"/>
                    <a:pt x="605" y="5"/>
                    <a:pt x="602" y="5"/>
                  </a:cubicBezTo>
                  <a:cubicBezTo>
                    <a:pt x="597" y="6"/>
                    <a:pt x="597" y="5"/>
                    <a:pt x="591" y="8"/>
                  </a:cubicBezTo>
                  <a:cubicBezTo>
                    <a:pt x="583" y="11"/>
                    <a:pt x="571" y="9"/>
                    <a:pt x="579" y="8"/>
                  </a:cubicBezTo>
                  <a:cubicBezTo>
                    <a:pt x="585" y="8"/>
                    <a:pt x="594" y="5"/>
                    <a:pt x="583" y="5"/>
                  </a:cubicBezTo>
                  <a:cubicBezTo>
                    <a:pt x="571" y="5"/>
                    <a:pt x="568" y="0"/>
                    <a:pt x="559" y="2"/>
                  </a:cubicBezTo>
                  <a:cubicBezTo>
                    <a:pt x="550" y="3"/>
                    <a:pt x="548" y="0"/>
                    <a:pt x="539" y="3"/>
                  </a:cubicBezTo>
                  <a:cubicBezTo>
                    <a:pt x="532" y="6"/>
                    <a:pt x="523" y="0"/>
                    <a:pt x="503" y="5"/>
                  </a:cubicBezTo>
                  <a:cubicBezTo>
                    <a:pt x="494" y="8"/>
                    <a:pt x="488" y="2"/>
                    <a:pt x="481" y="5"/>
                  </a:cubicBezTo>
                  <a:cubicBezTo>
                    <a:pt x="475" y="8"/>
                    <a:pt x="468" y="3"/>
                    <a:pt x="474" y="8"/>
                  </a:cubicBezTo>
                  <a:cubicBezTo>
                    <a:pt x="480" y="14"/>
                    <a:pt x="466" y="6"/>
                    <a:pt x="465" y="11"/>
                  </a:cubicBezTo>
                  <a:cubicBezTo>
                    <a:pt x="463" y="16"/>
                    <a:pt x="460" y="16"/>
                    <a:pt x="451" y="14"/>
                  </a:cubicBezTo>
                  <a:cubicBezTo>
                    <a:pt x="442" y="14"/>
                    <a:pt x="453" y="13"/>
                    <a:pt x="442" y="11"/>
                  </a:cubicBezTo>
                  <a:cubicBezTo>
                    <a:pt x="431" y="11"/>
                    <a:pt x="446" y="16"/>
                    <a:pt x="434" y="16"/>
                  </a:cubicBezTo>
                  <a:cubicBezTo>
                    <a:pt x="422" y="17"/>
                    <a:pt x="445" y="19"/>
                    <a:pt x="439" y="20"/>
                  </a:cubicBezTo>
                  <a:cubicBezTo>
                    <a:pt x="433" y="22"/>
                    <a:pt x="430" y="17"/>
                    <a:pt x="419" y="19"/>
                  </a:cubicBezTo>
                  <a:cubicBezTo>
                    <a:pt x="408" y="20"/>
                    <a:pt x="413" y="23"/>
                    <a:pt x="405" y="22"/>
                  </a:cubicBezTo>
                  <a:cubicBezTo>
                    <a:pt x="398" y="20"/>
                    <a:pt x="389" y="25"/>
                    <a:pt x="390" y="28"/>
                  </a:cubicBezTo>
                  <a:cubicBezTo>
                    <a:pt x="393" y="33"/>
                    <a:pt x="395" y="28"/>
                    <a:pt x="399" y="31"/>
                  </a:cubicBezTo>
                  <a:cubicBezTo>
                    <a:pt x="402" y="33"/>
                    <a:pt x="408" y="30"/>
                    <a:pt x="405" y="33"/>
                  </a:cubicBezTo>
                  <a:cubicBezTo>
                    <a:pt x="401" y="36"/>
                    <a:pt x="401" y="39"/>
                    <a:pt x="408" y="41"/>
                  </a:cubicBezTo>
                  <a:cubicBezTo>
                    <a:pt x="416" y="42"/>
                    <a:pt x="421" y="47"/>
                    <a:pt x="428" y="42"/>
                  </a:cubicBezTo>
                  <a:cubicBezTo>
                    <a:pt x="436" y="37"/>
                    <a:pt x="445" y="37"/>
                    <a:pt x="439" y="39"/>
                  </a:cubicBezTo>
                  <a:cubicBezTo>
                    <a:pt x="433" y="41"/>
                    <a:pt x="421" y="45"/>
                    <a:pt x="440" y="47"/>
                  </a:cubicBezTo>
                  <a:cubicBezTo>
                    <a:pt x="459" y="48"/>
                    <a:pt x="453" y="41"/>
                    <a:pt x="459" y="44"/>
                  </a:cubicBezTo>
                  <a:cubicBezTo>
                    <a:pt x="463" y="47"/>
                    <a:pt x="480" y="44"/>
                    <a:pt x="492" y="36"/>
                  </a:cubicBezTo>
                  <a:cubicBezTo>
                    <a:pt x="506" y="30"/>
                    <a:pt x="488" y="39"/>
                    <a:pt x="500" y="41"/>
                  </a:cubicBezTo>
                  <a:cubicBezTo>
                    <a:pt x="512" y="41"/>
                    <a:pt x="501" y="42"/>
                    <a:pt x="478" y="47"/>
                  </a:cubicBezTo>
                  <a:cubicBezTo>
                    <a:pt x="457" y="51"/>
                    <a:pt x="457" y="48"/>
                    <a:pt x="466" y="54"/>
                  </a:cubicBezTo>
                  <a:cubicBezTo>
                    <a:pt x="474" y="61"/>
                    <a:pt x="484" y="61"/>
                    <a:pt x="475" y="62"/>
                  </a:cubicBezTo>
                  <a:cubicBezTo>
                    <a:pt x="468" y="64"/>
                    <a:pt x="468" y="58"/>
                    <a:pt x="460" y="53"/>
                  </a:cubicBezTo>
                  <a:cubicBezTo>
                    <a:pt x="453" y="50"/>
                    <a:pt x="431" y="47"/>
                    <a:pt x="431" y="53"/>
                  </a:cubicBezTo>
                  <a:cubicBezTo>
                    <a:pt x="431" y="58"/>
                    <a:pt x="431" y="58"/>
                    <a:pt x="439" y="59"/>
                  </a:cubicBezTo>
                  <a:cubicBezTo>
                    <a:pt x="446" y="62"/>
                    <a:pt x="453" y="68"/>
                    <a:pt x="448" y="68"/>
                  </a:cubicBezTo>
                  <a:cubicBezTo>
                    <a:pt x="445" y="70"/>
                    <a:pt x="445" y="72"/>
                    <a:pt x="453" y="73"/>
                  </a:cubicBezTo>
                  <a:cubicBezTo>
                    <a:pt x="462" y="73"/>
                    <a:pt x="465" y="76"/>
                    <a:pt x="457" y="75"/>
                  </a:cubicBezTo>
                  <a:cubicBezTo>
                    <a:pt x="448" y="73"/>
                    <a:pt x="430" y="75"/>
                    <a:pt x="427" y="78"/>
                  </a:cubicBezTo>
                  <a:cubicBezTo>
                    <a:pt x="422" y="81"/>
                    <a:pt x="421" y="87"/>
                    <a:pt x="428" y="86"/>
                  </a:cubicBezTo>
                  <a:cubicBezTo>
                    <a:pt x="436" y="84"/>
                    <a:pt x="431" y="87"/>
                    <a:pt x="439" y="86"/>
                  </a:cubicBezTo>
                  <a:cubicBezTo>
                    <a:pt x="445" y="84"/>
                    <a:pt x="437" y="87"/>
                    <a:pt x="442" y="93"/>
                  </a:cubicBezTo>
                  <a:cubicBezTo>
                    <a:pt x="446" y="100"/>
                    <a:pt x="457" y="93"/>
                    <a:pt x="462" y="87"/>
                  </a:cubicBezTo>
                  <a:cubicBezTo>
                    <a:pt x="466" y="82"/>
                    <a:pt x="457" y="100"/>
                    <a:pt x="446" y="100"/>
                  </a:cubicBezTo>
                  <a:cubicBezTo>
                    <a:pt x="437" y="98"/>
                    <a:pt x="437" y="89"/>
                    <a:pt x="427" y="89"/>
                  </a:cubicBezTo>
                  <a:cubicBezTo>
                    <a:pt x="418" y="89"/>
                    <a:pt x="416" y="90"/>
                    <a:pt x="419" y="95"/>
                  </a:cubicBezTo>
                  <a:cubicBezTo>
                    <a:pt x="424" y="98"/>
                    <a:pt x="431" y="103"/>
                    <a:pt x="422" y="103"/>
                  </a:cubicBezTo>
                  <a:cubicBezTo>
                    <a:pt x="411" y="103"/>
                    <a:pt x="404" y="107"/>
                    <a:pt x="408" y="112"/>
                  </a:cubicBezTo>
                  <a:cubicBezTo>
                    <a:pt x="411" y="114"/>
                    <a:pt x="413" y="111"/>
                    <a:pt x="418" y="114"/>
                  </a:cubicBezTo>
                  <a:close/>
                  <a:moveTo>
                    <a:pt x="369" y="37"/>
                  </a:moveTo>
                  <a:cubicBezTo>
                    <a:pt x="364" y="37"/>
                    <a:pt x="363" y="37"/>
                    <a:pt x="361" y="42"/>
                  </a:cubicBezTo>
                  <a:cubicBezTo>
                    <a:pt x="360" y="45"/>
                    <a:pt x="357" y="44"/>
                    <a:pt x="354" y="48"/>
                  </a:cubicBezTo>
                  <a:cubicBezTo>
                    <a:pt x="351" y="53"/>
                    <a:pt x="369" y="51"/>
                    <a:pt x="367" y="53"/>
                  </a:cubicBezTo>
                  <a:cubicBezTo>
                    <a:pt x="366" y="58"/>
                    <a:pt x="351" y="50"/>
                    <a:pt x="351" y="54"/>
                  </a:cubicBezTo>
                  <a:cubicBezTo>
                    <a:pt x="349" y="58"/>
                    <a:pt x="354" y="59"/>
                    <a:pt x="361" y="65"/>
                  </a:cubicBezTo>
                  <a:cubicBezTo>
                    <a:pt x="367" y="70"/>
                    <a:pt x="373" y="62"/>
                    <a:pt x="372" y="65"/>
                  </a:cubicBezTo>
                  <a:cubicBezTo>
                    <a:pt x="369" y="70"/>
                    <a:pt x="387" y="62"/>
                    <a:pt x="384" y="65"/>
                  </a:cubicBezTo>
                  <a:cubicBezTo>
                    <a:pt x="383" y="70"/>
                    <a:pt x="367" y="70"/>
                    <a:pt x="372" y="73"/>
                  </a:cubicBezTo>
                  <a:cubicBezTo>
                    <a:pt x="375" y="75"/>
                    <a:pt x="378" y="79"/>
                    <a:pt x="383" y="82"/>
                  </a:cubicBezTo>
                  <a:cubicBezTo>
                    <a:pt x="389" y="84"/>
                    <a:pt x="401" y="89"/>
                    <a:pt x="401" y="84"/>
                  </a:cubicBezTo>
                  <a:cubicBezTo>
                    <a:pt x="401" y="79"/>
                    <a:pt x="408" y="87"/>
                    <a:pt x="407" y="82"/>
                  </a:cubicBezTo>
                  <a:cubicBezTo>
                    <a:pt x="404" y="76"/>
                    <a:pt x="407" y="79"/>
                    <a:pt x="411" y="84"/>
                  </a:cubicBezTo>
                  <a:cubicBezTo>
                    <a:pt x="416" y="89"/>
                    <a:pt x="413" y="78"/>
                    <a:pt x="416" y="79"/>
                  </a:cubicBezTo>
                  <a:cubicBezTo>
                    <a:pt x="421" y="79"/>
                    <a:pt x="425" y="75"/>
                    <a:pt x="431" y="72"/>
                  </a:cubicBezTo>
                  <a:cubicBezTo>
                    <a:pt x="437" y="68"/>
                    <a:pt x="448" y="67"/>
                    <a:pt x="443" y="65"/>
                  </a:cubicBezTo>
                  <a:cubicBezTo>
                    <a:pt x="437" y="62"/>
                    <a:pt x="439" y="59"/>
                    <a:pt x="428" y="61"/>
                  </a:cubicBezTo>
                  <a:cubicBezTo>
                    <a:pt x="419" y="64"/>
                    <a:pt x="434" y="59"/>
                    <a:pt x="427" y="54"/>
                  </a:cubicBezTo>
                  <a:cubicBezTo>
                    <a:pt x="421" y="51"/>
                    <a:pt x="428" y="48"/>
                    <a:pt x="419" y="47"/>
                  </a:cubicBezTo>
                  <a:cubicBezTo>
                    <a:pt x="410" y="47"/>
                    <a:pt x="418" y="54"/>
                    <a:pt x="413" y="51"/>
                  </a:cubicBezTo>
                  <a:cubicBezTo>
                    <a:pt x="407" y="50"/>
                    <a:pt x="414" y="47"/>
                    <a:pt x="405" y="45"/>
                  </a:cubicBezTo>
                  <a:cubicBezTo>
                    <a:pt x="396" y="45"/>
                    <a:pt x="389" y="31"/>
                    <a:pt x="373" y="31"/>
                  </a:cubicBezTo>
                  <a:cubicBezTo>
                    <a:pt x="363" y="33"/>
                    <a:pt x="379" y="37"/>
                    <a:pt x="369" y="37"/>
                  </a:cubicBezTo>
                  <a:close/>
                  <a:moveTo>
                    <a:pt x="344" y="84"/>
                  </a:moveTo>
                  <a:cubicBezTo>
                    <a:pt x="351" y="86"/>
                    <a:pt x="338" y="87"/>
                    <a:pt x="344" y="87"/>
                  </a:cubicBezTo>
                  <a:cubicBezTo>
                    <a:pt x="351" y="89"/>
                    <a:pt x="344" y="93"/>
                    <a:pt x="351" y="90"/>
                  </a:cubicBezTo>
                  <a:cubicBezTo>
                    <a:pt x="357" y="89"/>
                    <a:pt x="366" y="89"/>
                    <a:pt x="364" y="86"/>
                  </a:cubicBezTo>
                  <a:cubicBezTo>
                    <a:pt x="361" y="82"/>
                    <a:pt x="370" y="82"/>
                    <a:pt x="364" y="81"/>
                  </a:cubicBezTo>
                  <a:cubicBezTo>
                    <a:pt x="357" y="78"/>
                    <a:pt x="358" y="81"/>
                    <a:pt x="352" y="76"/>
                  </a:cubicBezTo>
                  <a:cubicBezTo>
                    <a:pt x="346" y="73"/>
                    <a:pt x="335" y="73"/>
                    <a:pt x="338" y="76"/>
                  </a:cubicBezTo>
                  <a:cubicBezTo>
                    <a:pt x="340" y="81"/>
                    <a:pt x="332" y="79"/>
                    <a:pt x="338" y="82"/>
                  </a:cubicBezTo>
                  <a:cubicBezTo>
                    <a:pt x="341" y="82"/>
                    <a:pt x="338" y="82"/>
                    <a:pt x="344" y="84"/>
                  </a:cubicBezTo>
                  <a:close/>
                  <a:moveTo>
                    <a:pt x="329" y="58"/>
                  </a:moveTo>
                  <a:cubicBezTo>
                    <a:pt x="332" y="61"/>
                    <a:pt x="335" y="61"/>
                    <a:pt x="335" y="56"/>
                  </a:cubicBezTo>
                  <a:cubicBezTo>
                    <a:pt x="334" y="51"/>
                    <a:pt x="323" y="50"/>
                    <a:pt x="323" y="54"/>
                  </a:cubicBezTo>
                  <a:cubicBezTo>
                    <a:pt x="325" y="58"/>
                    <a:pt x="326" y="56"/>
                    <a:pt x="329" y="58"/>
                  </a:cubicBezTo>
                  <a:close/>
                  <a:moveTo>
                    <a:pt x="238" y="142"/>
                  </a:moveTo>
                  <a:cubicBezTo>
                    <a:pt x="245" y="138"/>
                    <a:pt x="250" y="134"/>
                    <a:pt x="256" y="135"/>
                  </a:cubicBezTo>
                  <a:cubicBezTo>
                    <a:pt x="262" y="138"/>
                    <a:pt x="259" y="134"/>
                    <a:pt x="265" y="135"/>
                  </a:cubicBezTo>
                  <a:cubicBezTo>
                    <a:pt x="271" y="137"/>
                    <a:pt x="276" y="135"/>
                    <a:pt x="282" y="128"/>
                  </a:cubicBezTo>
                  <a:cubicBezTo>
                    <a:pt x="288" y="120"/>
                    <a:pt x="274" y="118"/>
                    <a:pt x="270" y="120"/>
                  </a:cubicBezTo>
                  <a:cubicBezTo>
                    <a:pt x="267" y="121"/>
                    <a:pt x="262" y="125"/>
                    <a:pt x="264" y="121"/>
                  </a:cubicBezTo>
                  <a:cubicBezTo>
                    <a:pt x="265" y="117"/>
                    <a:pt x="258" y="120"/>
                    <a:pt x="261" y="117"/>
                  </a:cubicBezTo>
                  <a:cubicBezTo>
                    <a:pt x="264" y="114"/>
                    <a:pt x="258" y="117"/>
                    <a:pt x="258" y="109"/>
                  </a:cubicBezTo>
                  <a:cubicBezTo>
                    <a:pt x="258" y="103"/>
                    <a:pt x="252" y="107"/>
                    <a:pt x="244" y="112"/>
                  </a:cubicBezTo>
                  <a:cubicBezTo>
                    <a:pt x="236" y="117"/>
                    <a:pt x="255" y="117"/>
                    <a:pt x="249" y="120"/>
                  </a:cubicBezTo>
                  <a:cubicBezTo>
                    <a:pt x="242" y="125"/>
                    <a:pt x="256" y="123"/>
                    <a:pt x="255" y="126"/>
                  </a:cubicBezTo>
                  <a:cubicBezTo>
                    <a:pt x="253" y="131"/>
                    <a:pt x="249" y="125"/>
                    <a:pt x="241" y="126"/>
                  </a:cubicBezTo>
                  <a:cubicBezTo>
                    <a:pt x="232" y="128"/>
                    <a:pt x="239" y="126"/>
                    <a:pt x="229" y="118"/>
                  </a:cubicBezTo>
                  <a:cubicBezTo>
                    <a:pt x="217" y="111"/>
                    <a:pt x="217" y="121"/>
                    <a:pt x="213" y="115"/>
                  </a:cubicBezTo>
                  <a:cubicBezTo>
                    <a:pt x="210" y="109"/>
                    <a:pt x="206" y="112"/>
                    <a:pt x="197" y="117"/>
                  </a:cubicBezTo>
                  <a:cubicBezTo>
                    <a:pt x="188" y="120"/>
                    <a:pt x="198" y="117"/>
                    <a:pt x="191" y="123"/>
                  </a:cubicBezTo>
                  <a:cubicBezTo>
                    <a:pt x="185" y="128"/>
                    <a:pt x="194" y="125"/>
                    <a:pt x="188" y="128"/>
                  </a:cubicBezTo>
                  <a:cubicBezTo>
                    <a:pt x="182" y="132"/>
                    <a:pt x="188" y="132"/>
                    <a:pt x="195" y="135"/>
                  </a:cubicBezTo>
                  <a:cubicBezTo>
                    <a:pt x="203" y="137"/>
                    <a:pt x="203" y="132"/>
                    <a:pt x="204" y="134"/>
                  </a:cubicBezTo>
                  <a:cubicBezTo>
                    <a:pt x="206" y="137"/>
                    <a:pt x="209" y="138"/>
                    <a:pt x="212" y="134"/>
                  </a:cubicBezTo>
                  <a:cubicBezTo>
                    <a:pt x="215" y="129"/>
                    <a:pt x="217" y="129"/>
                    <a:pt x="215" y="132"/>
                  </a:cubicBezTo>
                  <a:cubicBezTo>
                    <a:pt x="213" y="135"/>
                    <a:pt x="218" y="135"/>
                    <a:pt x="230" y="132"/>
                  </a:cubicBezTo>
                  <a:cubicBezTo>
                    <a:pt x="242" y="131"/>
                    <a:pt x="236" y="135"/>
                    <a:pt x="227" y="135"/>
                  </a:cubicBezTo>
                  <a:cubicBezTo>
                    <a:pt x="218" y="137"/>
                    <a:pt x="204" y="140"/>
                    <a:pt x="215" y="143"/>
                  </a:cubicBezTo>
                  <a:cubicBezTo>
                    <a:pt x="221" y="146"/>
                    <a:pt x="229" y="143"/>
                    <a:pt x="238" y="142"/>
                  </a:cubicBezTo>
                  <a:close/>
                  <a:moveTo>
                    <a:pt x="288" y="96"/>
                  </a:moveTo>
                  <a:cubicBezTo>
                    <a:pt x="284" y="92"/>
                    <a:pt x="276" y="90"/>
                    <a:pt x="277" y="93"/>
                  </a:cubicBezTo>
                  <a:cubicBezTo>
                    <a:pt x="279" y="96"/>
                    <a:pt x="280" y="103"/>
                    <a:pt x="288" y="103"/>
                  </a:cubicBezTo>
                  <a:cubicBezTo>
                    <a:pt x="291" y="101"/>
                    <a:pt x="293" y="101"/>
                    <a:pt x="288" y="96"/>
                  </a:cubicBezTo>
                  <a:close/>
                  <a:moveTo>
                    <a:pt x="192" y="111"/>
                  </a:moveTo>
                  <a:cubicBezTo>
                    <a:pt x="198" y="111"/>
                    <a:pt x="204" y="107"/>
                    <a:pt x="197" y="104"/>
                  </a:cubicBezTo>
                  <a:cubicBezTo>
                    <a:pt x="191" y="100"/>
                    <a:pt x="207" y="100"/>
                    <a:pt x="198" y="96"/>
                  </a:cubicBezTo>
                  <a:cubicBezTo>
                    <a:pt x="192" y="93"/>
                    <a:pt x="191" y="95"/>
                    <a:pt x="189" y="98"/>
                  </a:cubicBezTo>
                  <a:cubicBezTo>
                    <a:pt x="188" y="101"/>
                    <a:pt x="180" y="92"/>
                    <a:pt x="168" y="103"/>
                  </a:cubicBezTo>
                  <a:cubicBezTo>
                    <a:pt x="157" y="111"/>
                    <a:pt x="162" y="106"/>
                    <a:pt x="156" y="111"/>
                  </a:cubicBezTo>
                  <a:cubicBezTo>
                    <a:pt x="150" y="117"/>
                    <a:pt x="150" y="109"/>
                    <a:pt x="145" y="115"/>
                  </a:cubicBezTo>
                  <a:cubicBezTo>
                    <a:pt x="139" y="120"/>
                    <a:pt x="147" y="117"/>
                    <a:pt x="145" y="120"/>
                  </a:cubicBezTo>
                  <a:cubicBezTo>
                    <a:pt x="143" y="121"/>
                    <a:pt x="147" y="121"/>
                    <a:pt x="150" y="120"/>
                  </a:cubicBezTo>
                  <a:cubicBezTo>
                    <a:pt x="153" y="117"/>
                    <a:pt x="153" y="121"/>
                    <a:pt x="157" y="120"/>
                  </a:cubicBezTo>
                  <a:cubicBezTo>
                    <a:pt x="160" y="120"/>
                    <a:pt x="159" y="115"/>
                    <a:pt x="162" y="120"/>
                  </a:cubicBezTo>
                  <a:cubicBezTo>
                    <a:pt x="163" y="125"/>
                    <a:pt x="169" y="125"/>
                    <a:pt x="169" y="118"/>
                  </a:cubicBezTo>
                  <a:cubicBezTo>
                    <a:pt x="169" y="112"/>
                    <a:pt x="171" y="125"/>
                    <a:pt x="177" y="114"/>
                  </a:cubicBezTo>
                  <a:cubicBezTo>
                    <a:pt x="180" y="107"/>
                    <a:pt x="175" y="111"/>
                    <a:pt x="182" y="107"/>
                  </a:cubicBezTo>
                  <a:cubicBezTo>
                    <a:pt x="188" y="104"/>
                    <a:pt x="178" y="114"/>
                    <a:pt x="186" y="115"/>
                  </a:cubicBezTo>
                  <a:cubicBezTo>
                    <a:pt x="195" y="117"/>
                    <a:pt x="188" y="111"/>
                    <a:pt x="192" y="111"/>
                  </a:cubicBezTo>
                  <a:close/>
                  <a:moveTo>
                    <a:pt x="232" y="82"/>
                  </a:moveTo>
                  <a:cubicBezTo>
                    <a:pt x="236" y="84"/>
                    <a:pt x="232" y="82"/>
                    <a:pt x="241" y="82"/>
                  </a:cubicBezTo>
                  <a:cubicBezTo>
                    <a:pt x="250" y="84"/>
                    <a:pt x="256" y="81"/>
                    <a:pt x="247" y="78"/>
                  </a:cubicBezTo>
                  <a:cubicBezTo>
                    <a:pt x="236" y="73"/>
                    <a:pt x="236" y="78"/>
                    <a:pt x="227" y="79"/>
                  </a:cubicBezTo>
                  <a:cubicBezTo>
                    <a:pt x="218" y="81"/>
                    <a:pt x="218" y="84"/>
                    <a:pt x="224" y="82"/>
                  </a:cubicBezTo>
                  <a:cubicBezTo>
                    <a:pt x="226" y="82"/>
                    <a:pt x="226" y="82"/>
                    <a:pt x="232" y="82"/>
                  </a:cubicBezTo>
                  <a:close/>
                  <a:moveTo>
                    <a:pt x="239" y="96"/>
                  </a:moveTo>
                  <a:cubicBezTo>
                    <a:pt x="247" y="95"/>
                    <a:pt x="249" y="92"/>
                    <a:pt x="241" y="90"/>
                  </a:cubicBezTo>
                  <a:cubicBezTo>
                    <a:pt x="235" y="90"/>
                    <a:pt x="247" y="90"/>
                    <a:pt x="249" y="87"/>
                  </a:cubicBezTo>
                  <a:cubicBezTo>
                    <a:pt x="250" y="84"/>
                    <a:pt x="239" y="86"/>
                    <a:pt x="229" y="87"/>
                  </a:cubicBezTo>
                  <a:cubicBezTo>
                    <a:pt x="218" y="89"/>
                    <a:pt x="218" y="90"/>
                    <a:pt x="220" y="95"/>
                  </a:cubicBezTo>
                  <a:cubicBezTo>
                    <a:pt x="223" y="100"/>
                    <a:pt x="232" y="98"/>
                    <a:pt x="239" y="96"/>
                  </a:cubicBezTo>
                  <a:close/>
                  <a:moveTo>
                    <a:pt x="335" y="135"/>
                  </a:moveTo>
                  <a:cubicBezTo>
                    <a:pt x="340" y="135"/>
                    <a:pt x="344" y="135"/>
                    <a:pt x="343" y="131"/>
                  </a:cubicBezTo>
                  <a:cubicBezTo>
                    <a:pt x="341" y="128"/>
                    <a:pt x="341" y="125"/>
                    <a:pt x="344" y="128"/>
                  </a:cubicBezTo>
                  <a:cubicBezTo>
                    <a:pt x="347" y="131"/>
                    <a:pt x="347" y="128"/>
                    <a:pt x="344" y="125"/>
                  </a:cubicBezTo>
                  <a:cubicBezTo>
                    <a:pt x="341" y="120"/>
                    <a:pt x="346" y="114"/>
                    <a:pt x="338" y="109"/>
                  </a:cubicBezTo>
                  <a:cubicBezTo>
                    <a:pt x="331" y="106"/>
                    <a:pt x="334" y="114"/>
                    <a:pt x="331" y="111"/>
                  </a:cubicBezTo>
                  <a:cubicBezTo>
                    <a:pt x="326" y="109"/>
                    <a:pt x="323" y="109"/>
                    <a:pt x="319" y="111"/>
                  </a:cubicBezTo>
                  <a:cubicBezTo>
                    <a:pt x="314" y="112"/>
                    <a:pt x="320" y="114"/>
                    <a:pt x="326" y="121"/>
                  </a:cubicBezTo>
                  <a:cubicBezTo>
                    <a:pt x="312" y="115"/>
                    <a:pt x="320" y="114"/>
                    <a:pt x="312" y="112"/>
                  </a:cubicBezTo>
                  <a:cubicBezTo>
                    <a:pt x="305" y="112"/>
                    <a:pt x="306" y="114"/>
                    <a:pt x="311" y="120"/>
                  </a:cubicBezTo>
                  <a:cubicBezTo>
                    <a:pt x="316" y="125"/>
                    <a:pt x="311" y="120"/>
                    <a:pt x="308" y="121"/>
                  </a:cubicBezTo>
                  <a:cubicBezTo>
                    <a:pt x="306" y="125"/>
                    <a:pt x="300" y="123"/>
                    <a:pt x="303" y="126"/>
                  </a:cubicBezTo>
                  <a:cubicBezTo>
                    <a:pt x="305" y="129"/>
                    <a:pt x="323" y="125"/>
                    <a:pt x="329" y="125"/>
                  </a:cubicBezTo>
                  <a:cubicBezTo>
                    <a:pt x="334" y="125"/>
                    <a:pt x="317" y="126"/>
                    <a:pt x="320" y="131"/>
                  </a:cubicBezTo>
                  <a:cubicBezTo>
                    <a:pt x="323" y="134"/>
                    <a:pt x="320" y="138"/>
                    <a:pt x="326" y="135"/>
                  </a:cubicBezTo>
                  <a:cubicBezTo>
                    <a:pt x="329" y="134"/>
                    <a:pt x="329" y="135"/>
                    <a:pt x="335" y="135"/>
                  </a:cubicBezTo>
                  <a:close/>
                  <a:moveTo>
                    <a:pt x="623" y="518"/>
                  </a:moveTo>
                  <a:cubicBezTo>
                    <a:pt x="623" y="515"/>
                    <a:pt x="626" y="515"/>
                    <a:pt x="625" y="515"/>
                  </a:cubicBezTo>
                  <a:cubicBezTo>
                    <a:pt x="625" y="513"/>
                    <a:pt x="618" y="515"/>
                    <a:pt x="612" y="513"/>
                  </a:cubicBezTo>
                  <a:cubicBezTo>
                    <a:pt x="608" y="512"/>
                    <a:pt x="611" y="505"/>
                    <a:pt x="608" y="510"/>
                  </a:cubicBezTo>
                  <a:cubicBezTo>
                    <a:pt x="605" y="515"/>
                    <a:pt x="609" y="512"/>
                    <a:pt x="608" y="515"/>
                  </a:cubicBezTo>
                  <a:cubicBezTo>
                    <a:pt x="608" y="516"/>
                    <a:pt x="611" y="515"/>
                    <a:pt x="612" y="516"/>
                  </a:cubicBezTo>
                  <a:cubicBezTo>
                    <a:pt x="614" y="518"/>
                    <a:pt x="614" y="516"/>
                    <a:pt x="622" y="519"/>
                  </a:cubicBezTo>
                  <a:cubicBezTo>
                    <a:pt x="623" y="521"/>
                    <a:pt x="623" y="521"/>
                    <a:pt x="623" y="518"/>
                  </a:cubicBezTo>
                  <a:close/>
                  <a:moveTo>
                    <a:pt x="635" y="521"/>
                  </a:moveTo>
                  <a:cubicBezTo>
                    <a:pt x="635" y="518"/>
                    <a:pt x="637" y="518"/>
                    <a:pt x="637" y="522"/>
                  </a:cubicBezTo>
                  <a:cubicBezTo>
                    <a:pt x="635" y="527"/>
                    <a:pt x="637" y="526"/>
                    <a:pt x="640" y="522"/>
                  </a:cubicBezTo>
                  <a:cubicBezTo>
                    <a:pt x="643" y="521"/>
                    <a:pt x="646" y="518"/>
                    <a:pt x="643" y="518"/>
                  </a:cubicBezTo>
                  <a:cubicBezTo>
                    <a:pt x="640" y="516"/>
                    <a:pt x="638" y="516"/>
                    <a:pt x="640" y="512"/>
                  </a:cubicBezTo>
                  <a:cubicBezTo>
                    <a:pt x="640" y="507"/>
                    <a:pt x="638" y="507"/>
                    <a:pt x="635" y="512"/>
                  </a:cubicBezTo>
                  <a:cubicBezTo>
                    <a:pt x="632" y="516"/>
                    <a:pt x="629" y="519"/>
                    <a:pt x="631" y="524"/>
                  </a:cubicBezTo>
                  <a:cubicBezTo>
                    <a:pt x="632" y="527"/>
                    <a:pt x="634" y="526"/>
                    <a:pt x="635" y="521"/>
                  </a:cubicBezTo>
                  <a:close/>
                  <a:moveTo>
                    <a:pt x="611" y="474"/>
                  </a:moveTo>
                  <a:cubicBezTo>
                    <a:pt x="600" y="473"/>
                    <a:pt x="609" y="476"/>
                    <a:pt x="612" y="479"/>
                  </a:cubicBezTo>
                  <a:cubicBezTo>
                    <a:pt x="615" y="482"/>
                    <a:pt x="626" y="487"/>
                    <a:pt x="629" y="484"/>
                  </a:cubicBezTo>
                  <a:cubicBezTo>
                    <a:pt x="629" y="480"/>
                    <a:pt x="620" y="476"/>
                    <a:pt x="611" y="474"/>
                  </a:cubicBezTo>
                  <a:close/>
                  <a:moveTo>
                    <a:pt x="655" y="501"/>
                  </a:moveTo>
                  <a:cubicBezTo>
                    <a:pt x="660" y="498"/>
                    <a:pt x="660" y="502"/>
                    <a:pt x="669" y="501"/>
                  </a:cubicBezTo>
                  <a:cubicBezTo>
                    <a:pt x="679" y="499"/>
                    <a:pt x="669" y="504"/>
                    <a:pt x="678" y="502"/>
                  </a:cubicBezTo>
                  <a:cubicBezTo>
                    <a:pt x="687" y="501"/>
                    <a:pt x="673" y="507"/>
                    <a:pt x="673" y="508"/>
                  </a:cubicBezTo>
                  <a:cubicBezTo>
                    <a:pt x="673" y="512"/>
                    <a:pt x="678" y="512"/>
                    <a:pt x="681" y="507"/>
                  </a:cubicBezTo>
                  <a:cubicBezTo>
                    <a:pt x="684" y="501"/>
                    <a:pt x="685" y="505"/>
                    <a:pt x="687" y="501"/>
                  </a:cubicBezTo>
                  <a:cubicBezTo>
                    <a:pt x="690" y="496"/>
                    <a:pt x="692" y="499"/>
                    <a:pt x="690" y="504"/>
                  </a:cubicBezTo>
                  <a:cubicBezTo>
                    <a:pt x="689" y="508"/>
                    <a:pt x="687" y="512"/>
                    <a:pt x="690" y="508"/>
                  </a:cubicBezTo>
                  <a:cubicBezTo>
                    <a:pt x="695" y="505"/>
                    <a:pt x="692" y="512"/>
                    <a:pt x="696" y="512"/>
                  </a:cubicBezTo>
                  <a:cubicBezTo>
                    <a:pt x="702" y="512"/>
                    <a:pt x="698" y="510"/>
                    <a:pt x="701" y="502"/>
                  </a:cubicBezTo>
                  <a:cubicBezTo>
                    <a:pt x="702" y="494"/>
                    <a:pt x="695" y="502"/>
                    <a:pt x="699" y="496"/>
                  </a:cubicBezTo>
                  <a:cubicBezTo>
                    <a:pt x="702" y="491"/>
                    <a:pt x="696" y="494"/>
                    <a:pt x="693" y="499"/>
                  </a:cubicBezTo>
                  <a:cubicBezTo>
                    <a:pt x="692" y="504"/>
                    <a:pt x="692" y="496"/>
                    <a:pt x="695" y="493"/>
                  </a:cubicBezTo>
                  <a:cubicBezTo>
                    <a:pt x="699" y="491"/>
                    <a:pt x="699" y="488"/>
                    <a:pt x="696" y="490"/>
                  </a:cubicBezTo>
                  <a:cubicBezTo>
                    <a:pt x="693" y="491"/>
                    <a:pt x="689" y="488"/>
                    <a:pt x="693" y="485"/>
                  </a:cubicBezTo>
                  <a:cubicBezTo>
                    <a:pt x="696" y="480"/>
                    <a:pt x="692" y="477"/>
                    <a:pt x="684" y="480"/>
                  </a:cubicBezTo>
                  <a:cubicBezTo>
                    <a:pt x="676" y="482"/>
                    <a:pt x="682" y="477"/>
                    <a:pt x="678" y="479"/>
                  </a:cubicBezTo>
                  <a:cubicBezTo>
                    <a:pt x="673" y="480"/>
                    <a:pt x="673" y="474"/>
                    <a:pt x="676" y="474"/>
                  </a:cubicBezTo>
                  <a:cubicBezTo>
                    <a:pt x="679" y="474"/>
                    <a:pt x="675" y="468"/>
                    <a:pt x="670" y="474"/>
                  </a:cubicBezTo>
                  <a:cubicBezTo>
                    <a:pt x="666" y="479"/>
                    <a:pt x="669" y="471"/>
                    <a:pt x="672" y="465"/>
                  </a:cubicBezTo>
                  <a:cubicBezTo>
                    <a:pt x="672" y="465"/>
                    <a:pt x="676" y="459"/>
                    <a:pt x="678" y="456"/>
                  </a:cubicBezTo>
                  <a:cubicBezTo>
                    <a:pt x="679" y="454"/>
                    <a:pt x="678" y="451"/>
                    <a:pt x="672" y="454"/>
                  </a:cubicBezTo>
                  <a:cubicBezTo>
                    <a:pt x="666" y="457"/>
                    <a:pt x="669" y="460"/>
                    <a:pt x="666" y="462"/>
                  </a:cubicBezTo>
                  <a:cubicBezTo>
                    <a:pt x="663" y="463"/>
                    <a:pt x="660" y="474"/>
                    <a:pt x="655" y="484"/>
                  </a:cubicBezTo>
                  <a:cubicBezTo>
                    <a:pt x="650" y="491"/>
                    <a:pt x="653" y="485"/>
                    <a:pt x="650" y="488"/>
                  </a:cubicBezTo>
                  <a:cubicBezTo>
                    <a:pt x="647" y="491"/>
                    <a:pt x="647" y="491"/>
                    <a:pt x="652" y="491"/>
                  </a:cubicBezTo>
                  <a:cubicBezTo>
                    <a:pt x="657" y="493"/>
                    <a:pt x="644" y="496"/>
                    <a:pt x="647" y="499"/>
                  </a:cubicBezTo>
                  <a:cubicBezTo>
                    <a:pt x="649" y="501"/>
                    <a:pt x="649" y="502"/>
                    <a:pt x="655" y="501"/>
                  </a:cubicBezTo>
                  <a:close/>
                  <a:moveTo>
                    <a:pt x="363" y="485"/>
                  </a:moveTo>
                  <a:cubicBezTo>
                    <a:pt x="364" y="485"/>
                    <a:pt x="363" y="479"/>
                    <a:pt x="364" y="480"/>
                  </a:cubicBezTo>
                  <a:cubicBezTo>
                    <a:pt x="366" y="480"/>
                    <a:pt x="366" y="482"/>
                    <a:pt x="367" y="485"/>
                  </a:cubicBezTo>
                  <a:cubicBezTo>
                    <a:pt x="367" y="490"/>
                    <a:pt x="372" y="487"/>
                    <a:pt x="373" y="490"/>
                  </a:cubicBezTo>
                  <a:cubicBezTo>
                    <a:pt x="375" y="491"/>
                    <a:pt x="375" y="487"/>
                    <a:pt x="381" y="490"/>
                  </a:cubicBezTo>
                  <a:cubicBezTo>
                    <a:pt x="387" y="491"/>
                    <a:pt x="384" y="494"/>
                    <a:pt x="386" y="493"/>
                  </a:cubicBezTo>
                  <a:cubicBezTo>
                    <a:pt x="389" y="491"/>
                    <a:pt x="390" y="498"/>
                    <a:pt x="393" y="494"/>
                  </a:cubicBezTo>
                  <a:cubicBezTo>
                    <a:pt x="399" y="493"/>
                    <a:pt x="396" y="496"/>
                    <a:pt x="401" y="494"/>
                  </a:cubicBezTo>
                  <a:cubicBezTo>
                    <a:pt x="405" y="494"/>
                    <a:pt x="402" y="496"/>
                    <a:pt x="407" y="496"/>
                  </a:cubicBezTo>
                  <a:cubicBezTo>
                    <a:pt x="408" y="496"/>
                    <a:pt x="408" y="496"/>
                    <a:pt x="408" y="496"/>
                  </a:cubicBezTo>
                  <a:cubicBezTo>
                    <a:pt x="410" y="494"/>
                    <a:pt x="410" y="493"/>
                    <a:pt x="410" y="491"/>
                  </a:cubicBezTo>
                  <a:cubicBezTo>
                    <a:pt x="411" y="490"/>
                    <a:pt x="414" y="488"/>
                    <a:pt x="413" y="491"/>
                  </a:cubicBezTo>
                  <a:cubicBezTo>
                    <a:pt x="411" y="493"/>
                    <a:pt x="414" y="491"/>
                    <a:pt x="416" y="488"/>
                  </a:cubicBezTo>
                  <a:cubicBezTo>
                    <a:pt x="416" y="484"/>
                    <a:pt x="418" y="487"/>
                    <a:pt x="416" y="488"/>
                  </a:cubicBezTo>
                  <a:cubicBezTo>
                    <a:pt x="414" y="491"/>
                    <a:pt x="416" y="491"/>
                    <a:pt x="418" y="490"/>
                  </a:cubicBezTo>
                  <a:cubicBezTo>
                    <a:pt x="421" y="488"/>
                    <a:pt x="418" y="485"/>
                    <a:pt x="419" y="485"/>
                  </a:cubicBezTo>
                  <a:cubicBezTo>
                    <a:pt x="421" y="484"/>
                    <a:pt x="424" y="487"/>
                    <a:pt x="427" y="487"/>
                  </a:cubicBezTo>
                  <a:cubicBezTo>
                    <a:pt x="430" y="487"/>
                    <a:pt x="428" y="488"/>
                    <a:pt x="431" y="487"/>
                  </a:cubicBezTo>
                  <a:cubicBezTo>
                    <a:pt x="434" y="487"/>
                    <a:pt x="433" y="494"/>
                    <a:pt x="437" y="496"/>
                  </a:cubicBezTo>
                  <a:cubicBezTo>
                    <a:pt x="440" y="498"/>
                    <a:pt x="446" y="494"/>
                    <a:pt x="443" y="499"/>
                  </a:cubicBezTo>
                  <a:cubicBezTo>
                    <a:pt x="443" y="501"/>
                    <a:pt x="445" y="502"/>
                    <a:pt x="446" y="504"/>
                  </a:cubicBezTo>
                  <a:cubicBezTo>
                    <a:pt x="448" y="505"/>
                    <a:pt x="445" y="507"/>
                    <a:pt x="446" y="508"/>
                  </a:cubicBezTo>
                  <a:cubicBezTo>
                    <a:pt x="448" y="510"/>
                    <a:pt x="446" y="508"/>
                    <a:pt x="448" y="508"/>
                  </a:cubicBezTo>
                  <a:cubicBezTo>
                    <a:pt x="449" y="510"/>
                    <a:pt x="446" y="508"/>
                    <a:pt x="446" y="512"/>
                  </a:cubicBezTo>
                  <a:cubicBezTo>
                    <a:pt x="446" y="515"/>
                    <a:pt x="451" y="512"/>
                    <a:pt x="451" y="515"/>
                  </a:cubicBezTo>
                  <a:cubicBezTo>
                    <a:pt x="451" y="516"/>
                    <a:pt x="453" y="515"/>
                    <a:pt x="456" y="516"/>
                  </a:cubicBezTo>
                  <a:cubicBezTo>
                    <a:pt x="459" y="518"/>
                    <a:pt x="463" y="518"/>
                    <a:pt x="466" y="518"/>
                  </a:cubicBezTo>
                  <a:cubicBezTo>
                    <a:pt x="469" y="518"/>
                    <a:pt x="471" y="518"/>
                    <a:pt x="471" y="519"/>
                  </a:cubicBezTo>
                  <a:cubicBezTo>
                    <a:pt x="471" y="521"/>
                    <a:pt x="472" y="519"/>
                    <a:pt x="475" y="519"/>
                  </a:cubicBezTo>
                  <a:cubicBezTo>
                    <a:pt x="478" y="519"/>
                    <a:pt x="480" y="527"/>
                    <a:pt x="481" y="527"/>
                  </a:cubicBezTo>
                  <a:cubicBezTo>
                    <a:pt x="483" y="526"/>
                    <a:pt x="483" y="526"/>
                    <a:pt x="483" y="529"/>
                  </a:cubicBezTo>
                  <a:cubicBezTo>
                    <a:pt x="483" y="530"/>
                    <a:pt x="486" y="532"/>
                    <a:pt x="486" y="533"/>
                  </a:cubicBezTo>
                  <a:cubicBezTo>
                    <a:pt x="486" y="535"/>
                    <a:pt x="483" y="532"/>
                    <a:pt x="483" y="533"/>
                  </a:cubicBezTo>
                  <a:cubicBezTo>
                    <a:pt x="481" y="533"/>
                    <a:pt x="484" y="536"/>
                    <a:pt x="483" y="536"/>
                  </a:cubicBezTo>
                  <a:cubicBezTo>
                    <a:pt x="481" y="538"/>
                    <a:pt x="478" y="533"/>
                    <a:pt x="477" y="535"/>
                  </a:cubicBezTo>
                  <a:cubicBezTo>
                    <a:pt x="475" y="536"/>
                    <a:pt x="477" y="533"/>
                    <a:pt x="475" y="533"/>
                  </a:cubicBezTo>
                  <a:cubicBezTo>
                    <a:pt x="474" y="533"/>
                    <a:pt x="477" y="532"/>
                    <a:pt x="474" y="532"/>
                  </a:cubicBezTo>
                  <a:cubicBezTo>
                    <a:pt x="472" y="532"/>
                    <a:pt x="474" y="529"/>
                    <a:pt x="472" y="529"/>
                  </a:cubicBezTo>
                  <a:cubicBezTo>
                    <a:pt x="471" y="529"/>
                    <a:pt x="471" y="527"/>
                    <a:pt x="469" y="527"/>
                  </a:cubicBezTo>
                  <a:cubicBezTo>
                    <a:pt x="469" y="529"/>
                    <a:pt x="472" y="530"/>
                    <a:pt x="474" y="533"/>
                  </a:cubicBezTo>
                  <a:cubicBezTo>
                    <a:pt x="474" y="538"/>
                    <a:pt x="469" y="538"/>
                    <a:pt x="469" y="544"/>
                  </a:cubicBezTo>
                  <a:cubicBezTo>
                    <a:pt x="471" y="550"/>
                    <a:pt x="469" y="550"/>
                    <a:pt x="465" y="554"/>
                  </a:cubicBezTo>
                  <a:cubicBezTo>
                    <a:pt x="465" y="555"/>
                    <a:pt x="463" y="555"/>
                    <a:pt x="463" y="557"/>
                  </a:cubicBezTo>
                  <a:cubicBezTo>
                    <a:pt x="463" y="558"/>
                    <a:pt x="463" y="558"/>
                    <a:pt x="463" y="558"/>
                  </a:cubicBezTo>
                  <a:cubicBezTo>
                    <a:pt x="466" y="560"/>
                    <a:pt x="463" y="561"/>
                    <a:pt x="460" y="561"/>
                  </a:cubicBezTo>
                  <a:cubicBezTo>
                    <a:pt x="457" y="561"/>
                    <a:pt x="459" y="564"/>
                    <a:pt x="460" y="564"/>
                  </a:cubicBezTo>
                  <a:cubicBezTo>
                    <a:pt x="463" y="564"/>
                    <a:pt x="463" y="566"/>
                    <a:pt x="463" y="564"/>
                  </a:cubicBezTo>
                  <a:cubicBezTo>
                    <a:pt x="465" y="563"/>
                    <a:pt x="466" y="563"/>
                    <a:pt x="468" y="563"/>
                  </a:cubicBezTo>
                  <a:cubicBezTo>
                    <a:pt x="469" y="561"/>
                    <a:pt x="471" y="557"/>
                    <a:pt x="477" y="558"/>
                  </a:cubicBezTo>
                  <a:cubicBezTo>
                    <a:pt x="484" y="560"/>
                    <a:pt x="480" y="558"/>
                    <a:pt x="480" y="557"/>
                  </a:cubicBezTo>
                  <a:cubicBezTo>
                    <a:pt x="481" y="557"/>
                    <a:pt x="483" y="555"/>
                    <a:pt x="486" y="555"/>
                  </a:cubicBezTo>
                  <a:cubicBezTo>
                    <a:pt x="489" y="555"/>
                    <a:pt x="491" y="555"/>
                    <a:pt x="491" y="555"/>
                  </a:cubicBezTo>
                  <a:cubicBezTo>
                    <a:pt x="491" y="554"/>
                    <a:pt x="492" y="554"/>
                    <a:pt x="492" y="554"/>
                  </a:cubicBezTo>
                  <a:cubicBezTo>
                    <a:pt x="489" y="552"/>
                    <a:pt x="489" y="552"/>
                    <a:pt x="489" y="552"/>
                  </a:cubicBezTo>
                  <a:cubicBezTo>
                    <a:pt x="488" y="552"/>
                    <a:pt x="484" y="552"/>
                    <a:pt x="486" y="549"/>
                  </a:cubicBezTo>
                  <a:cubicBezTo>
                    <a:pt x="488" y="546"/>
                    <a:pt x="489" y="547"/>
                    <a:pt x="489" y="546"/>
                  </a:cubicBezTo>
                  <a:cubicBezTo>
                    <a:pt x="491" y="544"/>
                    <a:pt x="494" y="544"/>
                    <a:pt x="498" y="543"/>
                  </a:cubicBezTo>
                  <a:cubicBezTo>
                    <a:pt x="503" y="541"/>
                    <a:pt x="501" y="541"/>
                    <a:pt x="504" y="543"/>
                  </a:cubicBezTo>
                  <a:cubicBezTo>
                    <a:pt x="509" y="546"/>
                    <a:pt x="507" y="543"/>
                    <a:pt x="509" y="541"/>
                  </a:cubicBezTo>
                  <a:cubicBezTo>
                    <a:pt x="512" y="540"/>
                    <a:pt x="513" y="538"/>
                    <a:pt x="516" y="536"/>
                  </a:cubicBezTo>
                  <a:cubicBezTo>
                    <a:pt x="519" y="533"/>
                    <a:pt x="524" y="530"/>
                    <a:pt x="526" y="530"/>
                  </a:cubicBezTo>
                  <a:cubicBezTo>
                    <a:pt x="526" y="532"/>
                    <a:pt x="527" y="530"/>
                    <a:pt x="529" y="530"/>
                  </a:cubicBezTo>
                  <a:cubicBezTo>
                    <a:pt x="551" y="530"/>
                    <a:pt x="551" y="530"/>
                    <a:pt x="551" y="530"/>
                  </a:cubicBezTo>
                  <a:cubicBezTo>
                    <a:pt x="551" y="527"/>
                    <a:pt x="551" y="527"/>
                    <a:pt x="553" y="527"/>
                  </a:cubicBezTo>
                  <a:cubicBezTo>
                    <a:pt x="555" y="529"/>
                    <a:pt x="555" y="527"/>
                    <a:pt x="555" y="527"/>
                  </a:cubicBezTo>
                  <a:cubicBezTo>
                    <a:pt x="556" y="529"/>
                    <a:pt x="556" y="526"/>
                    <a:pt x="558" y="526"/>
                  </a:cubicBezTo>
                  <a:cubicBezTo>
                    <a:pt x="559" y="526"/>
                    <a:pt x="555" y="526"/>
                    <a:pt x="558" y="524"/>
                  </a:cubicBezTo>
                  <a:cubicBezTo>
                    <a:pt x="561" y="521"/>
                    <a:pt x="558" y="522"/>
                    <a:pt x="561" y="521"/>
                  </a:cubicBezTo>
                  <a:cubicBezTo>
                    <a:pt x="562" y="519"/>
                    <a:pt x="559" y="518"/>
                    <a:pt x="562" y="515"/>
                  </a:cubicBezTo>
                  <a:cubicBezTo>
                    <a:pt x="564" y="513"/>
                    <a:pt x="561" y="513"/>
                    <a:pt x="564" y="510"/>
                  </a:cubicBezTo>
                  <a:cubicBezTo>
                    <a:pt x="565" y="507"/>
                    <a:pt x="568" y="502"/>
                    <a:pt x="568" y="502"/>
                  </a:cubicBezTo>
                  <a:cubicBezTo>
                    <a:pt x="568" y="502"/>
                    <a:pt x="570" y="502"/>
                    <a:pt x="570" y="504"/>
                  </a:cubicBezTo>
                  <a:cubicBezTo>
                    <a:pt x="570" y="505"/>
                    <a:pt x="571" y="505"/>
                    <a:pt x="573" y="505"/>
                  </a:cubicBezTo>
                  <a:cubicBezTo>
                    <a:pt x="574" y="504"/>
                    <a:pt x="576" y="502"/>
                    <a:pt x="577" y="505"/>
                  </a:cubicBezTo>
                  <a:cubicBezTo>
                    <a:pt x="580" y="507"/>
                    <a:pt x="580" y="507"/>
                    <a:pt x="580" y="510"/>
                  </a:cubicBezTo>
                  <a:cubicBezTo>
                    <a:pt x="580" y="512"/>
                    <a:pt x="580" y="519"/>
                    <a:pt x="580" y="521"/>
                  </a:cubicBezTo>
                  <a:cubicBezTo>
                    <a:pt x="580" y="522"/>
                    <a:pt x="579" y="522"/>
                    <a:pt x="580" y="522"/>
                  </a:cubicBezTo>
                  <a:cubicBezTo>
                    <a:pt x="582" y="524"/>
                    <a:pt x="582" y="524"/>
                    <a:pt x="582" y="524"/>
                  </a:cubicBezTo>
                  <a:cubicBezTo>
                    <a:pt x="583" y="524"/>
                    <a:pt x="583" y="524"/>
                    <a:pt x="583" y="526"/>
                  </a:cubicBezTo>
                  <a:cubicBezTo>
                    <a:pt x="583" y="527"/>
                    <a:pt x="583" y="529"/>
                    <a:pt x="585" y="529"/>
                  </a:cubicBezTo>
                  <a:cubicBezTo>
                    <a:pt x="591" y="532"/>
                    <a:pt x="594" y="529"/>
                    <a:pt x="600" y="526"/>
                  </a:cubicBezTo>
                  <a:cubicBezTo>
                    <a:pt x="606" y="522"/>
                    <a:pt x="599" y="527"/>
                    <a:pt x="609" y="526"/>
                  </a:cubicBezTo>
                  <a:cubicBezTo>
                    <a:pt x="617" y="526"/>
                    <a:pt x="608" y="527"/>
                    <a:pt x="602" y="530"/>
                  </a:cubicBezTo>
                  <a:cubicBezTo>
                    <a:pt x="596" y="533"/>
                    <a:pt x="591" y="540"/>
                    <a:pt x="594" y="546"/>
                  </a:cubicBezTo>
                  <a:cubicBezTo>
                    <a:pt x="597" y="552"/>
                    <a:pt x="602" y="547"/>
                    <a:pt x="606" y="540"/>
                  </a:cubicBezTo>
                  <a:cubicBezTo>
                    <a:pt x="612" y="533"/>
                    <a:pt x="612" y="540"/>
                    <a:pt x="620" y="533"/>
                  </a:cubicBezTo>
                  <a:cubicBezTo>
                    <a:pt x="626" y="529"/>
                    <a:pt x="635" y="530"/>
                    <a:pt x="632" y="527"/>
                  </a:cubicBezTo>
                  <a:cubicBezTo>
                    <a:pt x="629" y="524"/>
                    <a:pt x="628" y="521"/>
                    <a:pt x="625" y="522"/>
                  </a:cubicBezTo>
                  <a:cubicBezTo>
                    <a:pt x="622" y="524"/>
                    <a:pt x="611" y="521"/>
                    <a:pt x="611" y="519"/>
                  </a:cubicBezTo>
                  <a:cubicBezTo>
                    <a:pt x="612" y="516"/>
                    <a:pt x="606" y="519"/>
                    <a:pt x="605" y="512"/>
                  </a:cubicBezTo>
                  <a:cubicBezTo>
                    <a:pt x="602" y="502"/>
                    <a:pt x="608" y="496"/>
                    <a:pt x="602" y="498"/>
                  </a:cubicBezTo>
                  <a:cubicBezTo>
                    <a:pt x="593" y="501"/>
                    <a:pt x="599" y="498"/>
                    <a:pt x="605" y="493"/>
                  </a:cubicBezTo>
                  <a:cubicBezTo>
                    <a:pt x="609" y="490"/>
                    <a:pt x="611" y="487"/>
                    <a:pt x="605" y="484"/>
                  </a:cubicBezTo>
                  <a:cubicBezTo>
                    <a:pt x="600" y="479"/>
                    <a:pt x="574" y="487"/>
                    <a:pt x="568" y="494"/>
                  </a:cubicBezTo>
                  <a:cubicBezTo>
                    <a:pt x="561" y="508"/>
                    <a:pt x="551" y="513"/>
                    <a:pt x="556" y="508"/>
                  </a:cubicBezTo>
                  <a:cubicBezTo>
                    <a:pt x="561" y="504"/>
                    <a:pt x="568" y="487"/>
                    <a:pt x="579" y="482"/>
                  </a:cubicBezTo>
                  <a:cubicBezTo>
                    <a:pt x="593" y="477"/>
                    <a:pt x="577" y="473"/>
                    <a:pt x="599" y="470"/>
                  </a:cubicBezTo>
                  <a:cubicBezTo>
                    <a:pt x="626" y="465"/>
                    <a:pt x="631" y="480"/>
                    <a:pt x="649" y="463"/>
                  </a:cubicBezTo>
                  <a:cubicBezTo>
                    <a:pt x="666" y="448"/>
                    <a:pt x="663" y="460"/>
                    <a:pt x="667" y="454"/>
                  </a:cubicBezTo>
                  <a:cubicBezTo>
                    <a:pt x="673" y="448"/>
                    <a:pt x="679" y="449"/>
                    <a:pt x="675" y="442"/>
                  </a:cubicBezTo>
                  <a:cubicBezTo>
                    <a:pt x="672" y="434"/>
                    <a:pt x="678" y="438"/>
                    <a:pt x="675" y="432"/>
                  </a:cubicBezTo>
                  <a:cubicBezTo>
                    <a:pt x="672" y="426"/>
                    <a:pt x="669" y="431"/>
                    <a:pt x="664" y="425"/>
                  </a:cubicBezTo>
                  <a:cubicBezTo>
                    <a:pt x="660" y="418"/>
                    <a:pt x="655" y="423"/>
                    <a:pt x="647" y="429"/>
                  </a:cubicBezTo>
                  <a:cubicBezTo>
                    <a:pt x="638" y="435"/>
                    <a:pt x="637" y="428"/>
                    <a:pt x="644" y="426"/>
                  </a:cubicBezTo>
                  <a:cubicBezTo>
                    <a:pt x="652" y="425"/>
                    <a:pt x="650" y="421"/>
                    <a:pt x="658" y="420"/>
                  </a:cubicBezTo>
                  <a:cubicBezTo>
                    <a:pt x="666" y="418"/>
                    <a:pt x="663" y="415"/>
                    <a:pt x="655" y="414"/>
                  </a:cubicBezTo>
                  <a:cubicBezTo>
                    <a:pt x="647" y="414"/>
                    <a:pt x="653" y="411"/>
                    <a:pt x="644" y="409"/>
                  </a:cubicBezTo>
                  <a:cubicBezTo>
                    <a:pt x="635" y="407"/>
                    <a:pt x="643" y="404"/>
                    <a:pt x="637" y="401"/>
                  </a:cubicBezTo>
                  <a:cubicBezTo>
                    <a:pt x="631" y="398"/>
                    <a:pt x="626" y="395"/>
                    <a:pt x="631" y="389"/>
                  </a:cubicBezTo>
                  <a:cubicBezTo>
                    <a:pt x="634" y="381"/>
                    <a:pt x="622" y="384"/>
                    <a:pt x="626" y="379"/>
                  </a:cubicBezTo>
                  <a:cubicBezTo>
                    <a:pt x="629" y="375"/>
                    <a:pt x="622" y="375"/>
                    <a:pt x="620" y="367"/>
                  </a:cubicBezTo>
                  <a:cubicBezTo>
                    <a:pt x="620" y="361"/>
                    <a:pt x="618" y="365"/>
                    <a:pt x="617" y="361"/>
                  </a:cubicBezTo>
                  <a:cubicBezTo>
                    <a:pt x="615" y="355"/>
                    <a:pt x="614" y="359"/>
                    <a:pt x="609" y="350"/>
                  </a:cubicBezTo>
                  <a:cubicBezTo>
                    <a:pt x="605" y="341"/>
                    <a:pt x="605" y="344"/>
                    <a:pt x="600" y="350"/>
                  </a:cubicBezTo>
                  <a:cubicBezTo>
                    <a:pt x="596" y="355"/>
                    <a:pt x="599" y="365"/>
                    <a:pt x="593" y="364"/>
                  </a:cubicBezTo>
                  <a:cubicBezTo>
                    <a:pt x="585" y="362"/>
                    <a:pt x="593" y="365"/>
                    <a:pt x="585" y="369"/>
                  </a:cubicBezTo>
                  <a:cubicBezTo>
                    <a:pt x="576" y="372"/>
                    <a:pt x="579" y="362"/>
                    <a:pt x="570" y="362"/>
                  </a:cubicBezTo>
                  <a:cubicBezTo>
                    <a:pt x="562" y="362"/>
                    <a:pt x="571" y="359"/>
                    <a:pt x="567" y="358"/>
                  </a:cubicBezTo>
                  <a:cubicBezTo>
                    <a:pt x="562" y="355"/>
                    <a:pt x="568" y="355"/>
                    <a:pt x="565" y="348"/>
                  </a:cubicBezTo>
                  <a:cubicBezTo>
                    <a:pt x="562" y="344"/>
                    <a:pt x="570" y="337"/>
                    <a:pt x="567" y="334"/>
                  </a:cubicBezTo>
                  <a:cubicBezTo>
                    <a:pt x="564" y="331"/>
                    <a:pt x="564" y="339"/>
                    <a:pt x="562" y="336"/>
                  </a:cubicBezTo>
                  <a:cubicBezTo>
                    <a:pt x="561" y="333"/>
                    <a:pt x="550" y="333"/>
                    <a:pt x="550" y="330"/>
                  </a:cubicBezTo>
                  <a:cubicBezTo>
                    <a:pt x="551" y="325"/>
                    <a:pt x="545" y="323"/>
                    <a:pt x="538" y="317"/>
                  </a:cubicBezTo>
                  <a:cubicBezTo>
                    <a:pt x="526" y="309"/>
                    <a:pt x="536" y="327"/>
                    <a:pt x="509" y="314"/>
                  </a:cubicBezTo>
                  <a:cubicBezTo>
                    <a:pt x="497" y="309"/>
                    <a:pt x="497" y="323"/>
                    <a:pt x="500" y="325"/>
                  </a:cubicBezTo>
                  <a:cubicBezTo>
                    <a:pt x="503" y="328"/>
                    <a:pt x="501" y="333"/>
                    <a:pt x="500" y="336"/>
                  </a:cubicBezTo>
                  <a:cubicBezTo>
                    <a:pt x="497" y="339"/>
                    <a:pt x="500" y="337"/>
                    <a:pt x="503" y="345"/>
                  </a:cubicBezTo>
                  <a:cubicBezTo>
                    <a:pt x="506" y="351"/>
                    <a:pt x="503" y="351"/>
                    <a:pt x="501" y="356"/>
                  </a:cubicBezTo>
                  <a:cubicBezTo>
                    <a:pt x="500" y="361"/>
                    <a:pt x="497" y="358"/>
                    <a:pt x="495" y="364"/>
                  </a:cubicBezTo>
                  <a:cubicBezTo>
                    <a:pt x="494" y="370"/>
                    <a:pt x="506" y="367"/>
                    <a:pt x="510" y="384"/>
                  </a:cubicBezTo>
                  <a:cubicBezTo>
                    <a:pt x="515" y="401"/>
                    <a:pt x="500" y="411"/>
                    <a:pt x="491" y="414"/>
                  </a:cubicBezTo>
                  <a:cubicBezTo>
                    <a:pt x="480" y="418"/>
                    <a:pt x="491" y="418"/>
                    <a:pt x="491" y="428"/>
                  </a:cubicBezTo>
                  <a:cubicBezTo>
                    <a:pt x="491" y="435"/>
                    <a:pt x="498" y="446"/>
                    <a:pt x="494" y="448"/>
                  </a:cubicBezTo>
                  <a:cubicBezTo>
                    <a:pt x="489" y="451"/>
                    <a:pt x="497" y="459"/>
                    <a:pt x="491" y="454"/>
                  </a:cubicBezTo>
                  <a:cubicBezTo>
                    <a:pt x="483" y="449"/>
                    <a:pt x="489" y="463"/>
                    <a:pt x="483" y="459"/>
                  </a:cubicBezTo>
                  <a:cubicBezTo>
                    <a:pt x="477" y="454"/>
                    <a:pt x="481" y="452"/>
                    <a:pt x="469" y="442"/>
                  </a:cubicBezTo>
                  <a:cubicBezTo>
                    <a:pt x="462" y="435"/>
                    <a:pt x="468" y="431"/>
                    <a:pt x="465" y="425"/>
                  </a:cubicBezTo>
                  <a:cubicBezTo>
                    <a:pt x="462" y="415"/>
                    <a:pt x="471" y="412"/>
                    <a:pt x="462" y="411"/>
                  </a:cubicBezTo>
                  <a:cubicBezTo>
                    <a:pt x="446" y="406"/>
                    <a:pt x="446" y="411"/>
                    <a:pt x="443" y="409"/>
                  </a:cubicBezTo>
                  <a:cubicBezTo>
                    <a:pt x="439" y="407"/>
                    <a:pt x="442" y="404"/>
                    <a:pt x="428" y="401"/>
                  </a:cubicBezTo>
                  <a:cubicBezTo>
                    <a:pt x="414" y="397"/>
                    <a:pt x="430" y="395"/>
                    <a:pt x="408" y="387"/>
                  </a:cubicBezTo>
                  <a:cubicBezTo>
                    <a:pt x="387" y="378"/>
                    <a:pt x="384" y="395"/>
                    <a:pt x="384" y="384"/>
                  </a:cubicBezTo>
                  <a:cubicBezTo>
                    <a:pt x="384" y="373"/>
                    <a:pt x="381" y="375"/>
                    <a:pt x="379" y="367"/>
                  </a:cubicBezTo>
                  <a:cubicBezTo>
                    <a:pt x="379" y="361"/>
                    <a:pt x="367" y="370"/>
                    <a:pt x="366" y="356"/>
                  </a:cubicBezTo>
                  <a:cubicBezTo>
                    <a:pt x="364" y="341"/>
                    <a:pt x="379" y="319"/>
                    <a:pt x="383" y="320"/>
                  </a:cubicBezTo>
                  <a:cubicBezTo>
                    <a:pt x="386" y="320"/>
                    <a:pt x="383" y="311"/>
                    <a:pt x="390" y="311"/>
                  </a:cubicBezTo>
                  <a:cubicBezTo>
                    <a:pt x="396" y="311"/>
                    <a:pt x="404" y="309"/>
                    <a:pt x="396" y="303"/>
                  </a:cubicBezTo>
                  <a:cubicBezTo>
                    <a:pt x="390" y="297"/>
                    <a:pt x="404" y="303"/>
                    <a:pt x="405" y="295"/>
                  </a:cubicBezTo>
                  <a:cubicBezTo>
                    <a:pt x="407" y="288"/>
                    <a:pt x="413" y="305"/>
                    <a:pt x="421" y="291"/>
                  </a:cubicBezTo>
                  <a:cubicBezTo>
                    <a:pt x="428" y="277"/>
                    <a:pt x="431" y="281"/>
                    <a:pt x="416" y="277"/>
                  </a:cubicBezTo>
                  <a:cubicBezTo>
                    <a:pt x="405" y="275"/>
                    <a:pt x="410" y="272"/>
                    <a:pt x="402" y="269"/>
                  </a:cubicBezTo>
                  <a:cubicBezTo>
                    <a:pt x="411" y="268"/>
                    <a:pt x="421" y="283"/>
                    <a:pt x="430" y="274"/>
                  </a:cubicBezTo>
                  <a:cubicBezTo>
                    <a:pt x="437" y="264"/>
                    <a:pt x="437" y="266"/>
                    <a:pt x="431" y="261"/>
                  </a:cubicBezTo>
                  <a:cubicBezTo>
                    <a:pt x="424" y="258"/>
                    <a:pt x="439" y="258"/>
                    <a:pt x="442" y="261"/>
                  </a:cubicBezTo>
                  <a:cubicBezTo>
                    <a:pt x="445" y="264"/>
                    <a:pt x="448" y="266"/>
                    <a:pt x="449" y="269"/>
                  </a:cubicBezTo>
                  <a:cubicBezTo>
                    <a:pt x="451" y="272"/>
                    <a:pt x="453" y="274"/>
                    <a:pt x="457" y="272"/>
                  </a:cubicBezTo>
                  <a:cubicBezTo>
                    <a:pt x="460" y="271"/>
                    <a:pt x="448" y="268"/>
                    <a:pt x="453" y="264"/>
                  </a:cubicBezTo>
                  <a:cubicBezTo>
                    <a:pt x="457" y="263"/>
                    <a:pt x="459" y="258"/>
                    <a:pt x="462" y="258"/>
                  </a:cubicBezTo>
                  <a:cubicBezTo>
                    <a:pt x="466" y="260"/>
                    <a:pt x="466" y="254"/>
                    <a:pt x="471" y="254"/>
                  </a:cubicBezTo>
                  <a:cubicBezTo>
                    <a:pt x="474" y="254"/>
                    <a:pt x="475" y="247"/>
                    <a:pt x="469" y="243"/>
                  </a:cubicBezTo>
                  <a:cubicBezTo>
                    <a:pt x="463" y="238"/>
                    <a:pt x="471" y="240"/>
                    <a:pt x="466" y="235"/>
                  </a:cubicBezTo>
                  <a:cubicBezTo>
                    <a:pt x="462" y="230"/>
                    <a:pt x="472" y="235"/>
                    <a:pt x="474" y="230"/>
                  </a:cubicBezTo>
                  <a:cubicBezTo>
                    <a:pt x="475" y="224"/>
                    <a:pt x="469" y="229"/>
                    <a:pt x="472" y="224"/>
                  </a:cubicBezTo>
                  <a:cubicBezTo>
                    <a:pt x="475" y="219"/>
                    <a:pt x="466" y="224"/>
                    <a:pt x="465" y="218"/>
                  </a:cubicBezTo>
                  <a:cubicBezTo>
                    <a:pt x="465" y="213"/>
                    <a:pt x="457" y="216"/>
                    <a:pt x="451" y="213"/>
                  </a:cubicBezTo>
                  <a:cubicBezTo>
                    <a:pt x="443" y="210"/>
                    <a:pt x="448" y="213"/>
                    <a:pt x="442" y="213"/>
                  </a:cubicBezTo>
                  <a:cubicBezTo>
                    <a:pt x="436" y="213"/>
                    <a:pt x="439" y="222"/>
                    <a:pt x="442" y="224"/>
                  </a:cubicBezTo>
                  <a:cubicBezTo>
                    <a:pt x="446" y="226"/>
                    <a:pt x="443" y="229"/>
                    <a:pt x="440" y="229"/>
                  </a:cubicBezTo>
                  <a:cubicBezTo>
                    <a:pt x="437" y="227"/>
                    <a:pt x="440" y="236"/>
                    <a:pt x="434" y="241"/>
                  </a:cubicBezTo>
                  <a:cubicBezTo>
                    <a:pt x="430" y="244"/>
                    <a:pt x="434" y="247"/>
                    <a:pt x="428" y="250"/>
                  </a:cubicBezTo>
                  <a:cubicBezTo>
                    <a:pt x="422" y="252"/>
                    <a:pt x="425" y="249"/>
                    <a:pt x="419" y="244"/>
                  </a:cubicBezTo>
                  <a:cubicBezTo>
                    <a:pt x="413" y="238"/>
                    <a:pt x="422" y="240"/>
                    <a:pt x="422" y="235"/>
                  </a:cubicBezTo>
                  <a:cubicBezTo>
                    <a:pt x="422" y="232"/>
                    <a:pt x="414" y="218"/>
                    <a:pt x="408" y="222"/>
                  </a:cubicBezTo>
                  <a:cubicBezTo>
                    <a:pt x="404" y="227"/>
                    <a:pt x="407" y="240"/>
                    <a:pt x="401" y="233"/>
                  </a:cubicBezTo>
                  <a:cubicBezTo>
                    <a:pt x="396" y="229"/>
                    <a:pt x="404" y="230"/>
                    <a:pt x="399" y="224"/>
                  </a:cubicBezTo>
                  <a:cubicBezTo>
                    <a:pt x="393" y="219"/>
                    <a:pt x="405" y="221"/>
                    <a:pt x="399" y="218"/>
                  </a:cubicBezTo>
                  <a:cubicBezTo>
                    <a:pt x="392" y="213"/>
                    <a:pt x="392" y="219"/>
                    <a:pt x="387" y="216"/>
                  </a:cubicBezTo>
                  <a:cubicBezTo>
                    <a:pt x="381" y="213"/>
                    <a:pt x="395" y="208"/>
                    <a:pt x="392" y="207"/>
                  </a:cubicBezTo>
                  <a:cubicBezTo>
                    <a:pt x="389" y="204"/>
                    <a:pt x="381" y="201"/>
                    <a:pt x="381" y="194"/>
                  </a:cubicBezTo>
                  <a:cubicBezTo>
                    <a:pt x="381" y="188"/>
                    <a:pt x="370" y="182"/>
                    <a:pt x="366" y="182"/>
                  </a:cubicBezTo>
                  <a:cubicBezTo>
                    <a:pt x="360" y="180"/>
                    <a:pt x="364" y="185"/>
                    <a:pt x="360" y="185"/>
                  </a:cubicBezTo>
                  <a:cubicBezTo>
                    <a:pt x="354" y="187"/>
                    <a:pt x="360" y="188"/>
                    <a:pt x="354" y="191"/>
                  </a:cubicBezTo>
                  <a:cubicBezTo>
                    <a:pt x="347" y="194"/>
                    <a:pt x="355" y="201"/>
                    <a:pt x="354" y="204"/>
                  </a:cubicBezTo>
                  <a:cubicBezTo>
                    <a:pt x="352" y="208"/>
                    <a:pt x="352" y="212"/>
                    <a:pt x="361" y="215"/>
                  </a:cubicBezTo>
                  <a:cubicBezTo>
                    <a:pt x="370" y="218"/>
                    <a:pt x="373" y="222"/>
                    <a:pt x="369" y="226"/>
                  </a:cubicBezTo>
                  <a:cubicBezTo>
                    <a:pt x="364" y="227"/>
                    <a:pt x="367" y="230"/>
                    <a:pt x="372" y="229"/>
                  </a:cubicBezTo>
                  <a:cubicBezTo>
                    <a:pt x="376" y="226"/>
                    <a:pt x="376" y="230"/>
                    <a:pt x="370" y="236"/>
                  </a:cubicBezTo>
                  <a:cubicBezTo>
                    <a:pt x="363" y="241"/>
                    <a:pt x="363" y="235"/>
                    <a:pt x="361" y="240"/>
                  </a:cubicBezTo>
                  <a:cubicBezTo>
                    <a:pt x="358" y="244"/>
                    <a:pt x="367" y="255"/>
                    <a:pt x="360" y="250"/>
                  </a:cubicBezTo>
                  <a:cubicBezTo>
                    <a:pt x="354" y="246"/>
                    <a:pt x="354" y="246"/>
                    <a:pt x="355" y="241"/>
                  </a:cubicBezTo>
                  <a:cubicBezTo>
                    <a:pt x="357" y="238"/>
                    <a:pt x="357" y="235"/>
                    <a:pt x="352" y="235"/>
                  </a:cubicBezTo>
                  <a:cubicBezTo>
                    <a:pt x="346" y="236"/>
                    <a:pt x="344" y="230"/>
                    <a:pt x="338" y="233"/>
                  </a:cubicBezTo>
                  <a:cubicBezTo>
                    <a:pt x="332" y="236"/>
                    <a:pt x="340" y="241"/>
                    <a:pt x="334" y="243"/>
                  </a:cubicBezTo>
                  <a:cubicBezTo>
                    <a:pt x="329" y="244"/>
                    <a:pt x="331" y="240"/>
                    <a:pt x="319" y="243"/>
                  </a:cubicBezTo>
                  <a:cubicBezTo>
                    <a:pt x="302" y="246"/>
                    <a:pt x="300" y="236"/>
                    <a:pt x="296" y="238"/>
                  </a:cubicBezTo>
                  <a:cubicBezTo>
                    <a:pt x="285" y="243"/>
                    <a:pt x="282" y="226"/>
                    <a:pt x="274" y="227"/>
                  </a:cubicBezTo>
                  <a:cubicBezTo>
                    <a:pt x="268" y="227"/>
                    <a:pt x="253" y="230"/>
                    <a:pt x="256" y="236"/>
                  </a:cubicBezTo>
                  <a:cubicBezTo>
                    <a:pt x="259" y="241"/>
                    <a:pt x="268" y="232"/>
                    <a:pt x="271" y="235"/>
                  </a:cubicBezTo>
                  <a:cubicBezTo>
                    <a:pt x="276" y="236"/>
                    <a:pt x="264" y="236"/>
                    <a:pt x="262" y="241"/>
                  </a:cubicBezTo>
                  <a:cubicBezTo>
                    <a:pt x="261" y="246"/>
                    <a:pt x="273" y="258"/>
                    <a:pt x="261" y="249"/>
                  </a:cubicBezTo>
                  <a:cubicBezTo>
                    <a:pt x="249" y="241"/>
                    <a:pt x="250" y="246"/>
                    <a:pt x="245" y="241"/>
                  </a:cubicBezTo>
                  <a:cubicBezTo>
                    <a:pt x="241" y="235"/>
                    <a:pt x="245" y="243"/>
                    <a:pt x="230" y="243"/>
                  </a:cubicBezTo>
                  <a:cubicBezTo>
                    <a:pt x="217" y="244"/>
                    <a:pt x="198" y="243"/>
                    <a:pt x="204" y="238"/>
                  </a:cubicBezTo>
                  <a:cubicBezTo>
                    <a:pt x="210" y="233"/>
                    <a:pt x="218" y="238"/>
                    <a:pt x="212" y="233"/>
                  </a:cubicBezTo>
                  <a:cubicBezTo>
                    <a:pt x="207" y="229"/>
                    <a:pt x="204" y="224"/>
                    <a:pt x="195" y="226"/>
                  </a:cubicBezTo>
                  <a:cubicBezTo>
                    <a:pt x="186" y="227"/>
                    <a:pt x="177" y="222"/>
                    <a:pt x="169" y="221"/>
                  </a:cubicBezTo>
                  <a:cubicBezTo>
                    <a:pt x="160" y="218"/>
                    <a:pt x="154" y="212"/>
                    <a:pt x="147" y="213"/>
                  </a:cubicBezTo>
                  <a:cubicBezTo>
                    <a:pt x="137" y="213"/>
                    <a:pt x="143" y="221"/>
                    <a:pt x="136" y="219"/>
                  </a:cubicBezTo>
                  <a:cubicBezTo>
                    <a:pt x="128" y="218"/>
                    <a:pt x="137" y="207"/>
                    <a:pt x="127" y="208"/>
                  </a:cubicBezTo>
                  <a:cubicBezTo>
                    <a:pt x="122" y="210"/>
                    <a:pt x="128" y="224"/>
                    <a:pt x="118" y="218"/>
                  </a:cubicBezTo>
                  <a:cubicBezTo>
                    <a:pt x="112" y="215"/>
                    <a:pt x="108" y="198"/>
                    <a:pt x="102" y="202"/>
                  </a:cubicBezTo>
                  <a:cubicBezTo>
                    <a:pt x="95" y="208"/>
                    <a:pt x="112" y="204"/>
                    <a:pt x="99" y="212"/>
                  </a:cubicBezTo>
                  <a:cubicBezTo>
                    <a:pt x="90" y="216"/>
                    <a:pt x="101" y="208"/>
                    <a:pt x="86" y="215"/>
                  </a:cubicBezTo>
                  <a:cubicBezTo>
                    <a:pt x="69" y="221"/>
                    <a:pt x="77" y="216"/>
                    <a:pt x="86" y="212"/>
                  </a:cubicBezTo>
                  <a:cubicBezTo>
                    <a:pt x="95" y="207"/>
                    <a:pt x="93" y="207"/>
                    <a:pt x="89" y="208"/>
                  </a:cubicBezTo>
                  <a:cubicBezTo>
                    <a:pt x="83" y="210"/>
                    <a:pt x="84" y="205"/>
                    <a:pt x="75" y="212"/>
                  </a:cubicBezTo>
                  <a:cubicBezTo>
                    <a:pt x="67" y="216"/>
                    <a:pt x="72" y="210"/>
                    <a:pt x="63" y="218"/>
                  </a:cubicBezTo>
                  <a:cubicBezTo>
                    <a:pt x="54" y="224"/>
                    <a:pt x="49" y="224"/>
                    <a:pt x="52" y="227"/>
                  </a:cubicBezTo>
                  <a:cubicBezTo>
                    <a:pt x="54" y="230"/>
                    <a:pt x="48" y="226"/>
                    <a:pt x="43" y="229"/>
                  </a:cubicBezTo>
                  <a:cubicBezTo>
                    <a:pt x="38" y="230"/>
                    <a:pt x="42" y="226"/>
                    <a:pt x="32" y="226"/>
                  </a:cubicBezTo>
                  <a:cubicBezTo>
                    <a:pt x="22" y="226"/>
                    <a:pt x="14" y="215"/>
                    <a:pt x="0" y="216"/>
                  </a:cubicBezTo>
                  <a:cubicBezTo>
                    <a:pt x="0" y="344"/>
                    <a:pt x="0" y="344"/>
                    <a:pt x="0" y="344"/>
                  </a:cubicBezTo>
                  <a:cubicBezTo>
                    <a:pt x="6" y="347"/>
                    <a:pt x="3" y="342"/>
                    <a:pt x="5" y="344"/>
                  </a:cubicBezTo>
                  <a:cubicBezTo>
                    <a:pt x="8" y="345"/>
                    <a:pt x="8" y="345"/>
                    <a:pt x="10" y="345"/>
                  </a:cubicBezTo>
                  <a:cubicBezTo>
                    <a:pt x="11" y="344"/>
                    <a:pt x="16" y="342"/>
                    <a:pt x="16" y="345"/>
                  </a:cubicBezTo>
                  <a:cubicBezTo>
                    <a:pt x="14" y="347"/>
                    <a:pt x="13" y="347"/>
                    <a:pt x="16" y="348"/>
                  </a:cubicBezTo>
                  <a:cubicBezTo>
                    <a:pt x="20" y="350"/>
                    <a:pt x="16" y="351"/>
                    <a:pt x="23" y="355"/>
                  </a:cubicBezTo>
                  <a:cubicBezTo>
                    <a:pt x="29" y="359"/>
                    <a:pt x="26" y="361"/>
                    <a:pt x="28" y="361"/>
                  </a:cubicBezTo>
                  <a:cubicBezTo>
                    <a:pt x="29" y="362"/>
                    <a:pt x="29" y="359"/>
                    <a:pt x="34" y="359"/>
                  </a:cubicBezTo>
                  <a:cubicBezTo>
                    <a:pt x="38" y="358"/>
                    <a:pt x="34" y="356"/>
                    <a:pt x="37" y="355"/>
                  </a:cubicBezTo>
                  <a:cubicBezTo>
                    <a:pt x="40" y="355"/>
                    <a:pt x="35" y="353"/>
                    <a:pt x="38" y="353"/>
                  </a:cubicBezTo>
                  <a:cubicBezTo>
                    <a:pt x="45" y="350"/>
                    <a:pt x="45" y="350"/>
                    <a:pt x="46" y="353"/>
                  </a:cubicBezTo>
                  <a:cubicBezTo>
                    <a:pt x="49" y="356"/>
                    <a:pt x="46" y="355"/>
                    <a:pt x="48" y="356"/>
                  </a:cubicBezTo>
                  <a:cubicBezTo>
                    <a:pt x="49" y="359"/>
                    <a:pt x="51" y="358"/>
                    <a:pt x="52" y="361"/>
                  </a:cubicBezTo>
                  <a:cubicBezTo>
                    <a:pt x="54" y="365"/>
                    <a:pt x="57" y="362"/>
                    <a:pt x="58" y="367"/>
                  </a:cubicBezTo>
                  <a:cubicBezTo>
                    <a:pt x="61" y="370"/>
                    <a:pt x="67" y="381"/>
                    <a:pt x="69" y="383"/>
                  </a:cubicBezTo>
                  <a:cubicBezTo>
                    <a:pt x="70" y="386"/>
                    <a:pt x="67" y="386"/>
                    <a:pt x="70" y="386"/>
                  </a:cubicBezTo>
                  <a:cubicBezTo>
                    <a:pt x="72" y="386"/>
                    <a:pt x="69" y="389"/>
                    <a:pt x="72" y="389"/>
                  </a:cubicBezTo>
                  <a:cubicBezTo>
                    <a:pt x="73" y="389"/>
                    <a:pt x="70" y="392"/>
                    <a:pt x="73" y="392"/>
                  </a:cubicBezTo>
                  <a:cubicBezTo>
                    <a:pt x="77" y="390"/>
                    <a:pt x="75" y="393"/>
                    <a:pt x="81" y="395"/>
                  </a:cubicBezTo>
                  <a:cubicBezTo>
                    <a:pt x="86" y="397"/>
                    <a:pt x="83" y="398"/>
                    <a:pt x="86" y="398"/>
                  </a:cubicBezTo>
                  <a:cubicBezTo>
                    <a:pt x="87" y="398"/>
                    <a:pt x="87" y="400"/>
                    <a:pt x="87" y="400"/>
                  </a:cubicBezTo>
                  <a:cubicBezTo>
                    <a:pt x="86" y="404"/>
                    <a:pt x="89" y="407"/>
                    <a:pt x="87" y="411"/>
                  </a:cubicBezTo>
                  <a:cubicBezTo>
                    <a:pt x="84" y="412"/>
                    <a:pt x="87" y="414"/>
                    <a:pt x="86" y="415"/>
                  </a:cubicBezTo>
                  <a:cubicBezTo>
                    <a:pt x="81" y="420"/>
                    <a:pt x="84" y="420"/>
                    <a:pt x="86" y="421"/>
                  </a:cubicBezTo>
                  <a:cubicBezTo>
                    <a:pt x="86" y="425"/>
                    <a:pt x="89" y="428"/>
                    <a:pt x="92" y="431"/>
                  </a:cubicBezTo>
                  <a:cubicBezTo>
                    <a:pt x="93" y="434"/>
                    <a:pt x="90" y="426"/>
                    <a:pt x="98" y="426"/>
                  </a:cubicBezTo>
                  <a:cubicBezTo>
                    <a:pt x="102" y="425"/>
                    <a:pt x="93" y="428"/>
                    <a:pt x="96" y="432"/>
                  </a:cubicBezTo>
                  <a:cubicBezTo>
                    <a:pt x="98" y="435"/>
                    <a:pt x="98" y="432"/>
                    <a:pt x="98" y="437"/>
                  </a:cubicBezTo>
                  <a:cubicBezTo>
                    <a:pt x="99" y="442"/>
                    <a:pt x="104" y="434"/>
                    <a:pt x="101" y="440"/>
                  </a:cubicBezTo>
                  <a:cubicBezTo>
                    <a:pt x="99" y="446"/>
                    <a:pt x="99" y="448"/>
                    <a:pt x="101" y="446"/>
                  </a:cubicBezTo>
                  <a:cubicBezTo>
                    <a:pt x="101" y="446"/>
                    <a:pt x="99" y="449"/>
                    <a:pt x="102" y="451"/>
                  </a:cubicBezTo>
                  <a:cubicBezTo>
                    <a:pt x="104" y="451"/>
                    <a:pt x="102" y="446"/>
                    <a:pt x="105" y="445"/>
                  </a:cubicBezTo>
                  <a:cubicBezTo>
                    <a:pt x="107" y="445"/>
                    <a:pt x="108" y="442"/>
                    <a:pt x="108" y="443"/>
                  </a:cubicBezTo>
                  <a:cubicBezTo>
                    <a:pt x="110" y="445"/>
                    <a:pt x="113" y="443"/>
                    <a:pt x="113" y="445"/>
                  </a:cubicBezTo>
                  <a:cubicBezTo>
                    <a:pt x="112" y="448"/>
                    <a:pt x="112" y="443"/>
                    <a:pt x="107" y="446"/>
                  </a:cubicBezTo>
                  <a:cubicBezTo>
                    <a:pt x="102" y="449"/>
                    <a:pt x="104" y="449"/>
                    <a:pt x="104" y="452"/>
                  </a:cubicBezTo>
                  <a:cubicBezTo>
                    <a:pt x="104" y="456"/>
                    <a:pt x="107" y="454"/>
                    <a:pt x="105" y="456"/>
                  </a:cubicBezTo>
                  <a:cubicBezTo>
                    <a:pt x="104" y="457"/>
                    <a:pt x="107" y="457"/>
                    <a:pt x="105" y="457"/>
                  </a:cubicBezTo>
                  <a:cubicBezTo>
                    <a:pt x="102" y="459"/>
                    <a:pt x="105" y="460"/>
                    <a:pt x="108" y="462"/>
                  </a:cubicBezTo>
                  <a:cubicBezTo>
                    <a:pt x="112" y="463"/>
                    <a:pt x="112" y="460"/>
                    <a:pt x="115" y="462"/>
                  </a:cubicBezTo>
                  <a:cubicBezTo>
                    <a:pt x="118" y="462"/>
                    <a:pt x="113" y="463"/>
                    <a:pt x="116" y="463"/>
                  </a:cubicBezTo>
                  <a:cubicBezTo>
                    <a:pt x="121" y="462"/>
                    <a:pt x="115" y="468"/>
                    <a:pt x="119" y="466"/>
                  </a:cubicBezTo>
                  <a:cubicBezTo>
                    <a:pt x="121" y="466"/>
                    <a:pt x="119" y="468"/>
                    <a:pt x="122" y="466"/>
                  </a:cubicBezTo>
                  <a:cubicBezTo>
                    <a:pt x="125" y="466"/>
                    <a:pt x="127" y="470"/>
                    <a:pt x="128" y="468"/>
                  </a:cubicBezTo>
                  <a:cubicBezTo>
                    <a:pt x="130" y="466"/>
                    <a:pt x="131" y="471"/>
                    <a:pt x="128" y="471"/>
                  </a:cubicBezTo>
                  <a:cubicBezTo>
                    <a:pt x="127" y="473"/>
                    <a:pt x="131" y="476"/>
                    <a:pt x="133" y="476"/>
                  </a:cubicBezTo>
                  <a:cubicBezTo>
                    <a:pt x="136" y="474"/>
                    <a:pt x="136" y="471"/>
                    <a:pt x="136" y="474"/>
                  </a:cubicBezTo>
                  <a:cubicBezTo>
                    <a:pt x="136" y="477"/>
                    <a:pt x="137" y="476"/>
                    <a:pt x="137" y="477"/>
                  </a:cubicBezTo>
                  <a:cubicBezTo>
                    <a:pt x="136" y="479"/>
                    <a:pt x="136" y="474"/>
                    <a:pt x="134" y="476"/>
                  </a:cubicBezTo>
                  <a:cubicBezTo>
                    <a:pt x="133" y="477"/>
                    <a:pt x="139" y="480"/>
                    <a:pt x="139" y="479"/>
                  </a:cubicBezTo>
                  <a:cubicBezTo>
                    <a:pt x="139" y="477"/>
                    <a:pt x="140" y="476"/>
                    <a:pt x="140" y="479"/>
                  </a:cubicBezTo>
                  <a:cubicBezTo>
                    <a:pt x="140" y="480"/>
                    <a:pt x="142" y="482"/>
                    <a:pt x="142" y="484"/>
                  </a:cubicBezTo>
                  <a:cubicBezTo>
                    <a:pt x="140" y="485"/>
                    <a:pt x="142" y="485"/>
                    <a:pt x="143" y="484"/>
                  </a:cubicBezTo>
                  <a:cubicBezTo>
                    <a:pt x="143" y="482"/>
                    <a:pt x="143" y="484"/>
                    <a:pt x="143" y="485"/>
                  </a:cubicBezTo>
                  <a:cubicBezTo>
                    <a:pt x="363" y="485"/>
                    <a:pt x="363" y="485"/>
                    <a:pt x="363" y="485"/>
                  </a:cubicBezTo>
                  <a:close/>
                  <a:moveTo>
                    <a:pt x="484" y="328"/>
                  </a:moveTo>
                  <a:cubicBezTo>
                    <a:pt x="488" y="327"/>
                    <a:pt x="491" y="316"/>
                    <a:pt x="484" y="317"/>
                  </a:cubicBezTo>
                  <a:cubicBezTo>
                    <a:pt x="478" y="319"/>
                    <a:pt x="483" y="328"/>
                    <a:pt x="484" y="328"/>
                  </a:cubicBezTo>
                  <a:close/>
                  <a:moveTo>
                    <a:pt x="600" y="325"/>
                  </a:moveTo>
                  <a:cubicBezTo>
                    <a:pt x="603" y="325"/>
                    <a:pt x="606" y="327"/>
                    <a:pt x="605" y="330"/>
                  </a:cubicBezTo>
                  <a:cubicBezTo>
                    <a:pt x="603" y="333"/>
                    <a:pt x="596" y="327"/>
                    <a:pt x="600" y="325"/>
                  </a:cubicBezTo>
                  <a:close/>
                  <a:moveTo>
                    <a:pt x="431" y="235"/>
                  </a:moveTo>
                  <a:cubicBezTo>
                    <a:pt x="431" y="233"/>
                    <a:pt x="425" y="236"/>
                    <a:pt x="428" y="241"/>
                  </a:cubicBezTo>
                  <a:cubicBezTo>
                    <a:pt x="433" y="247"/>
                    <a:pt x="433" y="236"/>
                    <a:pt x="431" y="235"/>
                  </a:cubicBezTo>
                  <a:close/>
                  <a:moveTo>
                    <a:pt x="372" y="96"/>
                  </a:moveTo>
                  <a:cubicBezTo>
                    <a:pt x="383" y="96"/>
                    <a:pt x="379" y="92"/>
                    <a:pt x="370" y="92"/>
                  </a:cubicBezTo>
                  <a:cubicBezTo>
                    <a:pt x="360" y="90"/>
                    <a:pt x="354" y="92"/>
                    <a:pt x="354" y="95"/>
                  </a:cubicBezTo>
                  <a:cubicBezTo>
                    <a:pt x="354" y="98"/>
                    <a:pt x="361" y="96"/>
                    <a:pt x="372" y="96"/>
                  </a:cubicBezTo>
                  <a:close/>
                  <a:moveTo>
                    <a:pt x="296" y="132"/>
                  </a:moveTo>
                  <a:cubicBezTo>
                    <a:pt x="294" y="129"/>
                    <a:pt x="287" y="126"/>
                    <a:pt x="287" y="132"/>
                  </a:cubicBezTo>
                  <a:cubicBezTo>
                    <a:pt x="287" y="137"/>
                    <a:pt x="297" y="135"/>
                    <a:pt x="296" y="132"/>
                  </a:cubicBezTo>
                  <a:close/>
                  <a:moveTo>
                    <a:pt x="183" y="120"/>
                  </a:moveTo>
                  <a:cubicBezTo>
                    <a:pt x="177" y="121"/>
                    <a:pt x="166" y="126"/>
                    <a:pt x="175" y="128"/>
                  </a:cubicBezTo>
                  <a:cubicBezTo>
                    <a:pt x="182" y="128"/>
                    <a:pt x="188" y="117"/>
                    <a:pt x="183" y="120"/>
                  </a:cubicBezTo>
                  <a:close/>
                  <a:moveTo>
                    <a:pt x="207" y="107"/>
                  </a:moveTo>
                  <a:cubicBezTo>
                    <a:pt x="209" y="104"/>
                    <a:pt x="221" y="106"/>
                    <a:pt x="218" y="107"/>
                  </a:cubicBezTo>
                  <a:cubicBezTo>
                    <a:pt x="215" y="109"/>
                    <a:pt x="206" y="109"/>
                    <a:pt x="207" y="107"/>
                  </a:cubicBezTo>
                  <a:close/>
                  <a:moveTo>
                    <a:pt x="213" y="89"/>
                  </a:moveTo>
                  <a:cubicBezTo>
                    <a:pt x="210" y="86"/>
                    <a:pt x="207" y="87"/>
                    <a:pt x="206" y="89"/>
                  </a:cubicBezTo>
                  <a:cubicBezTo>
                    <a:pt x="204" y="89"/>
                    <a:pt x="209" y="92"/>
                    <a:pt x="215" y="92"/>
                  </a:cubicBezTo>
                  <a:cubicBezTo>
                    <a:pt x="218" y="92"/>
                    <a:pt x="218" y="92"/>
                    <a:pt x="213" y="89"/>
                  </a:cubicBezTo>
                  <a:close/>
                  <a:moveTo>
                    <a:pt x="290" y="114"/>
                  </a:moveTo>
                  <a:cubicBezTo>
                    <a:pt x="293" y="117"/>
                    <a:pt x="306" y="112"/>
                    <a:pt x="300" y="112"/>
                  </a:cubicBezTo>
                  <a:cubicBezTo>
                    <a:pt x="294" y="111"/>
                    <a:pt x="296" y="106"/>
                    <a:pt x="290" y="109"/>
                  </a:cubicBezTo>
                  <a:cubicBezTo>
                    <a:pt x="288" y="111"/>
                    <a:pt x="287" y="111"/>
                    <a:pt x="290" y="114"/>
                  </a:cubicBezTo>
                  <a:close/>
                  <a:moveTo>
                    <a:pt x="290" y="118"/>
                  </a:moveTo>
                  <a:cubicBezTo>
                    <a:pt x="288" y="117"/>
                    <a:pt x="302" y="114"/>
                    <a:pt x="305" y="115"/>
                  </a:cubicBezTo>
                  <a:cubicBezTo>
                    <a:pt x="306" y="117"/>
                    <a:pt x="293" y="120"/>
                    <a:pt x="290" y="118"/>
                  </a:cubicBezTo>
                  <a:close/>
                  <a:moveTo>
                    <a:pt x="296" y="121"/>
                  </a:moveTo>
                  <a:cubicBezTo>
                    <a:pt x="293" y="120"/>
                    <a:pt x="303" y="118"/>
                    <a:pt x="305" y="118"/>
                  </a:cubicBezTo>
                  <a:cubicBezTo>
                    <a:pt x="308" y="120"/>
                    <a:pt x="297" y="123"/>
                    <a:pt x="296" y="121"/>
                  </a:cubicBezTo>
                  <a:close/>
                  <a:moveTo>
                    <a:pt x="299" y="125"/>
                  </a:moveTo>
                  <a:cubicBezTo>
                    <a:pt x="297" y="123"/>
                    <a:pt x="306" y="120"/>
                    <a:pt x="308" y="120"/>
                  </a:cubicBezTo>
                  <a:cubicBezTo>
                    <a:pt x="309" y="120"/>
                    <a:pt x="302" y="125"/>
                    <a:pt x="299" y="125"/>
                  </a:cubicBezTo>
                  <a:close/>
                  <a:moveTo>
                    <a:pt x="433" y="73"/>
                  </a:moveTo>
                  <a:cubicBezTo>
                    <a:pt x="436" y="70"/>
                    <a:pt x="443" y="68"/>
                    <a:pt x="443" y="72"/>
                  </a:cubicBezTo>
                  <a:cubicBezTo>
                    <a:pt x="442" y="73"/>
                    <a:pt x="430" y="75"/>
                    <a:pt x="433" y="73"/>
                  </a:cubicBezTo>
                  <a:close/>
                  <a:moveTo>
                    <a:pt x="471" y="437"/>
                  </a:moveTo>
                  <a:cubicBezTo>
                    <a:pt x="474" y="438"/>
                    <a:pt x="477" y="440"/>
                    <a:pt x="478" y="440"/>
                  </a:cubicBezTo>
                  <a:cubicBezTo>
                    <a:pt x="480" y="438"/>
                    <a:pt x="475" y="435"/>
                    <a:pt x="475" y="434"/>
                  </a:cubicBezTo>
                  <a:cubicBezTo>
                    <a:pt x="474" y="432"/>
                    <a:pt x="469" y="432"/>
                    <a:pt x="468" y="435"/>
                  </a:cubicBezTo>
                  <a:cubicBezTo>
                    <a:pt x="466" y="435"/>
                    <a:pt x="468" y="435"/>
                    <a:pt x="471" y="437"/>
                  </a:cubicBezTo>
                  <a:close/>
                  <a:moveTo>
                    <a:pt x="486" y="400"/>
                  </a:moveTo>
                  <a:cubicBezTo>
                    <a:pt x="486" y="398"/>
                    <a:pt x="488" y="397"/>
                    <a:pt x="486" y="400"/>
                  </a:cubicBezTo>
                  <a:cubicBezTo>
                    <a:pt x="484" y="403"/>
                    <a:pt x="484" y="401"/>
                    <a:pt x="486" y="401"/>
                  </a:cubicBezTo>
                  <a:cubicBezTo>
                    <a:pt x="488" y="401"/>
                    <a:pt x="489" y="397"/>
                    <a:pt x="489" y="397"/>
                  </a:cubicBezTo>
                  <a:cubicBezTo>
                    <a:pt x="491" y="397"/>
                    <a:pt x="488" y="401"/>
                    <a:pt x="489" y="401"/>
                  </a:cubicBezTo>
                  <a:cubicBezTo>
                    <a:pt x="491" y="401"/>
                    <a:pt x="491" y="400"/>
                    <a:pt x="491" y="397"/>
                  </a:cubicBezTo>
                  <a:cubicBezTo>
                    <a:pt x="492" y="393"/>
                    <a:pt x="492" y="395"/>
                    <a:pt x="491" y="393"/>
                  </a:cubicBezTo>
                  <a:cubicBezTo>
                    <a:pt x="489" y="392"/>
                    <a:pt x="489" y="392"/>
                    <a:pt x="489" y="393"/>
                  </a:cubicBezTo>
                  <a:cubicBezTo>
                    <a:pt x="488" y="395"/>
                    <a:pt x="488" y="397"/>
                    <a:pt x="488" y="395"/>
                  </a:cubicBezTo>
                  <a:cubicBezTo>
                    <a:pt x="488" y="393"/>
                    <a:pt x="488" y="392"/>
                    <a:pt x="488" y="393"/>
                  </a:cubicBezTo>
                  <a:cubicBezTo>
                    <a:pt x="486" y="393"/>
                    <a:pt x="488" y="393"/>
                    <a:pt x="488" y="395"/>
                  </a:cubicBezTo>
                  <a:cubicBezTo>
                    <a:pt x="486" y="397"/>
                    <a:pt x="486" y="397"/>
                    <a:pt x="484" y="398"/>
                  </a:cubicBezTo>
                  <a:cubicBezTo>
                    <a:pt x="483" y="400"/>
                    <a:pt x="483" y="400"/>
                    <a:pt x="483" y="401"/>
                  </a:cubicBezTo>
                  <a:cubicBezTo>
                    <a:pt x="484" y="403"/>
                    <a:pt x="484" y="401"/>
                    <a:pt x="486" y="400"/>
                  </a:cubicBezTo>
                  <a:close/>
                  <a:moveTo>
                    <a:pt x="494" y="398"/>
                  </a:moveTo>
                  <a:cubicBezTo>
                    <a:pt x="494" y="397"/>
                    <a:pt x="494" y="393"/>
                    <a:pt x="494" y="393"/>
                  </a:cubicBezTo>
                  <a:cubicBezTo>
                    <a:pt x="492" y="393"/>
                    <a:pt x="492" y="395"/>
                    <a:pt x="492" y="398"/>
                  </a:cubicBezTo>
                  <a:cubicBezTo>
                    <a:pt x="491" y="398"/>
                    <a:pt x="492" y="398"/>
                    <a:pt x="494" y="398"/>
                  </a:cubicBezTo>
                  <a:close/>
                  <a:moveTo>
                    <a:pt x="484" y="397"/>
                  </a:moveTo>
                  <a:cubicBezTo>
                    <a:pt x="486" y="395"/>
                    <a:pt x="486" y="393"/>
                    <a:pt x="486" y="393"/>
                  </a:cubicBezTo>
                  <a:cubicBezTo>
                    <a:pt x="484" y="395"/>
                    <a:pt x="483" y="395"/>
                    <a:pt x="483" y="397"/>
                  </a:cubicBezTo>
                  <a:cubicBezTo>
                    <a:pt x="481" y="398"/>
                    <a:pt x="483" y="398"/>
                    <a:pt x="484" y="397"/>
                  </a:cubicBezTo>
                  <a:close/>
                  <a:moveTo>
                    <a:pt x="577" y="345"/>
                  </a:moveTo>
                  <a:cubicBezTo>
                    <a:pt x="574" y="345"/>
                    <a:pt x="577" y="339"/>
                    <a:pt x="579" y="341"/>
                  </a:cubicBezTo>
                  <a:cubicBezTo>
                    <a:pt x="582" y="342"/>
                    <a:pt x="579" y="345"/>
                    <a:pt x="577" y="345"/>
                  </a:cubicBezTo>
                  <a:close/>
                </a:path>
              </a:pathLst>
            </a:custGeom>
            <a:solidFill>
              <a:schemeClr val="accent5"/>
            </a:solidFill>
            <a:ln w="6350" cmpd="sng">
              <a:solidFill>
                <a:schemeClr val="bg1"/>
              </a:solidFill>
              <a:round/>
              <a:headEnd/>
              <a:tailEnd/>
            </a:ln>
          </p:spPr>
          <p:txBody>
            <a:bodyPr/>
            <a:lstStyle/>
            <a:p>
              <a:endParaRPr lang="en-GB" sz="1633" dirty="0"/>
            </a:p>
          </p:txBody>
        </p:sp>
        <p:sp>
          <p:nvSpPr>
            <p:cNvPr id="70" name="Freeform 270"/>
            <p:cNvSpPr>
              <a:spLocks/>
            </p:cNvSpPr>
            <p:nvPr/>
          </p:nvSpPr>
          <p:spPr bwMode="auto">
            <a:xfrm>
              <a:off x="4877662" y="3921541"/>
              <a:ext cx="23941" cy="11332"/>
            </a:xfrm>
            <a:custGeom>
              <a:avLst/>
              <a:gdLst/>
              <a:ahLst/>
              <a:cxnLst>
                <a:cxn ang="0">
                  <a:pos x="0" y="2"/>
                </a:cxn>
                <a:cxn ang="0">
                  <a:pos x="6" y="2"/>
                </a:cxn>
                <a:cxn ang="0">
                  <a:pos x="0" y="2"/>
                </a:cxn>
              </a:cxnLst>
              <a:rect l="0" t="0" r="r" b="b"/>
              <a:pathLst>
                <a:path w="8" h="4">
                  <a:moveTo>
                    <a:pt x="0" y="2"/>
                  </a:moveTo>
                  <a:cubicBezTo>
                    <a:pt x="2" y="0"/>
                    <a:pt x="8" y="2"/>
                    <a:pt x="6" y="2"/>
                  </a:cubicBezTo>
                  <a:cubicBezTo>
                    <a:pt x="5" y="4"/>
                    <a:pt x="0" y="4"/>
                    <a:pt x="0" y="2"/>
                  </a:cubicBezTo>
                </a:path>
              </a:pathLst>
            </a:custGeom>
            <a:grpFill/>
            <a:ln w="6350" cmpd="sng">
              <a:solidFill>
                <a:schemeClr val="bg1"/>
              </a:solidFill>
              <a:round/>
              <a:headEnd/>
              <a:tailEnd/>
            </a:ln>
          </p:spPr>
          <p:txBody>
            <a:bodyPr/>
            <a:lstStyle/>
            <a:p>
              <a:endParaRPr lang="en-GB" sz="1633" dirty="0"/>
            </a:p>
          </p:txBody>
        </p:sp>
        <p:sp>
          <p:nvSpPr>
            <p:cNvPr id="71" name="Freeform 271"/>
            <p:cNvSpPr>
              <a:spLocks/>
            </p:cNvSpPr>
            <p:nvPr/>
          </p:nvSpPr>
          <p:spPr bwMode="auto">
            <a:xfrm>
              <a:off x="4840953" y="3892400"/>
              <a:ext cx="14364" cy="9713"/>
            </a:xfrm>
            <a:custGeom>
              <a:avLst/>
              <a:gdLst/>
              <a:ahLst/>
              <a:cxnLst>
                <a:cxn ang="0">
                  <a:pos x="0" y="2"/>
                </a:cxn>
                <a:cxn ang="0">
                  <a:pos x="3" y="2"/>
                </a:cxn>
                <a:cxn ang="0">
                  <a:pos x="0" y="2"/>
                </a:cxn>
              </a:cxnLst>
              <a:rect l="0" t="0" r="r" b="b"/>
              <a:pathLst>
                <a:path w="5" h="3">
                  <a:moveTo>
                    <a:pt x="0" y="2"/>
                  </a:moveTo>
                  <a:cubicBezTo>
                    <a:pt x="0" y="0"/>
                    <a:pt x="5" y="0"/>
                    <a:pt x="3" y="2"/>
                  </a:cubicBezTo>
                  <a:cubicBezTo>
                    <a:pt x="3" y="3"/>
                    <a:pt x="0" y="2"/>
                    <a:pt x="0" y="2"/>
                  </a:cubicBezTo>
                </a:path>
              </a:pathLst>
            </a:custGeom>
            <a:grpFill/>
            <a:ln w="6350" cmpd="sng">
              <a:solidFill>
                <a:schemeClr val="bg1"/>
              </a:solidFill>
              <a:round/>
              <a:headEnd/>
              <a:tailEnd/>
            </a:ln>
          </p:spPr>
          <p:txBody>
            <a:bodyPr/>
            <a:lstStyle/>
            <a:p>
              <a:endParaRPr lang="en-GB" sz="1633" dirty="0"/>
            </a:p>
          </p:txBody>
        </p:sp>
        <p:sp>
          <p:nvSpPr>
            <p:cNvPr id="72" name="Freeform 272"/>
            <p:cNvSpPr>
              <a:spLocks/>
            </p:cNvSpPr>
            <p:nvPr/>
          </p:nvSpPr>
          <p:spPr bwMode="auto">
            <a:xfrm>
              <a:off x="4812224" y="3895637"/>
              <a:ext cx="19152" cy="12952"/>
            </a:xfrm>
            <a:custGeom>
              <a:avLst/>
              <a:gdLst/>
              <a:ahLst/>
              <a:cxnLst>
                <a:cxn ang="0">
                  <a:pos x="0" y="2"/>
                </a:cxn>
                <a:cxn ang="0">
                  <a:pos x="4" y="4"/>
                </a:cxn>
                <a:cxn ang="0">
                  <a:pos x="0" y="2"/>
                </a:cxn>
              </a:cxnLst>
              <a:rect l="0" t="0" r="r" b="b"/>
              <a:pathLst>
                <a:path w="6" h="4">
                  <a:moveTo>
                    <a:pt x="0" y="2"/>
                  </a:moveTo>
                  <a:cubicBezTo>
                    <a:pt x="1" y="0"/>
                    <a:pt x="6" y="4"/>
                    <a:pt x="4" y="4"/>
                  </a:cubicBezTo>
                  <a:cubicBezTo>
                    <a:pt x="1" y="4"/>
                    <a:pt x="0" y="4"/>
                    <a:pt x="0" y="2"/>
                  </a:cubicBezTo>
                </a:path>
              </a:pathLst>
            </a:custGeom>
            <a:grpFill/>
            <a:ln w="6350" cmpd="sng">
              <a:solidFill>
                <a:schemeClr val="bg1"/>
              </a:solidFill>
              <a:round/>
              <a:headEnd/>
              <a:tailEnd/>
            </a:ln>
          </p:spPr>
          <p:txBody>
            <a:bodyPr/>
            <a:lstStyle/>
            <a:p>
              <a:endParaRPr lang="en-GB" sz="1633" dirty="0"/>
            </a:p>
          </p:txBody>
        </p:sp>
        <p:sp>
          <p:nvSpPr>
            <p:cNvPr id="73" name="Freeform 289"/>
            <p:cNvSpPr>
              <a:spLocks noEditPoints="1"/>
            </p:cNvSpPr>
            <p:nvPr/>
          </p:nvSpPr>
          <p:spPr bwMode="auto">
            <a:xfrm>
              <a:off x="522164" y="2598867"/>
              <a:ext cx="2529738" cy="1978345"/>
            </a:xfrm>
            <a:custGeom>
              <a:avLst/>
              <a:gdLst/>
              <a:ahLst/>
              <a:cxnLst>
                <a:cxn ang="0">
                  <a:pos x="124" y="195"/>
                </a:cxn>
                <a:cxn ang="0">
                  <a:pos x="127" y="181"/>
                </a:cxn>
                <a:cxn ang="0">
                  <a:pos x="161" y="164"/>
                </a:cxn>
                <a:cxn ang="0">
                  <a:pos x="271" y="185"/>
                </a:cxn>
                <a:cxn ang="0">
                  <a:pos x="262" y="193"/>
                </a:cxn>
                <a:cxn ang="0">
                  <a:pos x="257" y="198"/>
                </a:cxn>
                <a:cxn ang="0">
                  <a:pos x="255" y="193"/>
                </a:cxn>
                <a:cxn ang="0">
                  <a:pos x="271" y="209"/>
                </a:cxn>
                <a:cxn ang="0">
                  <a:pos x="300" y="227"/>
                </a:cxn>
                <a:cxn ang="0">
                  <a:pos x="277" y="212"/>
                </a:cxn>
                <a:cxn ang="0">
                  <a:pos x="278" y="216"/>
                </a:cxn>
                <a:cxn ang="0">
                  <a:pos x="287" y="224"/>
                </a:cxn>
                <a:cxn ang="0">
                  <a:pos x="278" y="207"/>
                </a:cxn>
                <a:cxn ang="0">
                  <a:pos x="278" y="221"/>
                </a:cxn>
                <a:cxn ang="0">
                  <a:pos x="100" y="6"/>
                </a:cxn>
                <a:cxn ang="0">
                  <a:pos x="56" y="76"/>
                </a:cxn>
                <a:cxn ang="0">
                  <a:pos x="59" y="97"/>
                </a:cxn>
                <a:cxn ang="0">
                  <a:pos x="50" y="168"/>
                </a:cxn>
                <a:cxn ang="0">
                  <a:pos x="53" y="212"/>
                </a:cxn>
                <a:cxn ang="0">
                  <a:pos x="100" y="192"/>
                </a:cxn>
                <a:cxn ang="0">
                  <a:pos x="143" y="167"/>
                </a:cxn>
                <a:cxn ang="0">
                  <a:pos x="227" y="165"/>
                </a:cxn>
                <a:cxn ang="0">
                  <a:pos x="278" y="198"/>
                </a:cxn>
                <a:cxn ang="0">
                  <a:pos x="304" y="212"/>
                </a:cxn>
                <a:cxn ang="0">
                  <a:pos x="265" y="168"/>
                </a:cxn>
                <a:cxn ang="0">
                  <a:pos x="227" y="157"/>
                </a:cxn>
                <a:cxn ang="0">
                  <a:pos x="727" y="361"/>
                </a:cxn>
                <a:cxn ang="0">
                  <a:pos x="679" y="381"/>
                </a:cxn>
                <a:cxn ang="0">
                  <a:pos x="671" y="355"/>
                </a:cxn>
                <a:cxn ang="0">
                  <a:pos x="651" y="349"/>
                </a:cxn>
                <a:cxn ang="0">
                  <a:pos x="638" y="349"/>
                </a:cxn>
                <a:cxn ang="0">
                  <a:pos x="667" y="327"/>
                </a:cxn>
                <a:cxn ang="0">
                  <a:pos x="615" y="325"/>
                </a:cxn>
                <a:cxn ang="0">
                  <a:pos x="590" y="302"/>
                </a:cxn>
                <a:cxn ang="0">
                  <a:pos x="348" y="305"/>
                </a:cxn>
                <a:cxn ang="0">
                  <a:pos x="374" y="448"/>
                </a:cxn>
                <a:cxn ang="0">
                  <a:pos x="478" y="489"/>
                </a:cxn>
                <a:cxn ang="0">
                  <a:pos x="563" y="535"/>
                </a:cxn>
                <a:cxn ang="0">
                  <a:pos x="607" y="512"/>
                </a:cxn>
                <a:cxn ang="0">
                  <a:pos x="625" y="512"/>
                </a:cxn>
                <a:cxn ang="0">
                  <a:pos x="639" y="504"/>
                </a:cxn>
                <a:cxn ang="0">
                  <a:pos x="680" y="532"/>
                </a:cxn>
                <a:cxn ang="0">
                  <a:pos x="700" y="543"/>
                </a:cxn>
                <a:cxn ang="0">
                  <a:pos x="730" y="453"/>
                </a:cxn>
                <a:cxn ang="0">
                  <a:pos x="730" y="442"/>
                </a:cxn>
                <a:cxn ang="0">
                  <a:pos x="729" y="411"/>
                </a:cxn>
                <a:cxn ang="0">
                  <a:pos x="738" y="420"/>
                </a:cxn>
                <a:cxn ang="0">
                  <a:pos x="758" y="386"/>
                </a:cxn>
                <a:cxn ang="0">
                  <a:pos x="773" y="374"/>
                </a:cxn>
                <a:cxn ang="0">
                  <a:pos x="802" y="347"/>
                </a:cxn>
                <a:cxn ang="0">
                  <a:pos x="787" y="316"/>
                </a:cxn>
                <a:cxn ang="0">
                  <a:pos x="769" y="342"/>
                </a:cxn>
                <a:cxn ang="0">
                  <a:pos x="100" y="619"/>
                </a:cxn>
                <a:cxn ang="0">
                  <a:pos x="99" y="610"/>
                </a:cxn>
                <a:cxn ang="0">
                  <a:pos x="92" y="599"/>
                </a:cxn>
                <a:cxn ang="0">
                  <a:pos x="82" y="596"/>
                </a:cxn>
                <a:cxn ang="0">
                  <a:pos x="67" y="590"/>
                </a:cxn>
                <a:cxn ang="0">
                  <a:pos x="89" y="597"/>
                </a:cxn>
                <a:cxn ang="0">
                  <a:pos x="64" y="591"/>
                </a:cxn>
              </a:cxnLst>
              <a:rect l="0" t="0" r="r" b="b"/>
              <a:pathLst>
                <a:path w="817" h="630">
                  <a:moveTo>
                    <a:pt x="108" y="199"/>
                  </a:moveTo>
                  <a:cubicBezTo>
                    <a:pt x="108" y="196"/>
                    <a:pt x="105" y="195"/>
                    <a:pt x="108" y="192"/>
                  </a:cubicBezTo>
                  <a:cubicBezTo>
                    <a:pt x="112" y="190"/>
                    <a:pt x="114" y="193"/>
                    <a:pt x="114" y="190"/>
                  </a:cubicBezTo>
                  <a:cubicBezTo>
                    <a:pt x="114" y="188"/>
                    <a:pt x="114" y="187"/>
                    <a:pt x="115" y="188"/>
                  </a:cubicBezTo>
                  <a:cubicBezTo>
                    <a:pt x="117" y="190"/>
                    <a:pt x="120" y="188"/>
                    <a:pt x="118" y="187"/>
                  </a:cubicBezTo>
                  <a:cubicBezTo>
                    <a:pt x="118" y="185"/>
                    <a:pt x="120" y="187"/>
                    <a:pt x="121" y="187"/>
                  </a:cubicBezTo>
                  <a:cubicBezTo>
                    <a:pt x="123" y="188"/>
                    <a:pt x="124" y="187"/>
                    <a:pt x="124" y="188"/>
                  </a:cubicBezTo>
                  <a:cubicBezTo>
                    <a:pt x="126" y="190"/>
                    <a:pt x="124" y="190"/>
                    <a:pt x="126" y="190"/>
                  </a:cubicBezTo>
                  <a:cubicBezTo>
                    <a:pt x="127" y="192"/>
                    <a:pt x="126" y="193"/>
                    <a:pt x="124" y="195"/>
                  </a:cubicBezTo>
                  <a:cubicBezTo>
                    <a:pt x="123" y="196"/>
                    <a:pt x="123" y="196"/>
                    <a:pt x="120" y="196"/>
                  </a:cubicBezTo>
                  <a:cubicBezTo>
                    <a:pt x="117" y="196"/>
                    <a:pt x="115" y="198"/>
                    <a:pt x="115" y="199"/>
                  </a:cubicBezTo>
                  <a:cubicBezTo>
                    <a:pt x="115" y="201"/>
                    <a:pt x="115" y="199"/>
                    <a:pt x="114" y="201"/>
                  </a:cubicBezTo>
                  <a:cubicBezTo>
                    <a:pt x="112" y="202"/>
                    <a:pt x="111" y="202"/>
                    <a:pt x="112" y="201"/>
                  </a:cubicBezTo>
                  <a:cubicBezTo>
                    <a:pt x="115" y="198"/>
                    <a:pt x="111" y="199"/>
                    <a:pt x="111" y="199"/>
                  </a:cubicBezTo>
                  <a:cubicBezTo>
                    <a:pt x="111" y="201"/>
                    <a:pt x="109" y="201"/>
                    <a:pt x="108" y="199"/>
                  </a:cubicBezTo>
                  <a:close/>
                  <a:moveTo>
                    <a:pt x="123" y="185"/>
                  </a:moveTo>
                  <a:cubicBezTo>
                    <a:pt x="124" y="184"/>
                    <a:pt x="124" y="184"/>
                    <a:pt x="126" y="184"/>
                  </a:cubicBezTo>
                  <a:cubicBezTo>
                    <a:pt x="127" y="184"/>
                    <a:pt x="129" y="184"/>
                    <a:pt x="127" y="181"/>
                  </a:cubicBezTo>
                  <a:cubicBezTo>
                    <a:pt x="126" y="179"/>
                    <a:pt x="126" y="182"/>
                    <a:pt x="124" y="181"/>
                  </a:cubicBezTo>
                  <a:cubicBezTo>
                    <a:pt x="124" y="181"/>
                    <a:pt x="121" y="179"/>
                    <a:pt x="121" y="182"/>
                  </a:cubicBezTo>
                  <a:cubicBezTo>
                    <a:pt x="123" y="184"/>
                    <a:pt x="121" y="182"/>
                    <a:pt x="120" y="182"/>
                  </a:cubicBezTo>
                  <a:cubicBezTo>
                    <a:pt x="118" y="184"/>
                    <a:pt x="118" y="185"/>
                    <a:pt x="120" y="185"/>
                  </a:cubicBezTo>
                  <a:cubicBezTo>
                    <a:pt x="121" y="187"/>
                    <a:pt x="121" y="187"/>
                    <a:pt x="123" y="185"/>
                  </a:cubicBezTo>
                  <a:close/>
                  <a:moveTo>
                    <a:pt x="164" y="164"/>
                  </a:moveTo>
                  <a:cubicBezTo>
                    <a:pt x="166" y="162"/>
                    <a:pt x="164" y="162"/>
                    <a:pt x="167" y="159"/>
                  </a:cubicBezTo>
                  <a:cubicBezTo>
                    <a:pt x="169" y="156"/>
                    <a:pt x="167" y="156"/>
                    <a:pt x="166" y="157"/>
                  </a:cubicBezTo>
                  <a:cubicBezTo>
                    <a:pt x="166" y="159"/>
                    <a:pt x="163" y="160"/>
                    <a:pt x="161" y="164"/>
                  </a:cubicBezTo>
                  <a:cubicBezTo>
                    <a:pt x="159" y="164"/>
                    <a:pt x="163" y="164"/>
                    <a:pt x="164" y="164"/>
                  </a:cubicBezTo>
                  <a:close/>
                  <a:moveTo>
                    <a:pt x="173" y="156"/>
                  </a:moveTo>
                  <a:cubicBezTo>
                    <a:pt x="175" y="156"/>
                    <a:pt x="175" y="156"/>
                    <a:pt x="173" y="154"/>
                  </a:cubicBezTo>
                  <a:cubicBezTo>
                    <a:pt x="170" y="154"/>
                    <a:pt x="170" y="156"/>
                    <a:pt x="170" y="157"/>
                  </a:cubicBezTo>
                  <a:cubicBezTo>
                    <a:pt x="170" y="159"/>
                    <a:pt x="172" y="157"/>
                    <a:pt x="173" y="156"/>
                  </a:cubicBezTo>
                  <a:close/>
                  <a:moveTo>
                    <a:pt x="269" y="198"/>
                  </a:moveTo>
                  <a:cubicBezTo>
                    <a:pt x="272" y="196"/>
                    <a:pt x="269" y="195"/>
                    <a:pt x="272" y="195"/>
                  </a:cubicBezTo>
                  <a:cubicBezTo>
                    <a:pt x="274" y="195"/>
                    <a:pt x="271" y="192"/>
                    <a:pt x="272" y="192"/>
                  </a:cubicBezTo>
                  <a:cubicBezTo>
                    <a:pt x="274" y="192"/>
                    <a:pt x="272" y="187"/>
                    <a:pt x="271" y="185"/>
                  </a:cubicBezTo>
                  <a:cubicBezTo>
                    <a:pt x="269" y="182"/>
                    <a:pt x="268" y="185"/>
                    <a:pt x="266" y="182"/>
                  </a:cubicBezTo>
                  <a:cubicBezTo>
                    <a:pt x="263" y="181"/>
                    <a:pt x="265" y="182"/>
                    <a:pt x="265" y="185"/>
                  </a:cubicBezTo>
                  <a:cubicBezTo>
                    <a:pt x="266" y="188"/>
                    <a:pt x="266" y="190"/>
                    <a:pt x="268" y="193"/>
                  </a:cubicBezTo>
                  <a:cubicBezTo>
                    <a:pt x="269" y="196"/>
                    <a:pt x="266" y="193"/>
                    <a:pt x="266" y="198"/>
                  </a:cubicBezTo>
                  <a:cubicBezTo>
                    <a:pt x="266" y="199"/>
                    <a:pt x="268" y="198"/>
                    <a:pt x="269" y="198"/>
                  </a:cubicBezTo>
                  <a:close/>
                  <a:moveTo>
                    <a:pt x="265" y="207"/>
                  </a:moveTo>
                  <a:cubicBezTo>
                    <a:pt x="268" y="212"/>
                    <a:pt x="266" y="209"/>
                    <a:pt x="266" y="206"/>
                  </a:cubicBezTo>
                  <a:cubicBezTo>
                    <a:pt x="266" y="204"/>
                    <a:pt x="268" y="206"/>
                    <a:pt x="266" y="201"/>
                  </a:cubicBezTo>
                  <a:cubicBezTo>
                    <a:pt x="265" y="196"/>
                    <a:pt x="265" y="195"/>
                    <a:pt x="262" y="193"/>
                  </a:cubicBezTo>
                  <a:cubicBezTo>
                    <a:pt x="258" y="190"/>
                    <a:pt x="258" y="195"/>
                    <a:pt x="258" y="196"/>
                  </a:cubicBezTo>
                  <a:cubicBezTo>
                    <a:pt x="260" y="196"/>
                    <a:pt x="262" y="198"/>
                    <a:pt x="260" y="199"/>
                  </a:cubicBezTo>
                  <a:cubicBezTo>
                    <a:pt x="260" y="202"/>
                    <a:pt x="263" y="201"/>
                    <a:pt x="263" y="202"/>
                  </a:cubicBezTo>
                  <a:cubicBezTo>
                    <a:pt x="262" y="206"/>
                    <a:pt x="263" y="202"/>
                    <a:pt x="263" y="206"/>
                  </a:cubicBezTo>
                  <a:cubicBezTo>
                    <a:pt x="263" y="207"/>
                    <a:pt x="265" y="207"/>
                    <a:pt x="265" y="207"/>
                  </a:cubicBezTo>
                  <a:close/>
                  <a:moveTo>
                    <a:pt x="257" y="198"/>
                  </a:moveTo>
                  <a:cubicBezTo>
                    <a:pt x="257" y="198"/>
                    <a:pt x="257" y="199"/>
                    <a:pt x="258" y="199"/>
                  </a:cubicBezTo>
                  <a:cubicBezTo>
                    <a:pt x="258" y="198"/>
                    <a:pt x="257" y="193"/>
                    <a:pt x="257" y="195"/>
                  </a:cubicBezTo>
                  <a:cubicBezTo>
                    <a:pt x="257" y="195"/>
                    <a:pt x="257" y="196"/>
                    <a:pt x="257" y="198"/>
                  </a:cubicBezTo>
                  <a:close/>
                  <a:moveTo>
                    <a:pt x="258" y="190"/>
                  </a:moveTo>
                  <a:cubicBezTo>
                    <a:pt x="257" y="188"/>
                    <a:pt x="258" y="188"/>
                    <a:pt x="262" y="192"/>
                  </a:cubicBezTo>
                  <a:cubicBezTo>
                    <a:pt x="265" y="193"/>
                    <a:pt x="266" y="193"/>
                    <a:pt x="265" y="190"/>
                  </a:cubicBezTo>
                  <a:cubicBezTo>
                    <a:pt x="265" y="188"/>
                    <a:pt x="263" y="188"/>
                    <a:pt x="265" y="187"/>
                  </a:cubicBezTo>
                  <a:cubicBezTo>
                    <a:pt x="265" y="185"/>
                    <a:pt x="260" y="184"/>
                    <a:pt x="258" y="182"/>
                  </a:cubicBezTo>
                  <a:cubicBezTo>
                    <a:pt x="257" y="182"/>
                    <a:pt x="255" y="184"/>
                    <a:pt x="254" y="184"/>
                  </a:cubicBezTo>
                  <a:cubicBezTo>
                    <a:pt x="252" y="182"/>
                    <a:pt x="252" y="184"/>
                    <a:pt x="252" y="185"/>
                  </a:cubicBezTo>
                  <a:cubicBezTo>
                    <a:pt x="251" y="187"/>
                    <a:pt x="251" y="187"/>
                    <a:pt x="254" y="188"/>
                  </a:cubicBezTo>
                  <a:cubicBezTo>
                    <a:pt x="255" y="190"/>
                    <a:pt x="252" y="190"/>
                    <a:pt x="255" y="193"/>
                  </a:cubicBezTo>
                  <a:cubicBezTo>
                    <a:pt x="257" y="193"/>
                    <a:pt x="260" y="192"/>
                    <a:pt x="258" y="190"/>
                  </a:cubicBezTo>
                  <a:close/>
                  <a:moveTo>
                    <a:pt x="278" y="204"/>
                  </a:moveTo>
                  <a:cubicBezTo>
                    <a:pt x="280" y="202"/>
                    <a:pt x="280" y="201"/>
                    <a:pt x="280" y="199"/>
                  </a:cubicBezTo>
                  <a:cubicBezTo>
                    <a:pt x="278" y="198"/>
                    <a:pt x="278" y="199"/>
                    <a:pt x="275" y="198"/>
                  </a:cubicBezTo>
                  <a:cubicBezTo>
                    <a:pt x="274" y="198"/>
                    <a:pt x="272" y="198"/>
                    <a:pt x="272" y="199"/>
                  </a:cubicBezTo>
                  <a:cubicBezTo>
                    <a:pt x="272" y="202"/>
                    <a:pt x="275" y="199"/>
                    <a:pt x="275" y="202"/>
                  </a:cubicBezTo>
                  <a:cubicBezTo>
                    <a:pt x="274" y="207"/>
                    <a:pt x="275" y="206"/>
                    <a:pt x="278" y="206"/>
                  </a:cubicBezTo>
                  <a:cubicBezTo>
                    <a:pt x="280" y="207"/>
                    <a:pt x="278" y="204"/>
                    <a:pt x="278" y="204"/>
                  </a:cubicBezTo>
                  <a:close/>
                  <a:moveTo>
                    <a:pt x="271" y="209"/>
                  </a:moveTo>
                  <a:cubicBezTo>
                    <a:pt x="272" y="212"/>
                    <a:pt x="272" y="210"/>
                    <a:pt x="272" y="209"/>
                  </a:cubicBezTo>
                  <a:cubicBezTo>
                    <a:pt x="274" y="207"/>
                    <a:pt x="272" y="207"/>
                    <a:pt x="274" y="204"/>
                  </a:cubicBezTo>
                  <a:cubicBezTo>
                    <a:pt x="274" y="201"/>
                    <a:pt x="272" y="202"/>
                    <a:pt x="272" y="201"/>
                  </a:cubicBezTo>
                  <a:cubicBezTo>
                    <a:pt x="271" y="199"/>
                    <a:pt x="271" y="199"/>
                    <a:pt x="269" y="199"/>
                  </a:cubicBezTo>
                  <a:cubicBezTo>
                    <a:pt x="268" y="201"/>
                    <a:pt x="268" y="201"/>
                    <a:pt x="269" y="204"/>
                  </a:cubicBezTo>
                  <a:cubicBezTo>
                    <a:pt x="271" y="206"/>
                    <a:pt x="272" y="207"/>
                    <a:pt x="271" y="207"/>
                  </a:cubicBezTo>
                  <a:cubicBezTo>
                    <a:pt x="269" y="206"/>
                    <a:pt x="269" y="207"/>
                    <a:pt x="269" y="210"/>
                  </a:cubicBezTo>
                  <a:cubicBezTo>
                    <a:pt x="271" y="213"/>
                    <a:pt x="271" y="207"/>
                    <a:pt x="271" y="209"/>
                  </a:cubicBezTo>
                  <a:close/>
                  <a:moveTo>
                    <a:pt x="300" y="227"/>
                  </a:moveTo>
                  <a:cubicBezTo>
                    <a:pt x="301" y="226"/>
                    <a:pt x="301" y="226"/>
                    <a:pt x="303" y="224"/>
                  </a:cubicBezTo>
                  <a:cubicBezTo>
                    <a:pt x="303" y="224"/>
                    <a:pt x="301" y="224"/>
                    <a:pt x="301" y="226"/>
                  </a:cubicBezTo>
                  <a:cubicBezTo>
                    <a:pt x="300" y="226"/>
                    <a:pt x="298" y="227"/>
                    <a:pt x="300" y="227"/>
                  </a:cubicBezTo>
                  <a:cubicBezTo>
                    <a:pt x="300" y="227"/>
                    <a:pt x="300" y="227"/>
                    <a:pt x="300" y="227"/>
                  </a:cubicBezTo>
                  <a:close/>
                  <a:moveTo>
                    <a:pt x="293" y="224"/>
                  </a:moveTo>
                  <a:cubicBezTo>
                    <a:pt x="293" y="224"/>
                    <a:pt x="293" y="224"/>
                    <a:pt x="292" y="224"/>
                  </a:cubicBezTo>
                  <a:cubicBezTo>
                    <a:pt x="292" y="224"/>
                    <a:pt x="292" y="224"/>
                    <a:pt x="292" y="226"/>
                  </a:cubicBezTo>
                  <a:cubicBezTo>
                    <a:pt x="293" y="226"/>
                    <a:pt x="293" y="226"/>
                    <a:pt x="293" y="224"/>
                  </a:cubicBezTo>
                  <a:close/>
                  <a:moveTo>
                    <a:pt x="277" y="212"/>
                  </a:moveTo>
                  <a:cubicBezTo>
                    <a:pt x="278" y="212"/>
                    <a:pt x="278" y="210"/>
                    <a:pt x="277" y="210"/>
                  </a:cubicBezTo>
                  <a:cubicBezTo>
                    <a:pt x="275" y="209"/>
                    <a:pt x="274" y="210"/>
                    <a:pt x="275" y="210"/>
                  </a:cubicBezTo>
                  <a:cubicBezTo>
                    <a:pt x="275" y="210"/>
                    <a:pt x="274" y="210"/>
                    <a:pt x="274" y="212"/>
                  </a:cubicBezTo>
                  <a:cubicBezTo>
                    <a:pt x="274" y="212"/>
                    <a:pt x="272" y="213"/>
                    <a:pt x="275" y="212"/>
                  </a:cubicBezTo>
                  <a:cubicBezTo>
                    <a:pt x="275" y="212"/>
                    <a:pt x="275" y="212"/>
                    <a:pt x="277" y="212"/>
                  </a:cubicBezTo>
                  <a:close/>
                  <a:moveTo>
                    <a:pt x="278" y="212"/>
                  </a:moveTo>
                  <a:cubicBezTo>
                    <a:pt x="277" y="213"/>
                    <a:pt x="278" y="212"/>
                    <a:pt x="278" y="213"/>
                  </a:cubicBezTo>
                  <a:cubicBezTo>
                    <a:pt x="278" y="215"/>
                    <a:pt x="277" y="213"/>
                    <a:pt x="277" y="215"/>
                  </a:cubicBezTo>
                  <a:cubicBezTo>
                    <a:pt x="277" y="216"/>
                    <a:pt x="277" y="216"/>
                    <a:pt x="278" y="216"/>
                  </a:cubicBezTo>
                  <a:cubicBezTo>
                    <a:pt x="280" y="216"/>
                    <a:pt x="278" y="216"/>
                    <a:pt x="280" y="218"/>
                  </a:cubicBezTo>
                  <a:cubicBezTo>
                    <a:pt x="280" y="220"/>
                    <a:pt x="277" y="220"/>
                    <a:pt x="277" y="220"/>
                  </a:cubicBezTo>
                  <a:cubicBezTo>
                    <a:pt x="278" y="221"/>
                    <a:pt x="278" y="221"/>
                    <a:pt x="280" y="221"/>
                  </a:cubicBezTo>
                  <a:cubicBezTo>
                    <a:pt x="280" y="220"/>
                    <a:pt x="280" y="221"/>
                    <a:pt x="280" y="221"/>
                  </a:cubicBezTo>
                  <a:cubicBezTo>
                    <a:pt x="281" y="221"/>
                    <a:pt x="281" y="221"/>
                    <a:pt x="283" y="223"/>
                  </a:cubicBezTo>
                  <a:cubicBezTo>
                    <a:pt x="284" y="224"/>
                    <a:pt x="283" y="224"/>
                    <a:pt x="283" y="224"/>
                  </a:cubicBezTo>
                  <a:cubicBezTo>
                    <a:pt x="284" y="226"/>
                    <a:pt x="284" y="223"/>
                    <a:pt x="284" y="226"/>
                  </a:cubicBezTo>
                  <a:cubicBezTo>
                    <a:pt x="284" y="227"/>
                    <a:pt x="287" y="229"/>
                    <a:pt x="287" y="227"/>
                  </a:cubicBezTo>
                  <a:cubicBezTo>
                    <a:pt x="289" y="226"/>
                    <a:pt x="287" y="226"/>
                    <a:pt x="287" y="224"/>
                  </a:cubicBezTo>
                  <a:cubicBezTo>
                    <a:pt x="287" y="223"/>
                    <a:pt x="287" y="224"/>
                    <a:pt x="287" y="221"/>
                  </a:cubicBezTo>
                  <a:cubicBezTo>
                    <a:pt x="289" y="220"/>
                    <a:pt x="287" y="221"/>
                    <a:pt x="286" y="220"/>
                  </a:cubicBezTo>
                  <a:cubicBezTo>
                    <a:pt x="286" y="218"/>
                    <a:pt x="286" y="220"/>
                    <a:pt x="284" y="218"/>
                  </a:cubicBezTo>
                  <a:cubicBezTo>
                    <a:pt x="284" y="218"/>
                    <a:pt x="283" y="220"/>
                    <a:pt x="283" y="218"/>
                  </a:cubicBezTo>
                  <a:cubicBezTo>
                    <a:pt x="281" y="218"/>
                    <a:pt x="283" y="216"/>
                    <a:pt x="284" y="218"/>
                  </a:cubicBezTo>
                  <a:cubicBezTo>
                    <a:pt x="287" y="220"/>
                    <a:pt x="286" y="218"/>
                    <a:pt x="284" y="216"/>
                  </a:cubicBezTo>
                  <a:cubicBezTo>
                    <a:pt x="283" y="215"/>
                    <a:pt x="283" y="213"/>
                    <a:pt x="283" y="212"/>
                  </a:cubicBezTo>
                  <a:cubicBezTo>
                    <a:pt x="281" y="210"/>
                    <a:pt x="280" y="212"/>
                    <a:pt x="278" y="210"/>
                  </a:cubicBezTo>
                  <a:cubicBezTo>
                    <a:pt x="278" y="210"/>
                    <a:pt x="280" y="209"/>
                    <a:pt x="278" y="207"/>
                  </a:cubicBezTo>
                  <a:cubicBezTo>
                    <a:pt x="278" y="206"/>
                    <a:pt x="278" y="207"/>
                    <a:pt x="277" y="207"/>
                  </a:cubicBezTo>
                  <a:cubicBezTo>
                    <a:pt x="274" y="207"/>
                    <a:pt x="275" y="207"/>
                    <a:pt x="275" y="207"/>
                  </a:cubicBezTo>
                  <a:cubicBezTo>
                    <a:pt x="274" y="209"/>
                    <a:pt x="274" y="209"/>
                    <a:pt x="275" y="209"/>
                  </a:cubicBezTo>
                  <a:cubicBezTo>
                    <a:pt x="277" y="209"/>
                    <a:pt x="278" y="209"/>
                    <a:pt x="278" y="212"/>
                  </a:cubicBezTo>
                  <a:close/>
                  <a:moveTo>
                    <a:pt x="280" y="227"/>
                  </a:moveTo>
                  <a:cubicBezTo>
                    <a:pt x="281" y="229"/>
                    <a:pt x="283" y="229"/>
                    <a:pt x="281" y="227"/>
                  </a:cubicBezTo>
                  <a:cubicBezTo>
                    <a:pt x="281" y="226"/>
                    <a:pt x="281" y="226"/>
                    <a:pt x="280" y="224"/>
                  </a:cubicBezTo>
                  <a:cubicBezTo>
                    <a:pt x="278" y="223"/>
                    <a:pt x="280" y="223"/>
                    <a:pt x="280" y="223"/>
                  </a:cubicBezTo>
                  <a:cubicBezTo>
                    <a:pt x="278" y="221"/>
                    <a:pt x="278" y="221"/>
                    <a:pt x="278" y="221"/>
                  </a:cubicBezTo>
                  <a:cubicBezTo>
                    <a:pt x="277" y="223"/>
                    <a:pt x="278" y="223"/>
                    <a:pt x="278" y="224"/>
                  </a:cubicBezTo>
                  <a:cubicBezTo>
                    <a:pt x="278" y="224"/>
                    <a:pt x="278" y="224"/>
                    <a:pt x="280" y="227"/>
                  </a:cubicBezTo>
                  <a:close/>
                  <a:moveTo>
                    <a:pt x="199" y="22"/>
                  </a:moveTo>
                  <a:cubicBezTo>
                    <a:pt x="190" y="20"/>
                    <a:pt x="188" y="25"/>
                    <a:pt x="182" y="22"/>
                  </a:cubicBezTo>
                  <a:cubicBezTo>
                    <a:pt x="176" y="19"/>
                    <a:pt x="166" y="20"/>
                    <a:pt x="155" y="16"/>
                  </a:cubicBezTo>
                  <a:cubicBezTo>
                    <a:pt x="144" y="13"/>
                    <a:pt x="144" y="19"/>
                    <a:pt x="134" y="16"/>
                  </a:cubicBezTo>
                  <a:cubicBezTo>
                    <a:pt x="123" y="13"/>
                    <a:pt x="134" y="10"/>
                    <a:pt x="121" y="10"/>
                  </a:cubicBezTo>
                  <a:cubicBezTo>
                    <a:pt x="109" y="10"/>
                    <a:pt x="112" y="11"/>
                    <a:pt x="109" y="8"/>
                  </a:cubicBezTo>
                  <a:cubicBezTo>
                    <a:pt x="105" y="5"/>
                    <a:pt x="105" y="10"/>
                    <a:pt x="100" y="6"/>
                  </a:cubicBezTo>
                  <a:cubicBezTo>
                    <a:pt x="97" y="5"/>
                    <a:pt x="96" y="0"/>
                    <a:pt x="88" y="6"/>
                  </a:cubicBezTo>
                  <a:cubicBezTo>
                    <a:pt x="80" y="14"/>
                    <a:pt x="76" y="5"/>
                    <a:pt x="64" y="14"/>
                  </a:cubicBezTo>
                  <a:cubicBezTo>
                    <a:pt x="51" y="24"/>
                    <a:pt x="50" y="11"/>
                    <a:pt x="44" y="24"/>
                  </a:cubicBezTo>
                  <a:cubicBezTo>
                    <a:pt x="39" y="36"/>
                    <a:pt x="36" y="39"/>
                    <a:pt x="21" y="39"/>
                  </a:cubicBezTo>
                  <a:cubicBezTo>
                    <a:pt x="13" y="39"/>
                    <a:pt x="21" y="44"/>
                    <a:pt x="13" y="45"/>
                  </a:cubicBezTo>
                  <a:cubicBezTo>
                    <a:pt x="7" y="47"/>
                    <a:pt x="32" y="52"/>
                    <a:pt x="36" y="61"/>
                  </a:cubicBezTo>
                  <a:cubicBezTo>
                    <a:pt x="41" y="69"/>
                    <a:pt x="47" y="61"/>
                    <a:pt x="45" y="67"/>
                  </a:cubicBezTo>
                  <a:cubicBezTo>
                    <a:pt x="45" y="72"/>
                    <a:pt x="50" y="67"/>
                    <a:pt x="50" y="72"/>
                  </a:cubicBezTo>
                  <a:cubicBezTo>
                    <a:pt x="51" y="76"/>
                    <a:pt x="57" y="72"/>
                    <a:pt x="56" y="76"/>
                  </a:cubicBezTo>
                  <a:cubicBezTo>
                    <a:pt x="56" y="80"/>
                    <a:pt x="56" y="75"/>
                    <a:pt x="51" y="78"/>
                  </a:cubicBezTo>
                  <a:cubicBezTo>
                    <a:pt x="51" y="80"/>
                    <a:pt x="51" y="76"/>
                    <a:pt x="41" y="78"/>
                  </a:cubicBezTo>
                  <a:cubicBezTo>
                    <a:pt x="30" y="80"/>
                    <a:pt x="44" y="67"/>
                    <a:pt x="30" y="72"/>
                  </a:cubicBezTo>
                  <a:cubicBezTo>
                    <a:pt x="16" y="76"/>
                    <a:pt x="9" y="83"/>
                    <a:pt x="4" y="83"/>
                  </a:cubicBezTo>
                  <a:cubicBezTo>
                    <a:pt x="0" y="84"/>
                    <a:pt x="3" y="89"/>
                    <a:pt x="10" y="89"/>
                  </a:cubicBezTo>
                  <a:cubicBezTo>
                    <a:pt x="19" y="89"/>
                    <a:pt x="9" y="92"/>
                    <a:pt x="13" y="94"/>
                  </a:cubicBezTo>
                  <a:cubicBezTo>
                    <a:pt x="18" y="97"/>
                    <a:pt x="12" y="100"/>
                    <a:pt x="21" y="101"/>
                  </a:cubicBezTo>
                  <a:cubicBezTo>
                    <a:pt x="30" y="101"/>
                    <a:pt x="33" y="97"/>
                    <a:pt x="39" y="100"/>
                  </a:cubicBezTo>
                  <a:cubicBezTo>
                    <a:pt x="47" y="104"/>
                    <a:pt x="54" y="90"/>
                    <a:pt x="59" y="97"/>
                  </a:cubicBezTo>
                  <a:cubicBezTo>
                    <a:pt x="64" y="101"/>
                    <a:pt x="48" y="98"/>
                    <a:pt x="56" y="103"/>
                  </a:cubicBezTo>
                  <a:cubicBezTo>
                    <a:pt x="65" y="108"/>
                    <a:pt x="57" y="115"/>
                    <a:pt x="51" y="114"/>
                  </a:cubicBezTo>
                  <a:cubicBezTo>
                    <a:pt x="44" y="112"/>
                    <a:pt x="45" y="123"/>
                    <a:pt x="38" y="118"/>
                  </a:cubicBezTo>
                  <a:cubicBezTo>
                    <a:pt x="30" y="114"/>
                    <a:pt x="29" y="126"/>
                    <a:pt x="24" y="128"/>
                  </a:cubicBezTo>
                  <a:cubicBezTo>
                    <a:pt x="21" y="129"/>
                    <a:pt x="22" y="134"/>
                    <a:pt x="18" y="137"/>
                  </a:cubicBezTo>
                  <a:cubicBezTo>
                    <a:pt x="15" y="139"/>
                    <a:pt x="18" y="140"/>
                    <a:pt x="24" y="145"/>
                  </a:cubicBezTo>
                  <a:cubicBezTo>
                    <a:pt x="30" y="150"/>
                    <a:pt x="22" y="153"/>
                    <a:pt x="25" y="154"/>
                  </a:cubicBezTo>
                  <a:cubicBezTo>
                    <a:pt x="29" y="157"/>
                    <a:pt x="33" y="165"/>
                    <a:pt x="41" y="162"/>
                  </a:cubicBezTo>
                  <a:cubicBezTo>
                    <a:pt x="48" y="159"/>
                    <a:pt x="51" y="162"/>
                    <a:pt x="50" y="168"/>
                  </a:cubicBezTo>
                  <a:cubicBezTo>
                    <a:pt x="47" y="174"/>
                    <a:pt x="53" y="170"/>
                    <a:pt x="50" y="176"/>
                  </a:cubicBezTo>
                  <a:cubicBezTo>
                    <a:pt x="48" y="181"/>
                    <a:pt x="56" y="179"/>
                    <a:pt x="59" y="174"/>
                  </a:cubicBezTo>
                  <a:cubicBezTo>
                    <a:pt x="62" y="171"/>
                    <a:pt x="68" y="176"/>
                    <a:pt x="71" y="179"/>
                  </a:cubicBezTo>
                  <a:cubicBezTo>
                    <a:pt x="76" y="184"/>
                    <a:pt x="76" y="176"/>
                    <a:pt x="79" y="178"/>
                  </a:cubicBezTo>
                  <a:cubicBezTo>
                    <a:pt x="82" y="181"/>
                    <a:pt x="91" y="173"/>
                    <a:pt x="86" y="178"/>
                  </a:cubicBezTo>
                  <a:cubicBezTo>
                    <a:pt x="83" y="182"/>
                    <a:pt x="83" y="185"/>
                    <a:pt x="83" y="190"/>
                  </a:cubicBezTo>
                  <a:cubicBezTo>
                    <a:pt x="83" y="195"/>
                    <a:pt x="79" y="192"/>
                    <a:pt x="76" y="198"/>
                  </a:cubicBezTo>
                  <a:cubicBezTo>
                    <a:pt x="73" y="204"/>
                    <a:pt x="67" y="202"/>
                    <a:pt x="64" y="209"/>
                  </a:cubicBezTo>
                  <a:cubicBezTo>
                    <a:pt x="59" y="216"/>
                    <a:pt x="61" y="210"/>
                    <a:pt x="53" y="212"/>
                  </a:cubicBezTo>
                  <a:cubicBezTo>
                    <a:pt x="45" y="215"/>
                    <a:pt x="50" y="218"/>
                    <a:pt x="44" y="220"/>
                  </a:cubicBezTo>
                  <a:cubicBezTo>
                    <a:pt x="39" y="223"/>
                    <a:pt x="38" y="227"/>
                    <a:pt x="44" y="224"/>
                  </a:cubicBezTo>
                  <a:cubicBezTo>
                    <a:pt x="51" y="221"/>
                    <a:pt x="53" y="215"/>
                    <a:pt x="54" y="218"/>
                  </a:cubicBezTo>
                  <a:cubicBezTo>
                    <a:pt x="56" y="221"/>
                    <a:pt x="59" y="216"/>
                    <a:pt x="59" y="220"/>
                  </a:cubicBezTo>
                  <a:cubicBezTo>
                    <a:pt x="61" y="224"/>
                    <a:pt x="64" y="221"/>
                    <a:pt x="64" y="218"/>
                  </a:cubicBezTo>
                  <a:cubicBezTo>
                    <a:pt x="62" y="215"/>
                    <a:pt x="68" y="213"/>
                    <a:pt x="68" y="216"/>
                  </a:cubicBezTo>
                  <a:cubicBezTo>
                    <a:pt x="68" y="220"/>
                    <a:pt x="74" y="210"/>
                    <a:pt x="79" y="210"/>
                  </a:cubicBezTo>
                  <a:cubicBezTo>
                    <a:pt x="83" y="210"/>
                    <a:pt x="76" y="209"/>
                    <a:pt x="86" y="202"/>
                  </a:cubicBezTo>
                  <a:cubicBezTo>
                    <a:pt x="96" y="198"/>
                    <a:pt x="94" y="195"/>
                    <a:pt x="100" y="192"/>
                  </a:cubicBezTo>
                  <a:cubicBezTo>
                    <a:pt x="105" y="188"/>
                    <a:pt x="112" y="185"/>
                    <a:pt x="114" y="181"/>
                  </a:cubicBezTo>
                  <a:cubicBezTo>
                    <a:pt x="115" y="176"/>
                    <a:pt x="118" y="178"/>
                    <a:pt x="120" y="174"/>
                  </a:cubicBezTo>
                  <a:cubicBezTo>
                    <a:pt x="120" y="170"/>
                    <a:pt x="105" y="176"/>
                    <a:pt x="114" y="168"/>
                  </a:cubicBezTo>
                  <a:cubicBezTo>
                    <a:pt x="124" y="160"/>
                    <a:pt x="126" y="159"/>
                    <a:pt x="129" y="151"/>
                  </a:cubicBezTo>
                  <a:cubicBezTo>
                    <a:pt x="134" y="145"/>
                    <a:pt x="144" y="140"/>
                    <a:pt x="152" y="148"/>
                  </a:cubicBezTo>
                  <a:cubicBezTo>
                    <a:pt x="159" y="156"/>
                    <a:pt x="146" y="143"/>
                    <a:pt x="138" y="148"/>
                  </a:cubicBezTo>
                  <a:cubicBezTo>
                    <a:pt x="132" y="153"/>
                    <a:pt x="138" y="154"/>
                    <a:pt x="132" y="159"/>
                  </a:cubicBezTo>
                  <a:cubicBezTo>
                    <a:pt x="126" y="165"/>
                    <a:pt x="137" y="165"/>
                    <a:pt x="132" y="167"/>
                  </a:cubicBezTo>
                  <a:cubicBezTo>
                    <a:pt x="124" y="171"/>
                    <a:pt x="137" y="173"/>
                    <a:pt x="143" y="167"/>
                  </a:cubicBezTo>
                  <a:cubicBezTo>
                    <a:pt x="149" y="162"/>
                    <a:pt x="150" y="160"/>
                    <a:pt x="155" y="160"/>
                  </a:cubicBezTo>
                  <a:cubicBezTo>
                    <a:pt x="161" y="160"/>
                    <a:pt x="155" y="157"/>
                    <a:pt x="159" y="156"/>
                  </a:cubicBezTo>
                  <a:cubicBezTo>
                    <a:pt x="164" y="154"/>
                    <a:pt x="156" y="150"/>
                    <a:pt x="163" y="150"/>
                  </a:cubicBezTo>
                  <a:cubicBezTo>
                    <a:pt x="169" y="148"/>
                    <a:pt x="172" y="145"/>
                    <a:pt x="172" y="148"/>
                  </a:cubicBezTo>
                  <a:cubicBezTo>
                    <a:pt x="172" y="153"/>
                    <a:pt x="176" y="151"/>
                    <a:pt x="181" y="154"/>
                  </a:cubicBezTo>
                  <a:cubicBezTo>
                    <a:pt x="185" y="157"/>
                    <a:pt x="184" y="151"/>
                    <a:pt x="187" y="156"/>
                  </a:cubicBezTo>
                  <a:cubicBezTo>
                    <a:pt x="191" y="162"/>
                    <a:pt x="199" y="159"/>
                    <a:pt x="204" y="159"/>
                  </a:cubicBezTo>
                  <a:cubicBezTo>
                    <a:pt x="210" y="159"/>
                    <a:pt x="219" y="167"/>
                    <a:pt x="223" y="164"/>
                  </a:cubicBezTo>
                  <a:cubicBezTo>
                    <a:pt x="230" y="160"/>
                    <a:pt x="230" y="164"/>
                    <a:pt x="227" y="165"/>
                  </a:cubicBezTo>
                  <a:cubicBezTo>
                    <a:pt x="223" y="167"/>
                    <a:pt x="233" y="170"/>
                    <a:pt x="237" y="173"/>
                  </a:cubicBezTo>
                  <a:cubicBezTo>
                    <a:pt x="242" y="174"/>
                    <a:pt x="242" y="178"/>
                    <a:pt x="248" y="181"/>
                  </a:cubicBezTo>
                  <a:cubicBezTo>
                    <a:pt x="252" y="184"/>
                    <a:pt x="257" y="182"/>
                    <a:pt x="254" y="179"/>
                  </a:cubicBezTo>
                  <a:cubicBezTo>
                    <a:pt x="251" y="176"/>
                    <a:pt x="251" y="173"/>
                    <a:pt x="255" y="176"/>
                  </a:cubicBezTo>
                  <a:cubicBezTo>
                    <a:pt x="258" y="181"/>
                    <a:pt x="265" y="185"/>
                    <a:pt x="263" y="181"/>
                  </a:cubicBezTo>
                  <a:cubicBezTo>
                    <a:pt x="263" y="176"/>
                    <a:pt x="262" y="173"/>
                    <a:pt x="265" y="179"/>
                  </a:cubicBezTo>
                  <a:cubicBezTo>
                    <a:pt x="268" y="184"/>
                    <a:pt x="271" y="179"/>
                    <a:pt x="272" y="184"/>
                  </a:cubicBezTo>
                  <a:cubicBezTo>
                    <a:pt x="275" y="190"/>
                    <a:pt x="274" y="190"/>
                    <a:pt x="277" y="192"/>
                  </a:cubicBezTo>
                  <a:cubicBezTo>
                    <a:pt x="278" y="193"/>
                    <a:pt x="274" y="196"/>
                    <a:pt x="278" y="198"/>
                  </a:cubicBezTo>
                  <a:cubicBezTo>
                    <a:pt x="283" y="199"/>
                    <a:pt x="280" y="199"/>
                    <a:pt x="284" y="204"/>
                  </a:cubicBezTo>
                  <a:cubicBezTo>
                    <a:pt x="290" y="210"/>
                    <a:pt x="293" y="209"/>
                    <a:pt x="290" y="210"/>
                  </a:cubicBezTo>
                  <a:cubicBezTo>
                    <a:pt x="287" y="210"/>
                    <a:pt x="289" y="212"/>
                    <a:pt x="286" y="215"/>
                  </a:cubicBezTo>
                  <a:cubicBezTo>
                    <a:pt x="284" y="216"/>
                    <a:pt x="287" y="220"/>
                    <a:pt x="289" y="215"/>
                  </a:cubicBezTo>
                  <a:cubicBezTo>
                    <a:pt x="290" y="212"/>
                    <a:pt x="293" y="209"/>
                    <a:pt x="295" y="213"/>
                  </a:cubicBezTo>
                  <a:cubicBezTo>
                    <a:pt x="298" y="218"/>
                    <a:pt x="295" y="221"/>
                    <a:pt x="295" y="223"/>
                  </a:cubicBezTo>
                  <a:cubicBezTo>
                    <a:pt x="297" y="226"/>
                    <a:pt x="297" y="229"/>
                    <a:pt x="300" y="226"/>
                  </a:cubicBezTo>
                  <a:cubicBezTo>
                    <a:pt x="301" y="223"/>
                    <a:pt x="304" y="223"/>
                    <a:pt x="303" y="218"/>
                  </a:cubicBezTo>
                  <a:cubicBezTo>
                    <a:pt x="301" y="213"/>
                    <a:pt x="303" y="213"/>
                    <a:pt x="304" y="212"/>
                  </a:cubicBezTo>
                  <a:cubicBezTo>
                    <a:pt x="304" y="212"/>
                    <a:pt x="304" y="210"/>
                    <a:pt x="303" y="210"/>
                  </a:cubicBezTo>
                  <a:cubicBezTo>
                    <a:pt x="300" y="210"/>
                    <a:pt x="303" y="209"/>
                    <a:pt x="298" y="207"/>
                  </a:cubicBezTo>
                  <a:cubicBezTo>
                    <a:pt x="292" y="206"/>
                    <a:pt x="293" y="202"/>
                    <a:pt x="290" y="204"/>
                  </a:cubicBezTo>
                  <a:cubicBezTo>
                    <a:pt x="287" y="204"/>
                    <a:pt x="290" y="201"/>
                    <a:pt x="289" y="201"/>
                  </a:cubicBezTo>
                  <a:cubicBezTo>
                    <a:pt x="286" y="201"/>
                    <a:pt x="289" y="198"/>
                    <a:pt x="287" y="198"/>
                  </a:cubicBezTo>
                  <a:cubicBezTo>
                    <a:pt x="284" y="198"/>
                    <a:pt x="287" y="198"/>
                    <a:pt x="286" y="195"/>
                  </a:cubicBezTo>
                  <a:cubicBezTo>
                    <a:pt x="284" y="193"/>
                    <a:pt x="278" y="182"/>
                    <a:pt x="275" y="179"/>
                  </a:cubicBezTo>
                  <a:cubicBezTo>
                    <a:pt x="274" y="174"/>
                    <a:pt x="271" y="178"/>
                    <a:pt x="269" y="173"/>
                  </a:cubicBezTo>
                  <a:cubicBezTo>
                    <a:pt x="268" y="170"/>
                    <a:pt x="266" y="171"/>
                    <a:pt x="265" y="168"/>
                  </a:cubicBezTo>
                  <a:cubicBezTo>
                    <a:pt x="263" y="167"/>
                    <a:pt x="266" y="168"/>
                    <a:pt x="263" y="165"/>
                  </a:cubicBezTo>
                  <a:cubicBezTo>
                    <a:pt x="262" y="162"/>
                    <a:pt x="262" y="162"/>
                    <a:pt x="255" y="165"/>
                  </a:cubicBezTo>
                  <a:cubicBezTo>
                    <a:pt x="252" y="165"/>
                    <a:pt x="257" y="167"/>
                    <a:pt x="254" y="167"/>
                  </a:cubicBezTo>
                  <a:cubicBezTo>
                    <a:pt x="251" y="168"/>
                    <a:pt x="255" y="170"/>
                    <a:pt x="251" y="171"/>
                  </a:cubicBezTo>
                  <a:cubicBezTo>
                    <a:pt x="246" y="171"/>
                    <a:pt x="246" y="174"/>
                    <a:pt x="245" y="173"/>
                  </a:cubicBezTo>
                  <a:cubicBezTo>
                    <a:pt x="243" y="173"/>
                    <a:pt x="246" y="171"/>
                    <a:pt x="240" y="167"/>
                  </a:cubicBezTo>
                  <a:cubicBezTo>
                    <a:pt x="233" y="164"/>
                    <a:pt x="237" y="162"/>
                    <a:pt x="233" y="160"/>
                  </a:cubicBezTo>
                  <a:cubicBezTo>
                    <a:pt x="230" y="159"/>
                    <a:pt x="231" y="159"/>
                    <a:pt x="233" y="157"/>
                  </a:cubicBezTo>
                  <a:cubicBezTo>
                    <a:pt x="233" y="154"/>
                    <a:pt x="228" y="156"/>
                    <a:pt x="227" y="157"/>
                  </a:cubicBezTo>
                  <a:cubicBezTo>
                    <a:pt x="225" y="157"/>
                    <a:pt x="225" y="157"/>
                    <a:pt x="222" y="156"/>
                  </a:cubicBezTo>
                  <a:cubicBezTo>
                    <a:pt x="220" y="154"/>
                    <a:pt x="223" y="159"/>
                    <a:pt x="217" y="156"/>
                  </a:cubicBezTo>
                  <a:cubicBezTo>
                    <a:pt x="217" y="28"/>
                    <a:pt x="217" y="28"/>
                    <a:pt x="217" y="28"/>
                  </a:cubicBezTo>
                  <a:cubicBezTo>
                    <a:pt x="208" y="28"/>
                    <a:pt x="208" y="22"/>
                    <a:pt x="199" y="22"/>
                  </a:cubicBezTo>
                  <a:close/>
                  <a:moveTo>
                    <a:pt x="734" y="349"/>
                  </a:moveTo>
                  <a:cubicBezTo>
                    <a:pt x="734" y="350"/>
                    <a:pt x="732" y="352"/>
                    <a:pt x="730" y="352"/>
                  </a:cubicBezTo>
                  <a:cubicBezTo>
                    <a:pt x="729" y="352"/>
                    <a:pt x="729" y="353"/>
                    <a:pt x="730" y="355"/>
                  </a:cubicBezTo>
                  <a:cubicBezTo>
                    <a:pt x="732" y="355"/>
                    <a:pt x="730" y="355"/>
                    <a:pt x="730" y="358"/>
                  </a:cubicBezTo>
                  <a:cubicBezTo>
                    <a:pt x="730" y="360"/>
                    <a:pt x="729" y="360"/>
                    <a:pt x="727" y="361"/>
                  </a:cubicBezTo>
                  <a:cubicBezTo>
                    <a:pt x="726" y="363"/>
                    <a:pt x="721" y="363"/>
                    <a:pt x="718" y="363"/>
                  </a:cubicBezTo>
                  <a:cubicBezTo>
                    <a:pt x="717" y="361"/>
                    <a:pt x="711" y="361"/>
                    <a:pt x="711" y="363"/>
                  </a:cubicBezTo>
                  <a:cubicBezTo>
                    <a:pt x="709" y="363"/>
                    <a:pt x="706" y="364"/>
                    <a:pt x="706" y="364"/>
                  </a:cubicBezTo>
                  <a:cubicBezTo>
                    <a:pt x="709" y="366"/>
                    <a:pt x="709" y="366"/>
                    <a:pt x="709" y="366"/>
                  </a:cubicBezTo>
                  <a:cubicBezTo>
                    <a:pt x="711" y="366"/>
                    <a:pt x="709" y="369"/>
                    <a:pt x="709" y="369"/>
                  </a:cubicBezTo>
                  <a:cubicBezTo>
                    <a:pt x="708" y="370"/>
                    <a:pt x="703" y="375"/>
                    <a:pt x="700" y="375"/>
                  </a:cubicBezTo>
                  <a:cubicBezTo>
                    <a:pt x="699" y="375"/>
                    <a:pt x="695" y="378"/>
                    <a:pt x="689" y="381"/>
                  </a:cubicBezTo>
                  <a:cubicBezTo>
                    <a:pt x="683" y="384"/>
                    <a:pt x="677" y="384"/>
                    <a:pt x="677" y="383"/>
                  </a:cubicBezTo>
                  <a:cubicBezTo>
                    <a:pt x="676" y="383"/>
                    <a:pt x="679" y="383"/>
                    <a:pt x="679" y="381"/>
                  </a:cubicBezTo>
                  <a:cubicBezTo>
                    <a:pt x="677" y="381"/>
                    <a:pt x="673" y="381"/>
                    <a:pt x="673" y="380"/>
                  </a:cubicBezTo>
                  <a:cubicBezTo>
                    <a:pt x="673" y="378"/>
                    <a:pt x="674" y="378"/>
                    <a:pt x="674" y="375"/>
                  </a:cubicBezTo>
                  <a:cubicBezTo>
                    <a:pt x="676" y="372"/>
                    <a:pt x="677" y="374"/>
                    <a:pt x="677" y="370"/>
                  </a:cubicBezTo>
                  <a:cubicBezTo>
                    <a:pt x="679" y="369"/>
                    <a:pt x="679" y="369"/>
                    <a:pt x="680" y="370"/>
                  </a:cubicBezTo>
                  <a:cubicBezTo>
                    <a:pt x="680" y="369"/>
                    <a:pt x="680" y="369"/>
                    <a:pt x="680" y="369"/>
                  </a:cubicBezTo>
                  <a:cubicBezTo>
                    <a:pt x="680" y="367"/>
                    <a:pt x="682" y="367"/>
                    <a:pt x="682" y="366"/>
                  </a:cubicBezTo>
                  <a:cubicBezTo>
                    <a:pt x="680" y="363"/>
                    <a:pt x="680" y="353"/>
                    <a:pt x="676" y="355"/>
                  </a:cubicBezTo>
                  <a:cubicBezTo>
                    <a:pt x="673" y="355"/>
                    <a:pt x="673" y="358"/>
                    <a:pt x="671" y="360"/>
                  </a:cubicBezTo>
                  <a:cubicBezTo>
                    <a:pt x="670" y="360"/>
                    <a:pt x="668" y="355"/>
                    <a:pt x="671" y="355"/>
                  </a:cubicBezTo>
                  <a:cubicBezTo>
                    <a:pt x="673" y="353"/>
                    <a:pt x="674" y="352"/>
                    <a:pt x="674" y="349"/>
                  </a:cubicBezTo>
                  <a:cubicBezTo>
                    <a:pt x="674" y="344"/>
                    <a:pt x="671" y="342"/>
                    <a:pt x="674" y="342"/>
                  </a:cubicBezTo>
                  <a:cubicBezTo>
                    <a:pt x="676" y="342"/>
                    <a:pt x="673" y="339"/>
                    <a:pt x="670" y="338"/>
                  </a:cubicBezTo>
                  <a:cubicBezTo>
                    <a:pt x="667" y="338"/>
                    <a:pt x="668" y="336"/>
                    <a:pt x="667" y="336"/>
                  </a:cubicBezTo>
                  <a:cubicBezTo>
                    <a:pt x="663" y="336"/>
                    <a:pt x="663" y="333"/>
                    <a:pt x="660" y="335"/>
                  </a:cubicBezTo>
                  <a:cubicBezTo>
                    <a:pt x="657" y="338"/>
                    <a:pt x="663" y="338"/>
                    <a:pt x="659" y="339"/>
                  </a:cubicBezTo>
                  <a:cubicBezTo>
                    <a:pt x="656" y="339"/>
                    <a:pt x="657" y="345"/>
                    <a:pt x="656" y="345"/>
                  </a:cubicBezTo>
                  <a:cubicBezTo>
                    <a:pt x="654" y="345"/>
                    <a:pt x="657" y="338"/>
                    <a:pt x="653" y="344"/>
                  </a:cubicBezTo>
                  <a:cubicBezTo>
                    <a:pt x="651" y="347"/>
                    <a:pt x="650" y="344"/>
                    <a:pt x="651" y="349"/>
                  </a:cubicBezTo>
                  <a:cubicBezTo>
                    <a:pt x="651" y="352"/>
                    <a:pt x="648" y="353"/>
                    <a:pt x="650" y="355"/>
                  </a:cubicBezTo>
                  <a:cubicBezTo>
                    <a:pt x="650" y="358"/>
                    <a:pt x="648" y="356"/>
                    <a:pt x="650" y="361"/>
                  </a:cubicBezTo>
                  <a:cubicBezTo>
                    <a:pt x="651" y="367"/>
                    <a:pt x="651" y="372"/>
                    <a:pt x="648" y="377"/>
                  </a:cubicBezTo>
                  <a:cubicBezTo>
                    <a:pt x="645" y="381"/>
                    <a:pt x="642" y="383"/>
                    <a:pt x="639" y="378"/>
                  </a:cubicBezTo>
                  <a:cubicBezTo>
                    <a:pt x="636" y="374"/>
                    <a:pt x="639" y="370"/>
                    <a:pt x="638" y="366"/>
                  </a:cubicBezTo>
                  <a:cubicBezTo>
                    <a:pt x="638" y="361"/>
                    <a:pt x="639" y="363"/>
                    <a:pt x="639" y="356"/>
                  </a:cubicBezTo>
                  <a:cubicBezTo>
                    <a:pt x="639" y="352"/>
                    <a:pt x="642" y="355"/>
                    <a:pt x="641" y="352"/>
                  </a:cubicBezTo>
                  <a:cubicBezTo>
                    <a:pt x="639" y="350"/>
                    <a:pt x="644" y="345"/>
                    <a:pt x="641" y="345"/>
                  </a:cubicBezTo>
                  <a:cubicBezTo>
                    <a:pt x="639" y="344"/>
                    <a:pt x="641" y="345"/>
                    <a:pt x="638" y="349"/>
                  </a:cubicBezTo>
                  <a:cubicBezTo>
                    <a:pt x="636" y="350"/>
                    <a:pt x="638" y="344"/>
                    <a:pt x="639" y="344"/>
                  </a:cubicBezTo>
                  <a:cubicBezTo>
                    <a:pt x="641" y="342"/>
                    <a:pt x="639" y="342"/>
                    <a:pt x="641" y="341"/>
                  </a:cubicBezTo>
                  <a:cubicBezTo>
                    <a:pt x="642" y="338"/>
                    <a:pt x="645" y="331"/>
                    <a:pt x="645" y="333"/>
                  </a:cubicBezTo>
                  <a:cubicBezTo>
                    <a:pt x="645" y="336"/>
                    <a:pt x="648" y="331"/>
                    <a:pt x="648" y="335"/>
                  </a:cubicBezTo>
                  <a:cubicBezTo>
                    <a:pt x="647" y="338"/>
                    <a:pt x="650" y="331"/>
                    <a:pt x="651" y="331"/>
                  </a:cubicBezTo>
                  <a:cubicBezTo>
                    <a:pt x="657" y="333"/>
                    <a:pt x="654" y="328"/>
                    <a:pt x="660" y="331"/>
                  </a:cubicBezTo>
                  <a:cubicBezTo>
                    <a:pt x="665" y="335"/>
                    <a:pt x="662" y="330"/>
                    <a:pt x="663" y="331"/>
                  </a:cubicBezTo>
                  <a:cubicBezTo>
                    <a:pt x="667" y="331"/>
                    <a:pt x="670" y="333"/>
                    <a:pt x="670" y="330"/>
                  </a:cubicBezTo>
                  <a:cubicBezTo>
                    <a:pt x="668" y="328"/>
                    <a:pt x="667" y="330"/>
                    <a:pt x="667" y="327"/>
                  </a:cubicBezTo>
                  <a:cubicBezTo>
                    <a:pt x="667" y="325"/>
                    <a:pt x="665" y="327"/>
                    <a:pt x="662" y="325"/>
                  </a:cubicBezTo>
                  <a:cubicBezTo>
                    <a:pt x="659" y="325"/>
                    <a:pt x="662" y="322"/>
                    <a:pt x="660" y="322"/>
                  </a:cubicBezTo>
                  <a:cubicBezTo>
                    <a:pt x="657" y="324"/>
                    <a:pt x="651" y="324"/>
                    <a:pt x="650" y="325"/>
                  </a:cubicBezTo>
                  <a:cubicBezTo>
                    <a:pt x="647" y="327"/>
                    <a:pt x="647" y="325"/>
                    <a:pt x="644" y="325"/>
                  </a:cubicBezTo>
                  <a:cubicBezTo>
                    <a:pt x="641" y="325"/>
                    <a:pt x="641" y="322"/>
                    <a:pt x="638" y="321"/>
                  </a:cubicBezTo>
                  <a:cubicBezTo>
                    <a:pt x="635" y="319"/>
                    <a:pt x="633" y="324"/>
                    <a:pt x="633" y="321"/>
                  </a:cubicBezTo>
                  <a:cubicBezTo>
                    <a:pt x="633" y="317"/>
                    <a:pt x="632" y="317"/>
                    <a:pt x="628" y="321"/>
                  </a:cubicBezTo>
                  <a:cubicBezTo>
                    <a:pt x="625" y="324"/>
                    <a:pt x="625" y="321"/>
                    <a:pt x="621" y="324"/>
                  </a:cubicBezTo>
                  <a:cubicBezTo>
                    <a:pt x="618" y="327"/>
                    <a:pt x="618" y="324"/>
                    <a:pt x="615" y="325"/>
                  </a:cubicBezTo>
                  <a:cubicBezTo>
                    <a:pt x="612" y="325"/>
                    <a:pt x="616" y="321"/>
                    <a:pt x="615" y="321"/>
                  </a:cubicBezTo>
                  <a:cubicBezTo>
                    <a:pt x="612" y="321"/>
                    <a:pt x="609" y="324"/>
                    <a:pt x="606" y="324"/>
                  </a:cubicBezTo>
                  <a:cubicBezTo>
                    <a:pt x="603" y="322"/>
                    <a:pt x="607" y="321"/>
                    <a:pt x="610" y="316"/>
                  </a:cubicBezTo>
                  <a:cubicBezTo>
                    <a:pt x="615" y="311"/>
                    <a:pt x="616" y="311"/>
                    <a:pt x="624" y="308"/>
                  </a:cubicBezTo>
                  <a:cubicBezTo>
                    <a:pt x="619" y="308"/>
                    <a:pt x="622" y="307"/>
                    <a:pt x="618" y="307"/>
                  </a:cubicBezTo>
                  <a:cubicBezTo>
                    <a:pt x="613" y="308"/>
                    <a:pt x="616" y="305"/>
                    <a:pt x="610" y="307"/>
                  </a:cubicBezTo>
                  <a:cubicBezTo>
                    <a:pt x="607" y="310"/>
                    <a:pt x="606" y="304"/>
                    <a:pt x="603" y="305"/>
                  </a:cubicBezTo>
                  <a:cubicBezTo>
                    <a:pt x="601" y="307"/>
                    <a:pt x="604" y="304"/>
                    <a:pt x="598" y="302"/>
                  </a:cubicBezTo>
                  <a:cubicBezTo>
                    <a:pt x="592" y="299"/>
                    <a:pt x="592" y="304"/>
                    <a:pt x="590" y="302"/>
                  </a:cubicBezTo>
                  <a:cubicBezTo>
                    <a:pt x="589" y="299"/>
                    <a:pt x="584" y="302"/>
                    <a:pt x="584" y="297"/>
                  </a:cubicBezTo>
                  <a:cubicBezTo>
                    <a:pt x="583" y="294"/>
                    <a:pt x="583" y="293"/>
                    <a:pt x="581" y="293"/>
                  </a:cubicBezTo>
                  <a:cubicBezTo>
                    <a:pt x="580" y="291"/>
                    <a:pt x="581" y="297"/>
                    <a:pt x="580" y="297"/>
                  </a:cubicBezTo>
                  <a:cubicBezTo>
                    <a:pt x="360" y="297"/>
                    <a:pt x="360" y="297"/>
                    <a:pt x="360" y="297"/>
                  </a:cubicBezTo>
                  <a:cubicBezTo>
                    <a:pt x="360" y="300"/>
                    <a:pt x="364" y="299"/>
                    <a:pt x="364" y="302"/>
                  </a:cubicBezTo>
                  <a:cubicBezTo>
                    <a:pt x="364" y="304"/>
                    <a:pt x="360" y="302"/>
                    <a:pt x="362" y="305"/>
                  </a:cubicBezTo>
                  <a:cubicBezTo>
                    <a:pt x="365" y="308"/>
                    <a:pt x="365" y="308"/>
                    <a:pt x="365" y="314"/>
                  </a:cubicBezTo>
                  <a:cubicBezTo>
                    <a:pt x="364" y="321"/>
                    <a:pt x="364" y="313"/>
                    <a:pt x="362" y="308"/>
                  </a:cubicBezTo>
                  <a:cubicBezTo>
                    <a:pt x="360" y="305"/>
                    <a:pt x="353" y="307"/>
                    <a:pt x="348" y="305"/>
                  </a:cubicBezTo>
                  <a:cubicBezTo>
                    <a:pt x="345" y="302"/>
                    <a:pt x="345" y="307"/>
                    <a:pt x="348" y="310"/>
                  </a:cubicBezTo>
                  <a:cubicBezTo>
                    <a:pt x="350" y="314"/>
                    <a:pt x="351" y="325"/>
                    <a:pt x="351" y="333"/>
                  </a:cubicBezTo>
                  <a:cubicBezTo>
                    <a:pt x="351" y="341"/>
                    <a:pt x="351" y="356"/>
                    <a:pt x="348" y="364"/>
                  </a:cubicBezTo>
                  <a:cubicBezTo>
                    <a:pt x="345" y="370"/>
                    <a:pt x="353" y="381"/>
                    <a:pt x="350" y="389"/>
                  </a:cubicBezTo>
                  <a:cubicBezTo>
                    <a:pt x="347" y="398"/>
                    <a:pt x="353" y="397"/>
                    <a:pt x="353" y="406"/>
                  </a:cubicBezTo>
                  <a:cubicBezTo>
                    <a:pt x="354" y="415"/>
                    <a:pt x="359" y="414"/>
                    <a:pt x="359" y="419"/>
                  </a:cubicBezTo>
                  <a:cubicBezTo>
                    <a:pt x="360" y="423"/>
                    <a:pt x="364" y="420"/>
                    <a:pt x="364" y="426"/>
                  </a:cubicBezTo>
                  <a:cubicBezTo>
                    <a:pt x="365" y="434"/>
                    <a:pt x="370" y="431"/>
                    <a:pt x="368" y="436"/>
                  </a:cubicBezTo>
                  <a:cubicBezTo>
                    <a:pt x="367" y="439"/>
                    <a:pt x="370" y="440"/>
                    <a:pt x="374" y="448"/>
                  </a:cubicBezTo>
                  <a:cubicBezTo>
                    <a:pt x="380" y="454"/>
                    <a:pt x="377" y="458"/>
                    <a:pt x="379" y="459"/>
                  </a:cubicBezTo>
                  <a:cubicBezTo>
                    <a:pt x="382" y="461"/>
                    <a:pt x="386" y="459"/>
                    <a:pt x="392" y="465"/>
                  </a:cubicBezTo>
                  <a:cubicBezTo>
                    <a:pt x="397" y="470"/>
                    <a:pt x="397" y="465"/>
                    <a:pt x="402" y="470"/>
                  </a:cubicBezTo>
                  <a:cubicBezTo>
                    <a:pt x="406" y="475"/>
                    <a:pt x="405" y="476"/>
                    <a:pt x="406" y="481"/>
                  </a:cubicBezTo>
                  <a:cubicBezTo>
                    <a:pt x="411" y="479"/>
                    <a:pt x="421" y="479"/>
                    <a:pt x="424" y="478"/>
                  </a:cubicBezTo>
                  <a:cubicBezTo>
                    <a:pt x="424" y="481"/>
                    <a:pt x="424" y="481"/>
                    <a:pt x="424" y="481"/>
                  </a:cubicBezTo>
                  <a:cubicBezTo>
                    <a:pt x="429" y="482"/>
                    <a:pt x="452" y="492"/>
                    <a:pt x="455" y="493"/>
                  </a:cubicBezTo>
                  <a:cubicBezTo>
                    <a:pt x="478" y="493"/>
                    <a:pt x="478" y="493"/>
                    <a:pt x="478" y="493"/>
                  </a:cubicBezTo>
                  <a:cubicBezTo>
                    <a:pt x="478" y="489"/>
                    <a:pt x="478" y="489"/>
                    <a:pt x="478" y="489"/>
                  </a:cubicBezTo>
                  <a:cubicBezTo>
                    <a:pt x="490" y="489"/>
                    <a:pt x="490" y="489"/>
                    <a:pt x="490" y="489"/>
                  </a:cubicBezTo>
                  <a:cubicBezTo>
                    <a:pt x="490" y="489"/>
                    <a:pt x="499" y="498"/>
                    <a:pt x="502" y="501"/>
                  </a:cubicBezTo>
                  <a:cubicBezTo>
                    <a:pt x="507" y="504"/>
                    <a:pt x="505" y="512"/>
                    <a:pt x="513" y="517"/>
                  </a:cubicBezTo>
                  <a:cubicBezTo>
                    <a:pt x="522" y="520"/>
                    <a:pt x="516" y="506"/>
                    <a:pt x="526" y="507"/>
                  </a:cubicBezTo>
                  <a:cubicBezTo>
                    <a:pt x="536" y="509"/>
                    <a:pt x="537" y="521"/>
                    <a:pt x="543" y="529"/>
                  </a:cubicBezTo>
                  <a:cubicBezTo>
                    <a:pt x="549" y="537"/>
                    <a:pt x="545" y="546"/>
                    <a:pt x="558" y="548"/>
                  </a:cubicBezTo>
                  <a:cubicBezTo>
                    <a:pt x="560" y="548"/>
                    <a:pt x="563" y="551"/>
                    <a:pt x="563" y="549"/>
                  </a:cubicBezTo>
                  <a:cubicBezTo>
                    <a:pt x="563" y="549"/>
                    <a:pt x="563" y="549"/>
                    <a:pt x="565" y="549"/>
                  </a:cubicBezTo>
                  <a:cubicBezTo>
                    <a:pt x="565" y="545"/>
                    <a:pt x="561" y="538"/>
                    <a:pt x="563" y="535"/>
                  </a:cubicBezTo>
                  <a:cubicBezTo>
                    <a:pt x="563" y="532"/>
                    <a:pt x="565" y="531"/>
                    <a:pt x="566" y="529"/>
                  </a:cubicBezTo>
                  <a:cubicBezTo>
                    <a:pt x="568" y="526"/>
                    <a:pt x="572" y="524"/>
                    <a:pt x="571" y="523"/>
                  </a:cubicBezTo>
                  <a:cubicBezTo>
                    <a:pt x="569" y="523"/>
                    <a:pt x="568" y="521"/>
                    <a:pt x="569" y="521"/>
                  </a:cubicBezTo>
                  <a:cubicBezTo>
                    <a:pt x="571" y="523"/>
                    <a:pt x="571" y="520"/>
                    <a:pt x="572" y="521"/>
                  </a:cubicBezTo>
                  <a:cubicBezTo>
                    <a:pt x="574" y="523"/>
                    <a:pt x="578" y="520"/>
                    <a:pt x="580" y="517"/>
                  </a:cubicBezTo>
                  <a:cubicBezTo>
                    <a:pt x="583" y="515"/>
                    <a:pt x="583" y="515"/>
                    <a:pt x="586" y="512"/>
                  </a:cubicBezTo>
                  <a:cubicBezTo>
                    <a:pt x="589" y="510"/>
                    <a:pt x="589" y="510"/>
                    <a:pt x="593" y="509"/>
                  </a:cubicBezTo>
                  <a:cubicBezTo>
                    <a:pt x="600" y="509"/>
                    <a:pt x="600" y="512"/>
                    <a:pt x="603" y="512"/>
                  </a:cubicBezTo>
                  <a:cubicBezTo>
                    <a:pt x="606" y="510"/>
                    <a:pt x="606" y="513"/>
                    <a:pt x="607" y="512"/>
                  </a:cubicBezTo>
                  <a:cubicBezTo>
                    <a:pt x="609" y="510"/>
                    <a:pt x="603" y="510"/>
                    <a:pt x="606" y="509"/>
                  </a:cubicBezTo>
                  <a:cubicBezTo>
                    <a:pt x="607" y="509"/>
                    <a:pt x="609" y="510"/>
                    <a:pt x="609" y="512"/>
                  </a:cubicBezTo>
                  <a:cubicBezTo>
                    <a:pt x="610" y="513"/>
                    <a:pt x="613" y="512"/>
                    <a:pt x="612" y="513"/>
                  </a:cubicBezTo>
                  <a:cubicBezTo>
                    <a:pt x="610" y="515"/>
                    <a:pt x="616" y="517"/>
                    <a:pt x="616" y="517"/>
                  </a:cubicBezTo>
                  <a:cubicBezTo>
                    <a:pt x="616" y="515"/>
                    <a:pt x="618" y="513"/>
                    <a:pt x="619" y="517"/>
                  </a:cubicBezTo>
                  <a:cubicBezTo>
                    <a:pt x="619" y="518"/>
                    <a:pt x="622" y="515"/>
                    <a:pt x="621" y="513"/>
                  </a:cubicBezTo>
                  <a:cubicBezTo>
                    <a:pt x="619" y="512"/>
                    <a:pt x="622" y="512"/>
                    <a:pt x="624" y="515"/>
                  </a:cubicBezTo>
                  <a:cubicBezTo>
                    <a:pt x="627" y="517"/>
                    <a:pt x="625" y="520"/>
                    <a:pt x="627" y="517"/>
                  </a:cubicBezTo>
                  <a:cubicBezTo>
                    <a:pt x="630" y="515"/>
                    <a:pt x="628" y="515"/>
                    <a:pt x="625" y="512"/>
                  </a:cubicBezTo>
                  <a:cubicBezTo>
                    <a:pt x="622" y="510"/>
                    <a:pt x="628" y="510"/>
                    <a:pt x="627" y="507"/>
                  </a:cubicBezTo>
                  <a:cubicBezTo>
                    <a:pt x="625" y="506"/>
                    <a:pt x="625" y="509"/>
                    <a:pt x="624" y="509"/>
                  </a:cubicBezTo>
                  <a:cubicBezTo>
                    <a:pt x="622" y="507"/>
                    <a:pt x="625" y="507"/>
                    <a:pt x="622" y="506"/>
                  </a:cubicBezTo>
                  <a:cubicBezTo>
                    <a:pt x="621" y="506"/>
                    <a:pt x="622" y="507"/>
                    <a:pt x="619" y="507"/>
                  </a:cubicBezTo>
                  <a:cubicBezTo>
                    <a:pt x="616" y="506"/>
                    <a:pt x="619" y="501"/>
                    <a:pt x="622" y="504"/>
                  </a:cubicBezTo>
                  <a:cubicBezTo>
                    <a:pt x="625" y="506"/>
                    <a:pt x="625" y="506"/>
                    <a:pt x="628" y="504"/>
                  </a:cubicBezTo>
                  <a:cubicBezTo>
                    <a:pt x="630" y="501"/>
                    <a:pt x="636" y="504"/>
                    <a:pt x="636" y="503"/>
                  </a:cubicBezTo>
                  <a:cubicBezTo>
                    <a:pt x="638" y="501"/>
                    <a:pt x="636" y="498"/>
                    <a:pt x="639" y="503"/>
                  </a:cubicBezTo>
                  <a:cubicBezTo>
                    <a:pt x="639" y="504"/>
                    <a:pt x="635" y="506"/>
                    <a:pt x="639" y="504"/>
                  </a:cubicBezTo>
                  <a:cubicBezTo>
                    <a:pt x="644" y="504"/>
                    <a:pt x="648" y="503"/>
                    <a:pt x="651" y="504"/>
                  </a:cubicBezTo>
                  <a:cubicBezTo>
                    <a:pt x="654" y="504"/>
                    <a:pt x="656" y="504"/>
                    <a:pt x="656" y="506"/>
                  </a:cubicBezTo>
                  <a:cubicBezTo>
                    <a:pt x="656" y="507"/>
                    <a:pt x="657" y="506"/>
                    <a:pt x="657" y="509"/>
                  </a:cubicBezTo>
                  <a:cubicBezTo>
                    <a:pt x="657" y="512"/>
                    <a:pt x="663" y="509"/>
                    <a:pt x="665" y="509"/>
                  </a:cubicBezTo>
                  <a:cubicBezTo>
                    <a:pt x="667" y="509"/>
                    <a:pt x="665" y="506"/>
                    <a:pt x="668" y="506"/>
                  </a:cubicBezTo>
                  <a:cubicBezTo>
                    <a:pt x="671" y="506"/>
                    <a:pt x="676" y="515"/>
                    <a:pt x="677" y="515"/>
                  </a:cubicBezTo>
                  <a:cubicBezTo>
                    <a:pt x="679" y="515"/>
                    <a:pt x="680" y="521"/>
                    <a:pt x="679" y="524"/>
                  </a:cubicBezTo>
                  <a:cubicBezTo>
                    <a:pt x="677" y="529"/>
                    <a:pt x="679" y="532"/>
                    <a:pt x="680" y="531"/>
                  </a:cubicBezTo>
                  <a:cubicBezTo>
                    <a:pt x="680" y="529"/>
                    <a:pt x="683" y="529"/>
                    <a:pt x="680" y="532"/>
                  </a:cubicBezTo>
                  <a:cubicBezTo>
                    <a:pt x="679" y="534"/>
                    <a:pt x="680" y="538"/>
                    <a:pt x="682" y="540"/>
                  </a:cubicBezTo>
                  <a:cubicBezTo>
                    <a:pt x="685" y="541"/>
                    <a:pt x="683" y="538"/>
                    <a:pt x="685" y="541"/>
                  </a:cubicBezTo>
                  <a:cubicBezTo>
                    <a:pt x="685" y="545"/>
                    <a:pt x="686" y="543"/>
                    <a:pt x="686" y="546"/>
                  </a:cubicBezTo>
                  <a:cubicBezTo>
                    <a:pt x="688" y="551"/>
                    <a:pt x="689" y="548"/>
                    <a:pt x="691" y="552"/>
                  </a:cubicBezTo>
                  <a:cubicBezTo>
                    <a:pt x="691" y="557"/>
                    <a:pt x="692" y="554"/>
                    <a:pt x="692" y="555"/>
                  </a:cubicBezTo>
                  <a:cubicBezTo>
                    <a:pt x="691" y="557"/>
                    <a:pt x="692" y="559"/>
                    <a:pt x="694" y="557"/>
                  </a:cubicBezTo>
                  <a:cubicBezTo>
                    <a:pt x="697" y="555"/>
                    <a:pt x="695" y="560"/>
                    <a:pt x="697" y="557"/>
                  </a:cubicBezTo>
                  <a:cubicBezTo>
                    <a:pt x="700" y="554"/>
                    <a:pt x="697" y="554"/>
                    <a:pt x="699" y="552"/>
                  </a:cubicBezTo>
                  <a:cubicBezTo>
                    <a:pt x="700" y="549"/>
                    <a:pt x="700" y="546"/>
                    <a:pt x="700" y="543"/>
                  </a:cubicBezTo>
                  <a:cubicBezTo>
                    <a:pt x="702" y="538"/>
                    <a:pt x="695" y="529"/>
                    <a:pt x="697" y="524"/>
                  </a:cubicBezTo>
                  <a:cubicBezTo>
                    <a:pt x="697" y="521"/>
                    <a:pt x="691" y="517"/>
                    <a:pt x="689" y="504"/>
                  </a:cubicBezTo>
                  <a:cubicBezTo>
                    <a:pt x="688" y="492"/>
                    <a:pt x="694" y="485"/>
                    <a:pt x="695" y="482"/>
                  </a:cubicBezTo>
                  <a:cubicBezTo>
                    <a:pt x="699" y="481"/>
                    <a:pt x="695" y="481"/>
                    <a:pt x="699" y="481"/>
                  </a:cubicBezTo>
                  <a:cubicBezTo>
                    <a:pt x="702" y="481"/>
                    <a:pt x="703" y="476"/>
                    <a:pt x="705" y="476"/>
                  </a:cubicBezTo>
                  <a:cubicBezTo>
                    <a:pt x="708" y="475"/>
                    <a:pt x="706" y="470"/>
                    <a:pt x="711" y="467"/>
                  </a:cubicBezTo>
                  <a:cubicBezTo>
                    <a:pt x="715" y="464"/>
                    <a:pt x="717" y="467"/>
                    <a:pt x="718" y="464"/>
                  </a:cubicBezTo>
                  <a:cubicBezTo>
                    <a:pt x="718" y="461"/>
                    <a:pt x="723" y="458"/>
                    <a:pt x="726" y="458"/>
                  </a:cubicBezTo>
                  <a:cubicBezTo>
                    <a:pt x="730" y="456"/>
                    <a:pt x="730" y="454"/>
                    <a:pt x="730" y="453"/>
                  </a:cubicBezTo>
                  <a:cubicBezTo>
                    <a:pt x="729" y="453"/>
                    <a:pt x="727" y="456"/>
                    <a:pt x="726" y="454"/>
                  </a:cubicBezTo>
                  <a:cubicBezTo>
                    <a:pt x="724" y="453"/>
                    <a:pt x="726" y="454"/>
                    <a:pt x="727" y="453"/>
                  </a:cubicBezTo>
                  <a:cubicBezTo>
                    <a:pt x="729" y="450"/>
                    <a:pt x="723" y="448"/>
                    <a:pt x="727" y="450"/>
                  </a:cubicBezTo>
                  <a:cubicBezTo>
                    <a:pt x="730" y="450"/>
                    <a:pt x="730" y="451"/>
                    <a:pt x="732" y="450"/>
                  </a:cubicBezTo>
                  <a:cubicBezTo>
                    <a:pt x="734" y="447"/>
                    <a:pt x="734" y="450"/>
                    <a:pt x="734" y="447"/>
                  </a:cubicBezTo>
                  <a:cubicBezTo>
                    <a:pt x="735" y="443"/>
                    <a:pt x="734" y="443"/>
                    <a:pt x="734" y="443"/>
                  </a:cubicBezTo>
                  <a:cubicBezTo>
                    <a:pt x="732" y="445"/>
                    <a:pt x="734" y="443"/>
                    <a:pt x="729" y="443"/>
                  </a:cubicBezTo>
                  <a:cubicBezTo>
                    <a:pt x="726" y="445"/>
                    <a:pt x="726" y="443"/>
                    <a:pt x="726" y="442"/>
                  </a:cubicBezTo>
                  <a:cubicBezTo>
                    <a:pt x="726" y="440"/>
                    <a:pt x="727" y="445"/>
                    <a:pt x="730" y="442"/>
                  </a:cubicBezTo>
                  <a:cubicBezTo>
                    <a:pt x="734" y="439"/>
                    <a:pt x="735" y="445"/>
                    <a:pt x="737" y="445"/>
                  </a:cubicBezTo>
                  <a:cubicBezTo>
                    <a:pt x="737" y="445"/>
                    <a:pt x="735" y="443"/>
                    <a:pt x="734" y="434"/>
                  </a:cubicBezTo>
                  <a:cubicBezTo>
                    <a:pt x="732" y="431"/>
                    <a:pt x="730" y="433"/>
                    <a:pt x="729" y="434"/>
                  </a:cubicBezTo>
                  <a:cubicBezTo>
                    <a:pt x="727" y="434"/>
                    <a:pt x="732" y="431"/>
                    <a:pt x="729" y="429"/>
                  </a:cubicBezTo>
                  <a:cubicBezTo>
                    <a:pt x="727" y="428"/>
                    <a:pt x="730" y="431"/>
                    <a:pt x="730" y="426"/>
                  </a:cubicBezTo>
                  <a:cubicBezTo>
                    <a:pt x="729" y="422"/>
                    <a:pt x="732" y="423"/>
                    <a:pt x="729" y="422"/>
                  </a:cubicBezTo>
                  <a:cubicBezTo>
                    <a:pt x="726" y="419"/>
                    <a:pt x="724" y="417"/>
                    <a:pt x="727" y="420"/>
                  </a:cubicBezTo>
                  <a:cubicBezTo>
                    <a:pt x="730" y="422"/>
                    <a:pt x="729" y="420"/>
                    <a:pt x="729" y="417"/>
                  </a:cubicBezTo>
                  <a:cubicBezTo>
                    <a:pt x="727" y="414"/>
                    <a:pt x="727" y="412"/>
                    <a:pt x="729" y="411"/>
                  </a:cubicBezTo>
                  <a:cubicBezTo>
                    <a:pt x="729" y="408"/>
                    <a:pt x="729" y="408"/>
                    <a:pt x="730" y="406"/>
                  </a:cubicBezTo>
                  <a:cubicBezTo>
                    <a:pt x="732" y="405"/>
                    <a:pt x="730" y="406"/>
                    <a:pt x="730" y="408"/>
                  </a:cubicBezTo>
                  <a:cubicBezTo>
                    <a:pt x="729" y="409"/>
                    <a:pt x="729" y="411"/>
                    <a:pt x="730" y="412"/>
                  </a:cubicBezTo>
                  <a:cubicBezTo>
                    <a:pt x="730" y="414"/>
                    <a:pt x="729" y="414"/>
                    <a:pt x="730" y="415"/>
                  </a:cubicBezTo>
                  <a:cubicBezTo>
                    <a:pt x="730" y="417"/>
                    <a:pt x="729" y="417"/>
                    <a:pt x="730" y="419"/>
                  </a:cubicBezTo>
                  <a:cubicBezTo>
                    <a:pt x="732" y="420"/>
                    <a:pt x="732" y="417"/>
                    <a:pt x="734" y="419"/>
                  </a:cubicBezTo>
                  <a:cubicBezTo>
                    <a:pt x="734" y="422"/>
                    <a:pt x="732" y="422"/>
                    <a:pt x="734" y="422"/>
                  </a:cubicBezTo>
                  <a:cubicBezTo>
                    <a:pt x="735" y="423"/>
                    <a:pt x="730" y="429"/>
                    <a:pt x="732" y="431"/>
                  </a:cubicBezTo>
                  <a:cubicBezTo>
                    <a:pt x="734" y="431"/>
                    <a:pt x="735" y="423"/>
                    <a:pt x="738" y="420"/>
                  </a:cubicBezTo>
                  <a:cubicBezTo>
                    <a:pt x="741" y="415"/>
                    <a:pt x="740" y="412"/>
                    <a:pt x="738" y="412"/>
                  </a:cubicBezTo>
                  <a:cubicBezTo>
                    <a:pt x="737" y="412"/>
                    <a:pt x="737" y="409"/>
                    <a:pt x="735" y="406"/>
                  </a:cubicBezTo>
                  <a:cubicBezTo>
                    <a:pt x="735" y="403"/>
                    <a:pt x="735" y="401"/>
                    <a:pt x="738" y="400"/>
                  </a:cubicBezTo>
                  <a:cubicBezTo>
                    <a:pt x="741" y="398"/>
                    <a:pt x="734" y="401"/>
                    <a:pt x="737" y="406"/>
                  </a:cubicBezTo>
                  <a:cubicBezTo>
                    <a:pt x="740" y="411"/>
                    <a:pt x="741" y="406"/>
                    <a:pt x="741" y="409"/>
                  </a:cubicBezTo>
                  <a:cubicBezTo>
                    <a:pt x="740" y="414"/>
                    <a:pt x="743" y="409"/>
                    <a:pt x="746" y="405"/>
                  </a:cubicBezTo>
                  <a:cubicBezTo>
                    <a:pt x="747" y="400"/>
                    <a:pt x="750" y="395"/>
                    <a:pt x="747" y="395"/>
                  </a:cubicBezTo>
                  <a:cubicBezTo>
                    <a:pt x="746" y="395"/>
                    <a:pt x="746" y="394"/>
                    <a:pt x="747" y="391"/>
                  </a:cubicBezTo>
                  <a:cubicBezTo>
                    <a:pt x="750" y="389"/>
                    <a:pt x="755" y="386"/>
                    <a:pt x="758" y="386"/>
                  </a:cubicBezTo>
                  <a:cubicBezTo>
                    <a:pt x="761" y="384"/>
                    <a:pt x="769" y="384"/>
                    <a:pt x="769" y="383"/>
                  </a:cubicBezTo>
                  <a:cubicBezTo>
                    <a:pt x="769" y="381"/>
                    <a:pt x="769" y="378"/>
                    <a:pt x="770" y="381"/>
                  </a:cubicBezTo>
                  <a:cubicBezTo>
                    <a:pt x="770" y="383"/>
                    <a:pt x="770" y="384"/>
                    <a:pt x="773" y="381"/>
                  </a:cubicBezTo>
                  <a:cubicBezTo>
                    <a:pt x="776" y="378"/>
                    <a:pt x="773" y="384"/>
                    <a:pt x="776" y="383"/>
                  </a:cubicBezTo>
                  <a:cubicBezTo>
                    <a:pt x="778" y="380"/>
                    <a:pt x="781" y="383"/>
                    <a:pt x="781" y="380"/>
                  </a:cubicBezTo>
                  <a:cubicBezTo>
                    <a:pt x="779" y="377"/>
                    <a:pt x="779" y="375"/>
                    <a:pt x="778" y="377"/>
                  </a:cubicBezTo>
                  <a:cubicBezTo>
                    <a:pt x="778" y="377"/>
                    <a:pt x="779" y="377"/>
                    <a:pt x="779" y="378"/>
                  </a:cubicBezTo>
                  <a:cubicBezTo>
                    <a:pt x="779" y="380"/>
                    <a:pt x="776" y="381"/>
                    <a:pt x="776" y="378"/>
                  </a:cubicBezTo>
                  <a:cubicBezTo>
                    <a:pt x="775" y="375"/>
                    <a:pt x="775" y="375"/>
                    <a:pt x="773" y="374"/>
                  </a:cubicBezTo>
                  <a:cubicBezTo>
                    <a:pt x="770" y="374"/>
                    <a:pt x="776" y="370"/>
                    <a:pt x="775" y="369"/>
                  </a:cubicBezTo>
                  <a:cubicBezTo>
                    <a:pt x="773" y="369"/>
                    <a:pt x="775" y="363"/>
                    <a:pt x="778" y="360"/>
                  </a:cubicBezTo>
                  <a:cubicBezTo>
                    <a:pt x="779" y="358"/>
                    <a:pt x="776" y="358"/>
                    <a:pt x="778" y="356"/>
                  </a:cubicBezTo>
                  <a:cubicBezTo>
                    <a:pt x="779" y="356"/>
                    <a:pt x="779" y="360"/>
                    <a:pt x="782" y="358"/>
                  </a:cubicBezTo>
                  <a:cubicBezTo>
                    <a:pt x="784" y="356"/>
                    <a:pt x="784" y="355"/>
                    <a:pt x="785" y="355"/>
                  </a:cubicBezTo>
                  <a:cubicBezTo>
                    <a:pt x="788" y="355"/>
                    <a:pt x="787" y="349"/>
                    <a:pt x="790" y="350"/>
                  </a:cubicBezTo>
                  <a:cubicBezTo>
                    <a:pt x="793" y="352"/>
                    <a:pt x="791" y="350"/>
                    <a:pt x="793" y="350"/>
                  </a:cubicBezTo>
                  <a:cubicBezTo>
                    <a:pt x="794" y="349"/>
                    <a:pt x="794" y="352"/>
                    <a:pt x="796" y="349"/>
                  </a:cubicBezTo>
                  <a:cubicBezTo>
                    <a:pt x="799" y="347"/>
                    <a:pt x="801" y="349"/>
                    <a:pt x="802" y="347"/>
                  </a:cubicBezTo>
                  <a:cubicBezTo>
                    <a:pt x="804" y="344"/>
                    <a:pt x="804" y="345"/>
                    <a:pt x="802" y="344"/>
                  </a:cubicBezTo>
                  <a:cubicBezTo>
                    <a:pt x="802" y="342"/>
                    <a:pt x="802" y="341"/>
                    <a:pt x="801" y="341"/>
                  </a:cubicBezTo>
                  <a:cubicBezTo>
                    <a:pt x="799" y="341"/>
                    <a:pt x="799" y="338"/>
                    <a:pt x="799" y="336"/>
                  </a:cubicBezTo>
                  <a:cubicBezTo>
                    <a:pt x="799" y="336"/>
                    <a:pt x="799" y="336"/>
                    <a:pt x="798" y="335"/>
                  </a:cubicBezTo>
                  <a:cubicBezTo>
                    <a:pt x="796" y="335"/>
                    <a:pt x="798" y="335"/>
                    <a:pt x="798" y="333"/>
                  </a:cubicBezTo>
                  <a:cubicBezTo>
                    <a:pt x="798" y="331"/>
                    <a:pt x="798" y="324"/>
                    <a:pt x="798" y="322"/>
                  </a:cubicBezTo>
                  <a:cubicBezTo>
                    <a:pt x="798" y="319"/>
                    <a:pt x="798" y="319"/>
                    <a:pt x="794" y="317"/>
                  </a:cubicBezTo>
                  <a:cubicBezTo>
                    <a:pt x="793" y="314"/>
                    <a:pt x="791" y="316"/>
                    <a:pt x="790" y="317"/>
                  </a:cubicBezTo>
                  <a:cubicBezTo>
                    <a:pt x="788" y="317"/>
                    <a:pt x="787" y="317"/>
                    <a:pt x="787" y="316"/>
                  </a:cubicBezTo>
                  <a:cubicBezTo>
                    <a:pt x="787" y="314"/>
                    <a:pt x="785" y="314"/>
                    <a:pt x="785" y="314"/>
                  </a:cubicBezTo>
                  <a:cubicBezTo>
                    <a:pt x="785" y="314"/>
                    <a:pt x="782" y="319"/>
                    <a:pt x="781" y="322"/>
                  </a:cubicBezTo>
                  <a:cubicBezTo>
                    <a:pt x="778" y="325"/>
                    <a:pt x="781" y="325"/>
                    <a:pt x="779" y="327"/>
                  </a:cubicBezTo>
                  <a:cubicBezTo>
                    <a:pt x="776" y="330"/>
                    <a:pt x="779" y="331"/>
                    <a:pt x="778" y="333"/>
                  </a:cubicBezTo>
                  <a:cubicBezTo>
                    <a:pt x="775" y="335"/>
                    <a:pt x="778" y="333"/>
                    <a:pt x="775" y="336"/>
                  </a:cubicBezTo>
                  <a:cubicBezTo>
                    <a:pt x="772" y="338"/>
                    <a:pt x="776" y="338"/>
                    <a:pt x="775" y="338"/>
                  </a:cubicBezTo>
                  <a:cubicBezTo>
                    <a:pt x="773" y="338"/>
                    <a:pt x="773" y="341"/>
                    <a:pt x="772" y="339"/>
                  </a:cubicBezTo>
                  <a:cubicBezTo>
                    <a:pt x="772" y="339"/>
                    <a:pt x="772" y="341"/>
                    <a:pt x="770" y="339"/>
                  </a:cubicBezTo>
                  <a:cubicBezTo>
                    <a:pt x="769" y="339"/>
                    <a:pt x="769" y="339"/>
                    <a:pt x="769" y="342"/>
                  </a:cubicBezTo>
                  <a:cubicBezTo>
                    <a:pt x="746" y="342"/>
                    <a:pt x="746" y="342"/>
                    <a:pt x="746" y="342"/>
                  </a:cubicBezTo>
                  <a:cubicBezTo>
                    <a:pt x="744" y="342"/>
                    <a:pt x="743" y="344"/>
                    <a:pt x="743" y="342"/>
                  </a:cubicBezTo>
                  <a:cubicBezTo>
                    <a:pt x="741" y="342"/>
                    <a:pt x="737" y="345"/>
                    <a:pt x="734" y="349"/>
                  </a:cubicBezTo>
                  <a:close/>
                  <a:moveTo>
                    <a:pt x="807" y="630"/>
                  </a:moveTo>
                  <a:cubicBezTo>
                    <a:pt x="810" y="629"/>
                    <a:pt x="808" y="630"/>
                    <a:pt x="813" y="630"/>
                  </a:cubicBezTo>
                  <a:cubicBezTo>
                    <a:pt x="816" y="629"/>
                    <a:pt x="817" y="625"/>
                    <a:pt x="811" y="625"/>
                  </a:cubicBezTo>
                  <a:cubicBezTo>
                    <a:pt x="805" y="624"/>
                    <a:pt x="802" y="624"/>
                    <a:pt x="802" y="629"/>
                  </a:cubicBezTo>
                  <a:cubicBezTo>
                    <a:pt x="804" y="630"/>
                    <a:pt x="802" y="630"/>
                    <a:pt x="807" y="630"/>
                  </a:cubicBezTo>
                  <a:close/>
                  <a:moveTo>
                    <a:pt x="100" y="619"/>
                  </a:moveTo>
                  <a:cubicBezTo>
                    <a:pt x="102" y="616"/>
                    <a:pt x="106" y="618"/>
                    <a:pt x="106" y="615"/>
                  </a:cubicBezTo>
                  <a:cubicBezTo>
                    <a:pt x="106" y="615"/>
                    <a:pt x="106" y="615"/>
                    <a:pt x="106" y="615"/>
                  </a:cubicBezTo>
                  <a:cubicBezTo>
                    <a:pt x="106" y="615"/>
                    <a:pt x="106" y="615"/>
                    <a:pt x="106" y="613"/>
                  </a:cubicBezTo>
                  <a:cubicBezTo>
                    <a:pt x="105" y="613"/>
                    <a:pt x="105" y="613"/>
                    <a:pt x="105" y="613"/>
                  </a:cubicBezTo>
                  <a:cubicBezTo>
                    <a:pt x="105" y="611"/>
                    <a:pt x="105" y="613"/>
                    <a:pt x="105" y="613"/>
                  </a:cubicBezTo>
                  <a:cubicBezTo>
                    <a:pt x="105" y="611"/>
                    <a:pt x="105" y="610"/>
                    <a:pt x="103" y="610"/>
                  </a:cubicBezTo>
                  <a:cubicBezTo>
                    <a:pt x="103" y="610"/>
                    <a:pt x="100" y="607"/>
                    <a:pt x="99" y="607"/>
                  </a:cubicBezTo>
                  <a:cubicBezTo>
                    <a:pt x="99" y="607"/>
                    <a:pt x="99" y="607"/>
                    <a:pt x="99" y="607"/>
                  </a:cubicBezTo>
                  <a:cubicBezTo>
                    <a:pt x="97" y="607"/>
                    <a:pt x="99" y="610"/>
                    <a:pt x="99" y="610"/>
                  </a:cubicBezTo>
                  <a:cubicBezTo>
                    <a:pt x="99" y="610"/>
                    <a:pt x="97" y="611"/>
                    <a:pt x="97" y="613"/>
                  </a:cubicBezTo>
                  <a:cubicBezTo>
                    <a:pt x="97" y="615"/>
                    <a:pt x="97" y="615"/>
                    <a:pt x="97" y="615"/>
                  </a:cubicBezTo>
                  <a:cubicBezTo>
                    <a:pt x="97" y="615"/>
                    <a:pt x="97" y="615"/>
                    <a:pt x="97" y="615"/>
                  </a:cubicBezTo>
                  <a:cubicBezTo>
                    <a:pt x="97" y="616"/>
                    <a:pt x="97" y="618"/>
                    <a:pt x="97" y="619"/>
                  </a:cubicBezTo>
                  <a:cubicBezTo>
                    <a:pt x="99" y="619"/>
                    <a:pt x="100" y="621"/>
                    <a:pt x="100" y="619"/>
                  </a:cubicBezTo>
                  <a:moveTo>
                    <a:pt x="96" y="601"/>
                  </a:moveTo>
                  <a:cubicBezTo>
                    <a:pt x="94" y="601"/>
                    <a:pt x="94" y="601"/>
                    <a:pt x="94" y="601"/>
                  </a:cubicBezTo>
                  <a:cubicBezTo>
                    <a:pt x="92" y="601"/>
                    <a:pt x="92" y="599"/>
                    <a:pt x="92" y="599"/>
                  </a:cubicBezTo>
                  <a:cubicBezTo>
                    <a:pt x="92" y="599"/>
                    <a:pt x="92" y="599"/>
                    <a:pt x="92" y="599"/>
                  </a:cubicBezTo>
                  <a:cubicBezTo>
                    <a:pt x="91" y="601"/>
                    <a:pt x="91" y="601"/>
                    <a:pt x="91" y="601"/>
                  </a:cubicBezTo>
                  <a:cubicBezTo>
                    <a:pt x="92" y="601"/>
                    <a:pt x="92" y="601"/>
                    <a:pt x="94" y="602"/>
                  </a:cubicBezTo>
                  <a:cubicBezTo>
                    <a:pt x="94" y="602"/>
                    <a:pt x="92" y="604"/>
                    <a:pt x="94" y="604"/>
                  </a:cubicBezTo>
                  <a:cubicBezTo>
                    <a:pt x="94" y="604"/>
                    <a:pt x="99" y="604"/>
                    <a:pt x="96" y="601"/>
                  </a:cubicBezTo>
                  <a:cubicBezTo>
                    <a:pt x="96" y="601"/>
                    <a:pt x="96" y="601"/>
                    <a:pt x="96" y="601"/>
                  </a:cubicBezTo>
                  <a:moveTo>
                    <a:pt x="82" y="593"/>
                  </a:moveTo>
                  <a:cubicBezTo>
                    <a:pt x="82" y="593"/>
                    <a:pt x="80" y="593"/>
                    <a:pt x="80" y="594"/>
                  </a:cubicBezTo>
                  <a:cubicBezTo>
                    <a:pt x="80" y="594"/>
                    <a:pt x="79" y="593"/>
                    <a:pt x="79" y="594"/>
                  </a:cubicBezTo>
                  <a:cubicBezTo>
                    <a:pt x="80" y="599"/>
                    <a:pt x="82" y="596"/>
                    <a:pt x="82" y="596"/>
                  </a:cubicBezTo>
                  <a:cubicBezTo>
                    <a:pt x="82" y="596"/>
                    <a:pt x="82" y="596"/>
                    <a:pt x="82" y="596"/>
                  </a:cubicBezTo>
                  <a:cubicBezTo>
                    <a:pt x="83" y="597"/>
                    <a:pt x="83" y="597"/>
                    <a:pt x="83" y="597"/>
                  </a:cubicBezTo>
                  <a:cubicBezTo>
                    <a:pt x="83" y="596"/>
                    <a:pt x="83" y="596"/>
                    <a:pt x="83" y="596"/>
                  </a:cubicBezTo>
                  <a:cubicBezTo>
                    <a:pt x="83" y="596"/>
                    <a:pt x="83" y="596"/>
                    <a:pt x="83" y="596"/>
                  </a:cubicBezTo>
                  <a:cubicBezTo>
                    <a:pt x="83" y="596"/>
                    <a:pt x="83" y="596"/>
                    <a:pt x="83" y="596"/>
                  </a:cubicBezTo>
                  <a:cubicBezTo>
                    <a:pt x="83" y="594"/>
                    <a:pt x="83" y="596"/>
                    <a:pt x="83" y="596"/>
                  </a:cubicBezTo>
                  <a:cubicBezTo>
                    <a:pt x="82" y="594"/>
                    <a:pt x="82" y="593"/>
                    <a:pt x="82" y="593"/>
                  </a:cubicBezTo>
                  <a:moveTo>
                    <a:pt x="71" y="590"/>
                  </a:moveTo>
                  <a:cubicBezTo>
                    <a:pt x="71" y="585"/>
                    <a:pt x="67" y="588"/>
                    <a:pt x="67" y="590"/>
                  </a:cubicBezTo>
                  <a:cubicBezTo>
                    <a:pt x="67" y="590"/>
                    <a:pt x="71" y="591"/>
                    <a:pt x="71" y="590"/>
                  </a:cubicBezTo>
                  <a:moveTo>
                    <a:pt x="89" y="601"/>
                  </a:moveTo>
                  <a:cubicBezTo>
                    <a:pt x="89" y="602"/>
                    <a:pt x="89" y="604"/>
                    <a:pt x="91" y="602"/>
                  </a:cubicBezTo>
                  <a:cubicBezTo>
                    <a:pt x="91" y="601"/>
                    <a:pt x="91" y="601"/>
                    <a:pt x="91" y="601"/>
                  </a:cubicBezTo>
                  <a:cubicBezTo>
                    <a:pt x="89" y="601"/>
                    <a:pt x="88" y="601"/>
                    <a:pt x="89" y="601"/>
                  </a:cubicBezTo>
                  <a:moveTo>
                    <a:pt x="92" y="604"/>
                  </a:moveTo>
                  <a:cubicBezTo>
                    <a:pt x="94" y="604"/>
                    <a:pt x="92" y="605"/>
                    <a:pt x="91" y="604"/>
                  </a:cubicBezTo>
                  <a:cubicBezTo>
                    <a:pt x="92" y="604"/>
                    <a:pt x="92" y="604"/>
                    <a:pt x="92" y="604"/>
                  </a:cubicBezTo>
                  <a:moveTo>
                    <a:pt x="89" y="597"/>
                  </a:moveTo>
                  <a:cubicBezTo>
                    <a:pt x="88" y="597"/>
                    <a:pt x="88" y="597"/>
                    <a:pt x="86" y="597"/>
                  </a:cubicBezTo>
                  <a:cubicBezTo>
                    <a:pt x="86" y="599"/>
                    <a:pt x="86" y="599"/>
                    <a:pt x="86" y="599"/>
                  </a:cubicBezTo>
                  <a:cubicBezTo>
                    <a:pt x="88" y="599"/>
                    <a:pt x="88" y="599"/>
                    <a:pt x="88" y="599"/>
                  </a:cubicBezTo>
                  <a:cubicBezTo>
                    <a:pt x="89" y="599"/>
                    <a:pt x="89" y="599"/>
                    <a:pt x="89" y="599"/>
                  </a:cubicBezTo>
                  <a:cubicBezTo>
                    <a:pt x="91" y="599"/>
                    <a:pt x="91" y="597"/>
                    <a:pt x="91" y="597"/>
                  </a:cubicBezTo>
                  <a:cubicBezTo>
                    <a:pt x="89" y="597"/>
                    <a:pt x="89" y="597"/>
                    <a:pt x="89" y="597"/>
                  </a:cubicBezTo>
                  <a:cubicBezTo>
                    <a:pt x="89" y="597"/>
                    <a:pt x="89" y="597"/>
                    <a:pt x="89" y="597"/>
                  </a:cubicBezTo>
                  <a:moveTo>
                    <a:pt x="65" y="590"/>
                  </a:moveTo>
                  <a:cubicBezTo>
                    <a:pt x="65" y="590"/>
                    <a:pt x="62" y="591"/>
                    <a:pt x="64" y="591"/>
                  </a:cubicBezTo>
                  <a:cubicBezTo>
                    <a:pt x="65" y="590"/>
                    <a:pt x="65" y="590"/>
                    <a:pt x="65" y="590"/>
                  </a:cubicBezTo>
                </a:path>
              </a:pathLst>
            </a:custGeom>
            <a:solidFill>
              <a:schemeClr val="accent5"/>
            </a:solidFill>
            <a:ln w="6350" cmpd="sng">
              <a:solidFill>
                <a:schemeClr val="bg1"/>
              </a:solidFill>
              <a:round/>
              <a:headEnd/>
              <a:tailEnd/>
            </a:ln>
          </p:spPr>
          <p:txBody>
            <a:bodyPr/>
            <a:lstStyle/>
            <a:p>
              <a:endParaRPr lang="en-GB" sz="1633" dirty="0">
                <a:solidFill>
                  <a:schemeClr val="accent5"/>
                </a:solidFill>
              </a:endParaRPr>
            </a:p>
          </p:txBody>
        </p:sp>
        <p:sp>
          <p:nvSpPr>
            <p:cNvPr id="74" name="Freeform 290"/>
            <p:cNvSpPr>
              <a:spLocks/>
            </p:cNvSpPr>
            <p:nvPr/>
          </p:nvSpPr>
          <p:spPr bwMode="auto">
            <a:xfrm>
              <a:off x="2818879" y="4967376"/>
              <a:ext cx="987954" cy="1230395"/>
            </a:xfrm>
            <a:custGeom>
              <a:avLst/>
              <a:gdLst/>
              <a:ahLst/>
              <a:cxnLst>
                <a:cxn ang="0">
                  <a:pos x="169" y="380"/>
                </a:cxn>
                <a:cxn ang="0">
                  <a:pos x="157" y="368"/>
                </a:cxn>
                <a:cxn ang="0">
                  <a:pos x="145" y="357"/>
                </a:cxn>
                <a:cxn ang="0">
                  <a:pos x="140" y="350"/>
                </a:cxn>
                <a:cxn ang="0">
                  <a:pos x="163" y="325"/>
                </a:cxn>
                <a:cxn ang="0">
                  <a:pos x="159" y="307"/>
                </a:cxn>
                <a:cxn ang="0">
                  <a:pos x="154" y="291"/>
                </a:cxn>
                <a:cxn ang="0">
                  <a:pos x="143" y="273"/>
                </a:cxn>
                <a:cxn ang="0">
                  <a:pos x="134" y="263"/>
                </a:cxn>
                <a:cxn ang="0">
                  <a:pos x="133" y="248"/>
                </a:cxn>
                <a:cxn ang="0">
                  <a:pos x="133" y="224"/>
                </a:cxn>
                <a:cxn ang="0">
                  <a:pos x="118" y="213"/>
                </a:cxn>
                <a:cxn ang="0">
                  <a:pos x="101" y="184"/>
                </a:cxn>
                <a:cxn ang="0">
                  <a:pos x="80" y="171"/>
                </a:cxn>
                <a:cxn ang="0">
                  <a:pos x="58" y="154"/>
                </a:cxn>
                <a:cxn ang="0">
                  <a:pos x="34" y="161"/>
                </a:cxn>
                <a:cxn ang="0">
                  <a:pos x="20" y="148"/>
                </a:cxn>
                <a:cxn ang="0">
                  <a:pos x="10" y="118"/>
                </a:cxn>
                <a:cxn ang="0">
                  <a:pos x="31" y="94"/>
                </a:cxn>
                <a:cxn ang="0">
                  <a:pos x="41" y="70"/>
                </a:cxn>
                <a:cxn ang="0">
                  <a:pos x="37" y="48"/>
                </a:cxn>
                <a:cxn ang="0">
                  <a:pos x="45" y="47"/>
                </a:cxn>
                <a:cxn ang="0">
                  <a:pos x="38" y="42"/>
                </a:cxn>
                <a:cxn ang="0">
                  <a:pos x="52" y="36"/>
                </a:cxn>
                <a:cxn ang="0">
                  <a:pos x="58" y="31"/>
                </a:cxn>
                <a:cxn ang="0">
                  <a:pos x="72" y="45"/>
                </a:cxn>
                <a:cxn ang="0">
                  <a:pos x="87" y="33"/>
                </a:cxn>
                <a:cxn ang="0">
                  <a:pos x="81" y="14"/>
                </a:cxn>
                <a:cxn ang="0">
                  <a:pos x="98" y="13"/>
                </a:cxn>
                <a:cxn ang="0">
                  <a:pos x="115" y="2"/>
                </a:cxn>
                <a:cxn ang="0">
                  <a:pos x="119" y="16"/>
                </a:cxn>
                <a:cxn ang="0">
                  <a:pos x="119" y="33"/>
                </a:cxn>
                <a:cxn ang="0">
                  <a:pos x="131" y="38"/>
                </a:cxn>
                <a:cxn ang="0">
                  <a:pos x="145" y="34"/>
                </a:cxn>
                <a:cxn ang="0">
                  <a:pos x="151" y="30"/>
                </a:cxn>
                <a:cxn ang="0">
                  <a:pos x="160" y="30"/>
                </a:cxn>
                <a:cxn ang="0">
                  <a:pos x="169" y="30"/>
                </a:cxn>
                <a:cxn ang="0">
                  <a:pos x="179" y="20"/>
                </a:cxn>
                <a:cxn ang="0">
                  <a:pos x="185" y="10"/>
                </a:cxn>
                <a:cxn ang="0">
                  <a:pos x="188" y="16"/>
                </a:cxn>
                <a:cxn ang="0">
                  <a:pos x="189" y="28"/>
                </a:cxn>
                <a:cxn ang="0">
                  <a:pos x="192" y="33"/>
                </a:cxn>
                <a:cxn ang="0">
                  <a:pos x="197" y="44"/>
                </a:cxn>
                <a:cxn ang="0">
                  <a:pos x="185" y="59"/>
                </a:cxn>
                <a:cxn ang="0">
                  <a:pos x="191" y="64"/>
                </a:cxn>
                <a:cxn ang="0">
                  <a:pos x="206" y="55"/>
                </a:cxn>
                <a:cxn ang="0">
                  <a:pos x="217" y="59"/>
                </a:cxn>
                <a:cxn ang="0">
                  <a:pos x="235" y="67"/>
                </a:cxn>
                <a:cxn ang="0">
                  <a:pos x="239" y="83"/>
                </a:cxn>
                <a:cxn ang="0">
                  <a:pos x="270" y="80"/>
                </a:cxn>
                <a:cxn ang="0">
                  <a:pos x="297" y="100"/>
                </a:cxn>
                <a:cxn ang="0">
                  <a:pos x="317" y="123"/>
                </a:cxn>
                <a:cxn ang="0">
                  <a:pos x="296" y="168"/>
                </a:cxn>
                <a:cxn ang="0">
                  <a:pos x="284" y="198"/>
                </a:cxn>
                <a:cxn ang="0">
                  <a:pos x="281" y="232"/>
                </a:cxn>
                <a:cxn ang="0">
                  <a:pos x="268" y="268"/>
                </a:cxn>
                <a:cxn ang="0">
                  <a:pos x="250" y="282"/>
                </a:cxn>
                <a:cxn ang="0">
                  <a:pos x="223" y="294"/>
                </a:cxn>
                <a:cxn ang="0">
                  <a:pos x="207" y="336"/>
                </a:cxn>
                <a:cxn ang="0">
                  <a:pos x="186" y="371"/>
                </a:cxn>
                <a:cxn ang="0">
                  <a:pos x="168" y="392"/>
                </a:cxn>
              </a:cxnLst>
              <a:rect l="0" t="0" r="r" b="b"/>
              <a:pathLst>
                <a:path w="319" h="392">
                  <a:moveTo>
                    <a:pt x="168" y="392"/>
                  </a:moveTo>
                  <a:cubicBezTo>
                    <a:pt x="166" y="385"/>
                    <a:pt x="174" y="386"/>
                    <a:pt x="169" y="380"/>
                  </a:cubicBezTo>
                  <a:cubicBezTo>
                    <a:pt x="166" y="375"/>
                    <a:pt x="168" y="375"/>
                    <a:pt x="163" y="374"/>
                  </a:cubicBezTo>
                  <a:cubicBezTo>
                    <a:pt x="160" y="371"/>
                    <a:pt x="162" y="371"/>
                    <a:pt x="157" y="368"/>
                  </a:cubicBezTo>
                  <a:cubicBezTo>
                    <a:pt x="153" y="366"/>
                    <a:pt x="154" y="361"/>
                    <a:pt x="151" y="364"/>
                  </a:cubicBezTo>
                  <a:cubicBezTo>
                    <a:pt x="146" y="366"/>
                    <a:pt x="150" y="361"/>
                    <a:pt x="145" y="357"/>
                  </a:cubicBezTo>
                  <a:cubicBezTo>
                    <a:pt x="139" y="352"/>
                    <a:pt x="139" y="360"/>
                    <a:pt x="136" y="355"/>
                  </a:cubicBezTo>
                  <a:cubicBezTo>
                    <a:pt x="137" y="354"/>
                    <a:pt x="137" y="352"/>
                    <a:pt x="140" y="350"/>
                  </a:cubicBezTo>
                  <a:cubicBezTo>
                    <a:pt x="142" y="350"/>
                    <a:pt x="142" y="347"/>
                    <a:pt x="148" y="340"/>
                  </a:cubicBezTo>
                  <a:cubicBezTo>
                    <a:pt x="153" y="332"/>
                    <a:pt x="159" y="329"/>
                    <a:pt x="163" y="325"/>
                  </a:cubicBezTo>
                  <a:cubicBezTo>
                    <a:pt x="168" y="322"/>
                    <a:pt x="168" y="316"/>
                    <a:pt x="166" y="310"/>
                  </a:cubicBezTo>
                  <a:cubicBezTo>
                    <a:pt x="163" y="302"/>
                    <a:pt x="162" y="308"/>
                    <a:pt x="159" y="307"/>
                  </a:cubicBezTo>
                  <a:cubicBezTo>
                    <a:pt x="162" y="305"/>
                    <a:pt x="163" y="293"/>
                    <a:pt x="160" y="290"/>
                  </a:cubicBezTo>
                  <a:cubicBezTo>
                    <a:pt x="159" y="288"/>
                    <a:pt x="157" y="291"/>
                    <a:pt x="154" y="291"/>
                  </a:cubicBezTo>
                  <a:cubicBezTo>
                    <a:pt x="151" y="291"/>
                    <a:pt x="154" y="288"/>
                    <a:pt x="151" y="276"/>
                  </a:cubicBezTo>
                  <a:cubicBezTo>
                    <a:pt x="150" y="273"/>
                    <a:pt x="145" y="271"/>
                    <a:pt x="143" y="273"/>
                  </a:cubicBezTo>
                  <a:cubicBezTo>
                    <a:pt x="143" y="274"/>
                    <a:pt x="133" y="273"/>
                    <a:pt x="133" y="271"/>
                  </a:cubicBezTo>
                  <a:cubicBezTo>
                    <a:pt x="134" y="268"/>
                    <a:pt x="133" y="268"/>
                    <a:pt x="134" y="263"/>
                  </a:cubicBezTo>
                  <a:cubicBezTo>
                    <a:pt x="136" y="260"/>
                    <a:pt x="131" y="255"/>
                    <a:pt x="131" y="252"/>
                  </a:cubicBezTo>
                  <a:cubicBezTo>
                    <a:pt x="134" y="251"/>
                    <a:pt x="134" y="251"/>
                    <a:pt x="133" y="248"/>
                  </a:cubicBezTo>
                  <a:cubicBezTo>
                    <a:pt x="133" y="246"/>
                    <a:pt x="136" y="243"/>
                    <a:pt x="134" y="240"/>
                  </a:cubicBezTo>
                  <a:cubicBezTo>
                    <a:pt x="134" y="238"/>
                    <a:pt x="140" y="227"/>
                    <a:pt x="133" y="224"/>
                  </a:cubicBezTo>
                  <a:cubicBezTo>
                    <a:pt x="128" y="223"/>
                    <a:pt x="128" y="218"/>
                    <a:pt x="130" y="215"/>
                  </a:cubicBezTo>
                  <a:cubicBezTo>
                    <a:pt x="131" y="212"/>
                    <a:pt x="122" y="213"/>
                    <a:pt x="118" y="213"/>
                  </a:cubicBezTo>
                  <a:cubicBezTo>
                    <a:pt x="113" y="212"/>
                    <a:pt x="116" y="192"/>
                    <a:pt x="111" y="187"/>
                  </a:cubicBezTo>
                  <a:cubicBezTo>
                    <a:pt x="107" y="182"/>
                    <a:pt x="105" y="189"/>
                    <a:pt x="101" y="184"/>
                  </a:cubicBezTo>
                  <a:cubicBezTo>
                    <a:pt x="98" y="181"/>
                    <a:pt x="99" y="184"/>
                    <a:pt x="95" y="179"/>
                  </a:cubicBezTo>
                  <a:cubicBezTo>
                    <a:pt x="89" y="175"/>
                    <a:pt x="86" y="178"/>
                    <a:pt x="80" y="171"/>
                  </a:cubicBezTo>
                  <a:cubicBezTo>
                    <a:pt x="73" y="165"/>
                    <a:pt x="73" y="159"/>
                    <a:pt x="75" y="151"/>
                  </a:cubicBezTo>
                  <a:cubicBezTo>
                    <a:pt x="78" y="145"/>
                    <a:pt x="66" y="148"/>
                    <a:pt x="58" y="154"/>
                  </a:cubicBezTo>
                  <a:cubicBezTo>
                    <a:pt x="49" y="162"/>
                    <a:pt x="51" y="164"/>
                    <a:pt x="41" y="161"/>
                  </a:cubicBezTo>
                  <a:cubicBezTo>
                    <a:pt x="37" y="159"/>
                    <a:pt x="37" y="162"/>
                    <a:pt x="34" y="161"/>
                  </a:cubicBezTo>
                  <a:cubicBezTo>
                    <a:pt x="31" y="161"/>
                    <a:pt x="34" y="143"/>
                    <a:pt x="31" y="148"/>
                  </a:cubicBezTo>
                  <a:cubicBezTo>
                    <a:pt x="29" y="151"/>
                    <a:pt x="19" y="156"/>
                    <a:pt x="20" y="148"/>
                  </a:cubicBezTo>
                  <a:cubicBezTo>
                    <a:pt x="20" y="142"/>
                    <a:pt x="11" y="148"/>
                    <a:pt x="13" y="143"/>
                  </a:cubicBezTo>
                  <a:cubicBezTo>
                    <a:pt x="14" y="139"/>
                    <a:pt x="0" y="126"/>
                    <a:pt x="10" y="118"/>
                  </a:cubicBezTo>
                  <a:cubicBezTo>
                    <a:pt x="16" y="115"/>
                    <a:pt x="13" y="108"/>
                    <a:pt x="17" y="101"/>
                  </a:cubicBezTo>
                  <a:cubicBezTo>
                    <a:pt x="23" y="97"/>
                    <a:pt x="25" y="98"/>
                    <a:pt x="31" y="94"/>
                  </a:cubicBezTo>
                  <a:cubicBezTo>
                    <a:pt x="37" y="90"/>
                    <a:pt x="34" y="97"/>
                    <a:pt x="38" y="94"/>
                  </a:cubicBezTo>
                  <a:cubicBezTo>
                    <a:pt x="38" y="92"/>
                    <a:pt x="40" y="76"/>
                    <a:pt x="41" y="70"/>
                  </a:cubicBezTo>
                  <a:cubicBezTo>
                    <a:pt x="43" y="62"/>
                    <a:pt x="40" y="62"/>
                    <a:pt x="41" y="59"/>
                  </a:cubicBezTo>
                  <a:cubicBezTo>
                    <a:pt x="41" y="56"/>
                    <a:pt x="38" y="61"/>
                    <a:pt x="37" y="48"/>
                  </a:cubicBezTo>
                  <a:cubicBezTo>
                    <a:pt x="37" y="45"/>
                    <a:pt x="40" y="47"/>
                    <a:pt x="41" y="45"/>
                  </a:cubicBezTo>
                  <a:cubicBezTo>
                    <a:pt x="41" y="45"/>
                    <a:pt x="43" y="47"/>
                    <a:pt x="45" y="47"/>
                  </a:cubicBezTo>
                  <a:cubicBezTo>
                    <a:pt x="45" y="48"/>
                    <a:pt x="45" y="42"/>
                    <a:pt x="43" y="42"/>
                  </a:cubicBezTo>
                  <a:cubicBezTo>
                    <a:pt x="40" y="42"/>
                    <a:pt x="38" y="42"/>
                    <a:pt x="38" y="42"/>
                  </a:cubicBezTo>
                  <a:cubicBezTo>
                    <a:pt x="38" y="36"/>
                    <a:pt x="38" y="36"/>
                    <a:pt x="38" y="36"/>
                  </a:cubicBezTo>
                  <a:cubicBezTo>
                    <a:pt x="52" y="36"/>
                    <a:pt x="52" y="36"/>
                    <a:pt x="52" y="36"/>
                  </a:cubicBezTo>
                  <a:cubicBezTo>
                    <a:pt x="51" y="34"/>
                    <a:pt x="51" y="31"/>
                    <a:pt x="54" y="34"/>
                  </a:cubicBezTo>
                  <a:cubicBezTo>
                    <a:pt x="55" y="38"/>
                    <a:pt x="57" y="31"/>
                    <a:pt x="58" y="31"/>
                  </a:cubicBezTo>
                  <a:cubicBezTo>
                    <a:pt x="63" y="38"/>
                    <a:pt x="58" y="42"/>
                    <a:pt x="63" y="41"/>
                  </a:cubicBezTo>
                  <a:cubicBezTo>
                    <a:pt x="66" y="47"/>
                    <a:pt x="69" y="44"/>
                    <a:pt x="72" y="45"/>
                  </a:cubicBezTo>
                  <a:cubicBezTo>
                    <a:pt x="76" y="47"/>
                    <a:pt x="75" y="41"/>
                    <a:pt x="81" y="39"/>
                  </a:cubicBezTo>
                  <a:cubicBezTo>
                    <a:pt x="87" y="39"/>
                    <a:pt x="83" y="34"/>
                    <a:pt x="87" y="33"/>
                  </a:cubicBezTo>
                  <a:cubicBezTo>
                    <a:pt x="92" y="30"/>
                    <a:pt x="90" y="27"/>
                    <a:pt x="87" y="28"/>
                  </a:cubicBezTo>
                  <a:cubicBezTo>
                    <a:pt x="84" y="30"/>
                    <a:pt x="84" y="19"/>
                    <a:pt x="81" y="14"/>
                  </a:cubicBezTo>
                  <a:cubicBezTo>
                    <a:pt x="78" y="10"/>
                    <a:pt x="86" y="13"/>
                    <a:pt x="92" y="16"/>
                  </a:cubicBezTo>
                  <a:cubicBezTo>
                    <a:pt x="99" y="20"/>
                    <a:pt x="93" y="11"/>
                    <a:pt x="98" y="13"/>
                  </a:cubicBezTo>
                  <a:cubicBezTo>
                    <a:pt x="102" y="13"/>
                    <a:pt x="113" y="8"/>
                    <a:pt x="111" y="2"/>
                  </a:cubicBezTo>
                  <a:cubicBezTo>
                    <a:pt x="111" y="2"/>
                    <a:pt x="113" y="2"/>
                    <a:pt x="115" y="2"/>
                  </a:cubicBezTo>
                  <a:cubicBezTo>
                    <a:pt x="116" y="0"/>
                    <a:pt x="118" y="3"/>
                    <a:pt x="116" y="6"/>
                  </a:cubicBezTo>
                  <a:cubicBezTo>
                    <a:pt x="115" y="11"/>
                    <a:pt x="122" y="10"/>
                    <a:pt x="119" y="16"/>
                  </a:cubicBezTo>
                  <a:cubicBezTo>
                    <a:pt x="119" y="19"/>
                    <a:pt x="119" y="19"/>
                    <a:pt x="118" y="25"/>
                  </a:cubicBezTo>
                  <a:cubicBezTo>
                    <a:pt x="116" y="31"/>
                    <a:pt x="119" y="28"/>
                    <a:pt x="119" y="33"/>
                  </a:cubicBezTo>
                  <a:cubicBezTo>
                    <a:pt x="119" y="38"/>
                    <a:pt x="125" y="42"/>
                    <a:pt x="127" y="41"/>
                  </a:cubicBezTo>
                  <a:cubicBezTo>
                    <a:pt x="130" y="39"/>
                    <a:pt x="128" y="38"/>
                    <a:pt x="131" y="38"/>
                  </a:cubicBezTo>
                  <a:cubicBezTo>
                    <a:pt x="134" y="39"/>
                    <a:pt x="136" y="34"/>
                    <a:pt x="139" y="33"/>
                  </a:cubicBezTo>
                  <a:cubicBezTo>
                    <a:pt x="142" y="33"/>
                    <a:pt x="140" y="34"/>
                    <a:pt x="145" y="34"/>
                  </a:cubicBezTo>
                  <a:cubicBezTo>
                    <a:pt x="146" y="33"/>
                    <a:pt x="151" y="38"/>
                    <a:pt x="150" y="33"/>
                  </a:cubicBezTo>
                  <a:cubicBezTo>
                    <a:pt x="148" y="30"/>
                    <a:pt x="148" y="28"/>
                    <a:pt x="151" y="30"/>
                  </a:cubicBezTo>
                  <a:cubicBezTo>
                    <a:pt x="153" y="31"/>
                    <a:pt x="157" y="25"/>
                    <a:pt x="157" y="28"/>
                  </a:cubicBezTo>
                  <a:cubicBezTo>
                    <a:pt x="157" y="30"/>
                    <a:pt x="159" y="28"/>
                    <a:pt x="160" y="30"/>
                  </a:cubicBezTo>
                  <a:cubicBezTo>
                    <a:pt x="162" y="33"/>
                    <a:pt x="163" y="33"/>
                    <a:pt x="165" y="31"/>
                  </a:cubicBezTo>
                  <a:cubicBezTo>
                    <a:pt x="166" y="28"/>
                    <a:pt x="166" y="33"/>
                    <a:pt x="169" y="30"/>
                  </a:cubicBezTo>
                  <a:cubicBezTo>
                    <a:pt x="171" y="28"/>
                    <a:pt x="169" y="31"/>
                    <a:pt x="172" y="31"/>
                  </a:cubicBezTo>
                  <a:cubicBezTo>
                    <a:pt x="175" y="31"/>
                    <a:pt x="177" y="24"/>
                    <a:pt x="179" y="20"/>
                  </a:cubicBezTo>
                  <a:cubicBezTo>
                    <a:pt x="182" y="16"/>
                    <a:pt x="182" y="16"/>
                    <a:pt x="183" y="14"/>
                  </a:cubicBezTo>
                  <a:cubicBezTo>
                    <a:pt x="185" y="11"/>
                    <a:pt x="183" y="11"/>
                    <a:pt x="185" y="10"/>
                  </a:cubicBezTo>
                  <a:cubicBezTo>
                    <a:pt x="185" y="10"/>
                    <a:pt x="186" y="13"/>
                    <a:pt x="186" y="14"/>
                  </a:cubicBezTo>
                  <a:cubicBezTo>
                    <a:pt x="188" y="16"/>
                    <a:pt x="188" y="14"/>
                    <a:pt x="188" y="16"/>
                  </a:cubicBezTo>
                  <a:cubicBezTo>
                    <a:pt x="188" y="19"/>
                    <a:pt x="188" y="24"/>
                    <a:pt x="189" y="25"/>
                  </a:cubicBezTo>
                  <a:cubicBezTo>
                    <a:pt x="189" y="25"/>
                    <a:pt x="189" y="27"/>
                    <a:pt x="189" y="28"/>
                  </a:cubicBezTo>
                  <a:cubicBezTo>
                    <a:pt x="189" y="30"/>
                    <a:pt x="191" y="30"/>
                    <a:pt x="191" y="31"/>
                  </a:cubicBezTo>
                  <a:cubicBezTo>
                    <a:pt x="191" y="33"/>
                    <a:pt x="191" y="31"/>
                    <a:pt x="192" y="33"/>
                  </a:cubicBezTo>
                  <a:cubicBezTo>
                    <a:pt x="192" y="34"/>
                    <a:pt x="192" y="36"/>
                    <a:pt x="194" y="36"/>
                  </a:cubicBezTo>
                  <a:cubicBezTo>
                    <a:pt x="197" y="34"/>
                    <a:pt x="198" y="42"/>
                    <a:pt x="197" y="44"/>
                  </a:cubicBezTo>
                  <a:cubicBezTo>
                    <a:pt x="192" y="44"/>
                    <a:pt x="192" y="52"/>
                    <a:pt x="188" y="53"/>
                  </a:cubicBezTo>
                  <a:cubicBezTo>
                    <a:pt x="183" y="55"/>
                    <a:pt x="186" y="56"/>
                    <a:pt x="185" y="59"/>
                  </a:cubicBezTo>
                  <a:cubicBezTo>
                    <a:pt x="182" y="62"/>
                    <a:pt x="189" y="56"/>
                    <a:pt x="188" y="62"/>
                  </a:cubicBezTo>
                  <a:cubicBezTo>
                    <a:pt x="185" y="67"/>
                    <a:pt x="189" y="59"/>
                    <a:pt x="191" y="64"/>
                  </a:cubicBezTo>
                  <a:cubicBezTo>
                    <a:pt x="191" y="69"/>
                    <a:pt x="188" y="53"/>
                    <a:pt x="195" y="55"/>
                  </a:cubicBezTo>
                  <a:cubicBezTo>
                    <a:pt x="203" y="56"/>
                    <a:pt x="200" y="53"/>
                    <a:pt x="206" y="55"/>
                  </a:cubicBezTo>
                  <a:cubicBezTo>
                    <a:pt x="214" y="58"/>
                    <a:pt x="204" y="62"/>
                    <a:pt x="206" y="67"/>
                  </a:cubicBezTo>
                  <a:cubicBezTo>
                    <a:pt x="207" y="70"/>
                    <a:pt x="209" y="59"/>
                    <a:pt x="217" y="59"/>
                  </a:cubicBezTo>
                  <a:cubicBezTo>
                    <a:pt x="223" y="59"/>
                    <a:pt x="223" y="62"/>
                    <a:pt x="226" y="62"/>
                  </a:cubicBezTo>
                  <a:cubicBezTo>
                    <a:pt x="229" y="62"/>
                    <a:pt x="229" y="66"/>
                    <a:pt x="235" y="67"/>
                  </a:cubicBezTo>
                  <a:cubicBezTo>
                    <a:pt x="241" y="69"/>
                    <a:pt x="238" y="70"/>
                    <a:pt x="241" y="73"/>
                  </a:cubicBezTo>
                  <a:cubicBezTo>
                    <a:pt x="242" y="75"/>
                    <a:pt x="238" y="81"/>
                    <a:pt x="239" y="83"/>
                  </a:cubicBezTo>
                  <a:cubicBezTo>
                    <a:pt x="241" y="84"/>
                    <a:pt x="245" y="75"/>
                    <a:pt x="250" y="76"/>
                  </a:cubicBezTo>
                  <a:cubicBezTo>
                    <a:pt x="255" y="78"/>
                    <a:pt x="261" y="81"/>
                    <a:pt x="270" y="80"/>
                  </a:cubicBezTo>
                  <a:cubicBezTo>
                    <a:pt x="277" y="78"/>
                    <a:pt x="281" y="83"/>
                    <a:pt x="287" y="87"/>
                  </a:cubicBezTo>
                  <a:cubicBezTo>
                    <a:pt x="293" y="94"/>
                    <a:pt x="288" y="94"/>
                    <a:pt x="297" y="100"/>
                  </a:cubicBezTo>
                  <a:cubicBezTo>
                    <a:pt x="306" y="106"/>
                    <a:pt x="306" y="100"/>
                    <a:pt x="311" y="104"/>
                  </a:cubicBezTo>
                  <a:cubicBezTo>
                    <a:pt x="316" y="108"/>
                    <a:pt x="316" y="114"/>
                    <a:pt x="317" y="123"/>
                  </a:cubicBezTo>
                  <a:cubicBezTo>
                    <a:pt x="319" y="133"/>
                    <a:pt x="316" y="137"/>
                    <a:pt x="308" y="148"/>
                  </a:cubicBezTo>
                  <a:cubicBezTo>
                    <a:pt x="302" y="161"/>
                    <a:pt x="300" y="156"/>
                    <a:pt x="296" y="168"/>
                  </a:cubicBezTo>
                  <a:cubicBezTo>
                    <a:pt x="291" y="179"/>
                    <a:pt x="290" y="184"/>
                    <a:pt x="287" y="178"/>
                  </a:cubicBezTo>
                  <a:cubicBezTo>
                    <a:pt x="284" y="171"/>
                    <a:pt x="284" y="192"/>
                    <a:pt x="284" y="198"/>
                  </a:cubicBezTo>
                  <a:cubicBezTo>
                    <a:pt x="282" y="204"/>
                    <a:pt x="287" y="206"/>
                    <a:pt x="284" y="213"/>
                  </a:cubicBezTo>
                  <a:cubicBezTo>
                    <a:pt x="281" y="221"/>
                    <a:pt x="284" y="229"/>
                    <a:pt x="281" y="232"/>
                  </a:cubicBezTo>
                  <a:cubicBezTo>
                    <a:pt x="276" y="234"/>
                    <a:pt x="281" y="240"/>
                    <a:pt x="276" y="249"/>
                  </a:cubicBezTo>
                  <a:cubicBezTo>
                    <a:pt x="271" y="259"/>
                    <a:pt x="265" y="262"/>
                    <a:pt x="268" y="268"/>
                  </a:cubicBezTo>
                  <a:cubicBezTo>
                    <a:pt x="270" y="273"/>
                    <a:pt x="259" y="276"/>
                    <a:pt x="261" y="279"/>
                  </a:cubicBezTo>
                  <a:cubicBezTo>
                    <a:pt x="262" y="282"/>
                    <a:pt x="256" y="280"/>
                    <a:pt x="250" y="282"/>
                  </a:cubicBezTo>
                  <a:cubicBezTo>
                    <a:pt x="242" y="283"/>
                    <a:pt x="247" y="280"/>
                    <a:pt x="241" y="282"/>
                  </a:cubicBezTo>
                  <a:cubicBezTo>
                    <a:pt x="236" y="283"/>
                    <a:pt x="238" y="288"/>
                    <a:pt x="223" y="294"/>
                  </a:cubicBezTo>
                  <a:cubicBezTo>
                    <a:pt x="218" y="296"/>
                    <a:pt x="209" y="304"/>
                    <a:pt x="209" y="311"/>
                  </a:cubicBezTo>
                  <a:cubicBezTo>
                    <a:pt x="207" y="321"/>
                    <a:pt x="210" y="329"/>
                    <a:pt x="207" y="336"/>
                  </a:cubicBezTo>
                  <a:cubicBezTo>
                    <a:pt x="203" y="343"/>
                    <a:pt x="203" y="338"/>
                    <a:pt x="198" y="349"/>
                  </a:cubicBezTo>
                  <a:cubicBezTo>
                    <a:pt x="194" y="358"/>
                    <a:pt x="192" y="366"/>
                    <a:pt x="186" y="371"/>
                  </a:cubicBezTo>
                  <a:cubicBezTo>
                    <a:pt x="179" y="377"/>
                    <a:pt x="179" y="377"/>
                    <a:pt x="175" y="385"/>
                  </a:cubicBezTo>
                  <a:cubicBezTo>
                    <a:pt x="175" y="389"/>
                    <a:pt x="171" y="388"/>
                    <a:pt x="168" y="392"/>
                  </a:cubicBezTo>
                </a:path>
              </a:pathLst>
            </a:custGeom>
            <a:solidFill>
              <a:schemeClr val="accent5"/>
            </a:solidFill>
            <a:ln w="6350" cmpd="sng">
              <a:solidFill>
                <a:schemeClr val="bg1"/>
              </a:solidFill>
              <a:round/>
              <a:headEnd/>
              <a:tailEnd/>
            </a:ln>
          </p:spPr>
          <p:txBody>
            <a:bodyPr/>
            <a:lstStyle/>
            <a:p>
              <a:endParaRPr lang="en-GB" sz="1633" dirty="0"/>
            </a:p>
          </p:txBody>
        </p:sp>
        <p:sp>
          <p:nvSpPr>
            <p:cNvPr id="75" name="Freeform 291"/>
            <p:cNvSpPr>
              <a:spLocks/>
            </p:cNvSpPr>
            <p:nvPr/>
          </p:nvSpPr>
          <p:spPr bwMode="auto">
            <a:xfrm>
              <a:off x="3417397" y="5064513"/>
              <a:ext cx="7980" cy="9713"/>
            </a:xfrm>
            <a:custGeom>
              <a:avLst/>
              <a:gdLst/>
              <a:ahLst/>
              <a:cxnLst>
                <a:cxn ang="0">
                  <a:pos x="0" y="0"/>
                </a:cxn>
                <a:cxn ang="0">
                  <a:pos x="1" y="3"/>
                </a:cxn>
                <a:cxn ang="0">
                  <a:pos x="0" y="0"/>
                </a:cxn>
              </a:cxnLst>
              <a:rect l="0" t="0" r="r" b="b"/>
              <a:pathLst>
                <a:path w="3" h="3">
                  <a:moveTo>
                    <a:pt x="0" y="0"/>
                  </a:moveTo>
                  <a:cubicBezTo>
                    <a:pt x="1" y="0"/>
                    <a:pt x="3" y="3"/>
                    <a:pt x="1" y="3"/>
                  </a:cubicBezTo>
                  <a:cubicBezTo>
                    <a:pt x="1" y="3"/>
                    <a:pt x="0" y="2"/>
                    <a:pt x="0" y="0"/>
                  </a:cubicBezTo>
                </a:path>
              </a:pathLst>
            </a:custGeom>
            <a:grpFill/>
            <a:ln w="6350" cmpd="sng">
              <a:solidFill>
                <a:schemeClr val="bg1"/>
              </a:solidFill>
              <a:round/>
              <a:headEnd/>
              <a:tailEnd/>
            </a:ln>
          </p:spPr>
          <p:txBody>
            <a:bodyPr/>
            <a:lstStyle/>
            <a:p>
              <a:endParaRPr lang="en-GB" sz="1633" dirty="0"/>
            </a:p>
          </p:txBody>
        </p:sp>
        <p:sp>
          <p:nvSpPr>
            <p:cNvPr id="76" name="Freeform 292"/>
            <p:cNvSpPr>
              <a:spLocks/>
            </p:cNvSpPr>
            <p:nvPr/>
          </p:nvSpPr>
          <p:spPr bwMode="auto">
            <a:xfrm>
              <a:off x="3417397" y="5111462"/>
              <a:ext cx="11172" cy="12952"/>
            </a:xfrm>
            <a:custGeom>
              <a:avLst/>
              <a:gdLst/>
              <a:ahLst/>
              <a:cxnLst>
                <a:cxn ang="0">
                  <a:pos x="3" y="1"/>
                </a:cxn>
                <a:cxn ang="0">
                  <a:pos x="3" y="4"/>
                </a:cxn>
                <a:cxn ang="0">
                  <a:pos x="3" y="1"/>
                </a:cxn>
              </a:cxnLst>
              <a:rect l="0" t="0" r="r" b="b"/>
              <a:pathLst>
                <a:path w="4" h="4">
                  <a:moveTo>
                    <a:pt x="3" y="1"/>
                  </a:moveTo>
                  <a:cubicBezTo>
                    <a:pt x="4" y="0"/>
                    <a:pt x="3" y="3"/>
                    <a:pt x="3" y="4"/>
                  </a:cubicBezTo>
                  <a:cubicBezTo>
                    <a:pt x="1" y="4"/>
                    <a:pt x="0" y="3"/>
                    <a:pt x="3" y="1"/>
                  </a:cubicBezTo>
                </a:path>
              </a:pathLst>
            </a:custGeom>
            <a:grpFill/>
            <a:ln w="6350" cmpd="sng">
              <a:solidFill>
                <a:schemeClr val="bg1"/>
              </a:solidFill>
              <a:round/>
              <a:headEnd/>
              <a:tailEnd/>
            </a:ln>
          </p:spPr>
          <p:txBody>
            <a:bodyPr/>
            <a:lstStyle/>
            <a:p>
              <a:endParaRPr lang="en-GB" sz="1633" dirty="0"/>
            </a:p>
          </p:txBody>
        </p:sp>
        <p:sp>
          <p:nvSpPr>
            <p:cNvPr id="77" name="Freeform 293"/>
            <p:cNvSpPr>
              <a:spLocks/>
            </p:cNvSpPr>
            <p:nvPr/>
          </p:nvSpPr>
          <p:spPr bwMode="auto">
            <a:xfrm>
              <a:off x="3411014" y="5114700"/>
              <a:ext cx="7980" cy="14570"/>
            </a:xfrm>
            <a:custGeom>
              <a:avLst/>
              <a:gdLst/>
              <a:ahLst/>
              <a:cxnLst>
                <a:cxn ang="0">
                  <a:pos x="3" y="5"/>
                </a:cxn>
                <a:cxn ang="0">
                  <a:pos x="2" y="2"/>
                </a:cxn>
                <a:cxn ang="0">
                  <a:pos x="3" y="2"/>
                </a:cxn>
                <a:cxn ang="0">
                  <a:pos x="3" y="5"/>
                </a:cxn>
              </a:cxnLst>
              <a:rect l="0" t="0" r="r" b="b"/>
              <a:pathLst>
                <a:path w="3" h="5">
                  <a:moveTo>
                    <a:pt x="3" y="5"/>
                  </a:moveTo>
                  <a:cubicBezTo>
                    <a:pt x="0" y="5"/>
                    <a:pt x="2" y="3"/>
                    <a:pt x="2" y="2"/>
                  </a:cubicBezTo>
                  <a:cubicBezTo>
                    <a:pt x="2" y="2"/>
                    <a:pt x="2" y="0"/>
                    <a:pt x="3" y="2"/>
                  </a:cubicBezTo>
                  <a:cubicBezTo>
                    <a:pt x="3" y="3"/>
                    <a:pt x="3" y="5"/>
                    <a:pt x="3" y="5"/>
                  </a:cubicBezTo>
                </a:path>
              </a:pathLst>
            </a:custGeom>
            <a:grpFill/>
            <a:ln w="6350" cmpd="sng">
              <a:solidFill>
                <a:schemeClr val="bg1"/>
              </a:solidFill>
              <a:round/>
              <a:headEnd/>
              <a:tailEnd/>
            </a:ln>
          </p:spPr>
          <p:txBody>
            <a:bodyPr/>
            <a:lstStyle/>
            <a:p>
              <a:endParaRPr lang="en-GB" sz="1633" dirty="0"/>
            </a:p>
          </p:txBody>
        </p:sp>
        <p:sp>
          <p:nvSpPr>
            <p:cNvPr id="78" name="Freeform 294"/>
            <p:cNvSpPr>
              <a:spLocks/>
            </p:cNvSpPr>
            <p:nvPr/>
          </p:nvSpPr>
          <p:spPr bwMode="auto">
            <a:xfrm>
              <a:off x="3391860" y="5138984"/>
              <a:ext cx="9577" cy="9713"/>
            </a:xfrm>
            <a:custGeom>
              <a:avLst/>
              <a:gdLst/>
              <a:ahLst/>
              <a:cxnLst>
                <a:cxn ang="0">
                  <a:pos x="2" y="3"/>
                </a:cxn>
                <a:cxn ang="0">
                  <a:pos x="2" y="0"/>
                </a:cxn>
                <a:cxn ang="0">
                  <a:pos x="2" y="3"/>
                </a:cxn>
              </a:cxnLst>
              <a:rect l="0" t="0" r="r" b="b"/>
              <a:pathLst>
                <a:path w="3" h="3">
                  <a:moveTo>
                    <a:pt x="2" y="3"/>
                  </a:moveTo>
                  <a:cubicBezTo>
                    <a:pt x="0" y="3"/>
                    <a:pt x="2" y="0"/>
                    <a:pt x="2" y="0"/>
                  </a:cubicBezTo>
                  <a:cubicBezTo>
                    <a:pt x="3" y="0"/>
                    <a:pt x="2" y="3"/>
                    <a:pt x="2" y="3"/>
                  </a:cubicBezTo>
                </a:path>
              </a:pathLst>
            </a:custGeom>
            <a:grpFill/>
            <a:ln w="6350" cmpd="sng">
              <a:solidFill>
                <a:schemeClr val="bg1"/>
              </a:solidFill>
              <a:round/>
              <a:headEnd/>
              <a:tailEnd/>
            </a:ln>
          </p:spPr>
          <p:txBody>
            <a:bodyPr/>
            <a:lstStyle/>
            <a:p>
              <a:endParaRPr lang="en-GB" sz="1633" dirty="0"/>
            </a:p>
          </p:txBody>
        </p:sp>
        <p:sp>
          <p:nvSpPr>
            <p:cNvPr id="79" name="Freeform 295"/>
            <p:cNvSpPr>
              <a:spLocks/>
            </p:cNvSpPr>
            <p:nvPr/>
          </p:nvSpPr>
          <p:spPr bwMode="auto">
            <a:xfrm>
              <a:off x="3398245" y="5148697"/>
              <a:ext cx="9577" cy="9713"/>
            </a:xfrm>
            <a:custGeom>
              <a:avLst/>
              <a:gdLst/>
              <a:ahLst/>
              <a:cxnLst>
                <a:cxn ang="0">
                  <a:pos x="1" y="3"/>
                </a:cxn>
                <a:cxn ang="0">
                  <a:pos x="3" y="1"/>
                </a:cxn>
                <a:cxn ang="0">
                  <a:pos x="1" y="3"/>
                </a:cxn>
              </a:cxnLst>
              <a:rect l="0" t="0" r="r" b="b"/>
              <a:pathLst>
                <a:path w="3" h="3">
                  <a:moveTo>
                    <a:pt x="1" y="3"/>
                  </a:moveTo>
                  <a:cubicBezTo>
                    <a:pt x="0" y="3"/>
                    <a:pt x="3" y="0"/>
                    <a:pt x="3" y="1"/>
                  </a:cubicBezTo>
                  <a:cubicBezTo>
                    <a:pt x="3" y="1"/>
                    <a:pt x="3" y="3"/>
                    <a:pt x="1" y="3"/>
                  </a:cubicBezTo>
                </a:path>
              </a:pathLst>
            </a:custGeom>
            <a:grpFill/>
            <a:ln w="6350" cmpd="sng">
              <a:solidFill>
                <a:schemeClr val="bg1"/>
              </a:solidFill>
              <a:round/>
              <a:headEnd/>
              <a:tailEnd/>
            </a:ln>
          </p:spPr>
          <p:txBody>
            <a:bodyPr/>
            <a:lstStyle/>
            <a:p>
              <a:endParaRPr lang="en-GB" sz="1633" dirty="0"/>
            </a:p>
          </p:txBody>
        </p:sp>
        <p:sp>
          <p:nvSpPr>
            <p:cNvPr id="80" name="Freeform 296"/>
            <p:cNvSpPr>
              <a:spLocks/>
            </p:cNvSpPr>
            <p:nvPr/>
          </p:nvSpPr>
          <p:spPr bwMode="auto">
            <a:xfrm>
              <a:off x="3398245" y="5142222"/>
              <a:ext cx="9577" cy="6475"/>
            </a:xfrm>
            <a:custGeom>
              <a:avLst/>
              <a:gdLst/>
              <a:ahLst/>
              <a:cxnLst>
                <a:cxn ang="0">
                  <a:pos x="1" y="2"/>
                </a:cxn>
                <a:cxn ang="0">
                  <a:pos x="3" y="0"/>
                </a:cxn>
                <a:cxn ang="0">
                  <a:pos x="1" y="2"/>
                </a:cxn>
              </a:cxnLst>
              <a:rect l="0" t="0" r="r" b="b"/>
              <a:pathLst>
                <a:path w="3" h="2">
                  <a:moveTo>
                    <a:pt x="1" y="2"/>
                  </a:moveTo>
                  <a:cubicBezTo>
                    <a:pt x="0" y="2"/>
                    <a:pt x="1" y="0"/>
                    <a:pt x="3" y="0"/>
                  </a:cubicBezTo>
                  <a:cubicBezTo>
                    <a:pt x="1" y="2"/>
                    <a:pt x="1" y="2"/>
                    <a:pt x="1" y="2"/>
                  </a:cubicBezTo>
                </a:path>
              </a:pathLst>
            </a:custGeom>
            <a:grpFill/>
            <a:ln w="6350" cmpd="sng">
              <a:solidFill>
                <a:schemeClr val="bg1"/>
              </a:solidFill>
              <a:round/>
              <a:headEnd/>
              <a:tailEnd/>
            </a:ln>
          </p:spPr>
          <p:txBody>
            <a:bodyPr/>
            <a:lstStyle/>
            <a:p>
              <a:endParaRPr lang="en-GB" sz="1633" dirty="0"/>
            </a:p>
          </p:txBody>
        </p:sp>
        <p:sp>
          <p:nvSpPr>
            <p:cNvPr id="81" name="Freeform 297"/>
            <p:cNvSpPr>
              <a:spLocks/>
            </p:cNvSpPr>
            <p:nvPr/>
          </p:nvSpPr>
          <p:spPr bwMode="auto">
            <a:xfrm>
              <a:off x="3418994" y="5104986"/>
              <a:ext cx="9577" cy="9713"/>
            </a:xfrm>
            <a:custGeom>
              <a:avLst/>
              <a:gdLst/>
              <a:ahLst/>
              <a:cxnLst>
                <a:cxn ang="0">
                  <a:pos x="0" y="2"/>
                </a:cxn>
                <a:cxn ang="0">
                  <a:pos x="3" y="2"/>
                </a:cxn>
                <a:cxn ang="0">
                  <a:pos x="0" y="2"/>
                </a:cxn>
              </a:cxnLst>
              <a:rect l="0" t="0" r="r" b="b"/>
              <a:pathLst>
                <a:path w="3" h="3">
                  <a:moveTo>
                    <a:pt x="0" y="2"/>
                  </a:moveTo>
                  <a:cubicBezTo>
                    <a:pt x="0" y="2"/>
                    <a:pt x="2" y="0"/>
                    <a:pt x="3" y="2"/>
                  </a:cubicBezTo>
                  <a:cubicBezTo>
                    <a:pt x="3" y="2"/>
                    <a:pt x="0" y="3"/>
                    <a:pt x="0" y="2"/>
                  </a:cubicBezTo>
                </a:path>
              </a:pathLst>
            </a:custGeom>
            <a:grpFill/>
            <a:ln w="6350" cmpd="sng">
              <a:solidFill>
                <a:schemeClr val="bg1"/>
              </a:solidFill>
              <a:round/>
              <a:headEnd/>
              <a:tailEnd/>
            </a:ln>
          </p:spPr>
          <p:txBody>
            <a:bodyPr/>
            <a:lstStyle/>
            <a:p>
              <a:endParaRPr lang="en-GB" sz="1633" dirty="0"/>
            </a:p>
          </p:txBody>
        </p:sp>
        <p:sp>
          <p:nvSpPr>
            <p:cNvPr id="82" name="Freeform 298"/>
            <p:cNvSpPr>
              <a:spLocks/>
            </p:cNvSpPr>
            <p:nvPr/>
          </p:nvSpPr>
          <p:spPr bwMode="auto">
            <a:xfrm>
              <a:off x="2627354" y="4834834"/>
              <a:ext cx="151625" cy="79329"/>
            </a:xfrm>
            <a:custGeom>
              <a:avLst/>
              <a:gdLst/>
              <a:ahLst/>
              <a:cxnLst>
                <a:cxn ang="0">
                  <a:pos x="46" y="10"/>
                </a:cxn>
                <a:cxn ang="0">
                  <a:pos x="36" y="2"/>
                </a:cxn>
                <a:cxn ang="0">
                  <a:pos x="31" y="0"/>
                </a:cxn>
                <a:cxn ang="0">
                  <a:pos x="25" y="3"/>
                </a:cxn>
                <a:cxn ang="0">
                  <a:pos x="16" y="10"/>
                </a:cxn>
                <a:cxn ang="0">
                  <a:pos x="13" y="6"/>
                </a:cxn>
                <a:cxn ang="0">
                  <a:pos x="11" y="5"/>
                </a:cxn>
                <a:cxn ang="0">
                  <a:pos x="10" y="6"/>
                </a:cxn>
                <a:cxn ang="0">
                  <a:pos x="8" y="6"/>
                </a:cxn>
                <a:cxn ang="0">
                  <a:pos x="8" y="5"/>
                </a:cxn>
                <a:cxn ang="0">
                  <a:pos x="7" y="3"/>
                </a:cxn>
                <a:cxn ang="0">
                  <a:pos x="5" y="2"/>
                </a:cxn>
                <a:cxn ang="0">
                  <a:pos x="4" y="0"/>
                </a:cxn>
                <a:cxn ang="0">
                  <a:pos x="2" y="6"/>
                </a:cxn>
                <a:cxn ang="0">
                  <a:pos x="4" y="8"/>
                </a:cxn>
                <a:cxn ang="0">
                  <a:pos x="2" y="11"/>
                </a:cxn>
                <a:cxn ang="0">
                  <a:pos x="2" y="16"/>
                </a:cxn>
                <a:cxn ang="0">
                  <a:pos x="4" y="14"/>
                </a:cxn>
                <a:cxn ang="0">
                  <a:pos x="11" y="16"/>
                </a:cxn>
                <a:cxn ang="0">
                  <a:pos x="13" y="17"/>
                </a:cxn>
                <a:cxn ang="0">
                  <a:pos x="14" y="19"/>
                </a:cxn>
                <a:cxn ang="0">
                  <a:pos x="16" y="19"/>
                </a:cxn>
                <a:cxn ang="0">
                  <a:pos x="17" y="19"/>
                </a:cxn>
                <a:cxn ang="0">
                  <a:pos x="19" y="24"/>
                </a:cxn>
                <a:cxn ang="0">
                  <a:pos x="22" y="24"/>
                </a:cxn>
                <a:cxn ang="0">
                  <a:pos x="23" y="22"/>
                </a:cxn>
                <a:cxn ang="0">
                  <a:pos x="25" y="19"/>
                </a:cxn>
                <a:cxn ang="0">
                  <a:pos x="22" y="16"/>
                </a:cxn>
                <a:cxn ang="0">
                  <a:pos x="22" y="14"/>
                </a:cxn>
                <a:cxn ang="0">
                  <a:pos x="28" y="10"/>
                </a:cxn>
                <a:cxn ang="0">
                  <a:pos x="28" y="8"/>
                </a:cxn>
                <a:cxn ang="0">
                  <a:pos x="31" y="6"/>
                </a:cxn>
                <a:cxn ang="0">
                  <a:pos x="37" y="11"/>
                </a:cxn>
                <a:cxn ang="0">
                  <a:pos x="39" y="13"/>
                </a:cxn>
                <a:cxn ang="0">
                  <a:pos x="40" y="13"/>
                </a:cxn>
                <a:cxn ang="0">
                  <a:pos x="39" y="17"/>
                </a:cxn>
                <a:cxn ang="0">
                  <a:pos x="42" y="24"/>
                </a:cxn>
                <a:cxn ang="0">
                  <a:pos x="43" y="19"/>
                </a:cxn>
                <a:cxn ang="0">
                  <a:pos x="46" y="20"/>
                </a:cxn>
                <a:cxn ang="0">
                  <a:pos x="48" y="17"/>
                </a:cxn>
                <a:cxn ang="0">
                  <a:pos x="46" y="10"/>
                </a:cxn>
              </a:cxnLst>
              <a:rect l="0" t="0" r="r" b="b"/>
              <a:pathLst>
                <a:path w="49" h="25">
                  <a:moveTo>
                    <a:pt x="46" y="10"/>
                  </a:moveTo>
                  <a:cubicBezTo>
                    <a:pt x="43" y="6"/>
                    <a:pt x="40" y="2"/>
                    <a:pt x="36" y="2"/>
                  </a:cubicBezTo>
                  <a:cubicBezTo>
                    <a:pt x="31" y="3"/>
                    <a:pt x="36" y="2"/>
                    <a:pt x="31" y="0"/>
                  </a:cubicBezTo>
                  <a:cubicBezTo>
                    <a:pt x="26" y="0"/>
                    <a:pt x="29" y="2"/>
                    <a:pt x="25" y="3"/>
                  </a:cubicBezTo>
                  <a:cubicBezTo>
                    <a:pt x="16" y="8"/>
                    <a:pt x="23" y="6"/>
                    <a:pt x="16" y="10"/>
                  </a:cubicBezTo>
                  <a:cubicBezTo>
                    <a:pt x="14" y="10"/>
                    <a:pt x="13" y="8"/>
                    <a:pt x="13" y="6"/>
                  </a:cubicBezTo>
                  <a:cubicBezTo>
                    <a:pt x="11" y="5"/>
                    <a:pt x="11" y="6"/>
                    <a:pt x="11" y="5"/>
                  </a:cubicBezTo>
                  <a:cubicBezTo>
                    <a:pt x="11" y="5"/>
                    <a:pt x="10" y="5"/>
                    <a:pt x="10" y="6"/>
                  </a:cubicBezTo>
                  <a:cubicBezTo>
                    <a:pt x="10" y="8"/>
                    <a:pt x="8" y="6"/>
                    <a:pt x="8" y="6"/>
                  </a:cubicBezTo>
                  <a:cubicBezTo>
                    <a:pt x="8" y="5"/>
                    <a:pt x="8" y="5"/>
                    <a:pt x="8" y="5"/>
                  </a:cubicBezTo>
                  <a:cubicBezTo>
                    <a:pt x="8" y="3"/>
                    <a:pt x="7" y="5"/>
                    <a:pt x="7" y="3"/>
                  </a:cubicBezTo>
                  <a:cubicBezTo>
                    <a:pt x="7" y="2"/>
                    <a:pt x="7" y="2"/>
                    <a:pt x="5" y="2"/>
                  </a:cubicBezTo>
                  <a:cubicBezTo>
                    <a:pt x="4" y="2"/>
                    <a:pt x="4" y="0"/>
                    <a:pt x="4" y="0"/>
                  </a:cubicBezTo>
                  <a:cubicBezTo>
                    <a:pt x="2" y="0"/>
                    <a:pt x="2" y="3"/>
                    <a:pt x="2" y="6"/>
                  </a:cubicBezTo>
                  <a:cubicBezTo>
                    <a:pt x="2" y="6"/>
                    <a:pt x="5" y="6"/>
                    <a:pt x="4" y="8"/>
                  </a:cubicBezTo>
                  <a:cubicBezTo>
                    <a:pt x="2" y="10"/>
                    <a:pt x="4" y="10"/>
                    <a:pt x="2" y="11"/>
                  </a:cubicBezTo>
                  <a:cubicBezTo>
                    <a:pt x="2" y="13"/>
                    <a:pt x="0" y="13"/>
                    <a:pt x="2" y="16"/>
                  </a:cubicBezTo>
                  <a:cubicBezTo>
                    <a:pt x="2" y="14"/>
                    <a:pt x="4" y="13"/>
                    <a:pt x="4" y="14"/>
                  </a:cubicBezTo>
                  <a:cubicBezTo>
                    <a:pt x="8" y="14"/>
                    <a:pt x="11" y="16"/>
                    <a:pt x="11" y="16"/>
                  </a:cubicBezTo>
                  <a:cubicBezTo>
                    <a:pt x="13" y="14"/>
                    <a:pt x="11" y="16"/>
                    <a:pt x="13" y="17"/>
                  </a:cubicBezTo>
                  <a:cubicBezTo>
                    <a:pt x="13" y="17"/>
                    <a:pt x="13" y="19"/>
                    <a:pt x="14" y="19"/>
                  </a:cubicBezTo>
                  <a:cubicBezTo>
                    <a:pt x="16" y="20"/>
                    <a:pt x="16" y="20"/>
                    <a:pt x="16" y="19"/>
                  </a:cubicBezTo>
                  <a:cubicBezTo>
                    <a:pt x="16" y="17"/>
                    <a:pt x="17" y="17"/>
                    <a:pt x="17" y="19"/>
                  </a:cubicBezTo>
                  <a:cubicBezTo>
                    <a:pt x="17" y="19"/>
                    <a:pt x="19" y="22"/>
                    <a:pt x="19" y="24"/>
                  </a:cubicBezTo>
                  <a:cubicBezTo>
                    <a:pt x="17" y="25"/>
                    <a:pt x="20" y="24"/>
                    <a:pt x="22" y="24"/>
                  </a:cubicBezTo>
                  <a:cubicBezTo>
                    <a:pt x="23" y="24"/>
                    <a:pt x="22" y="22"/>
                    <a:pt x="23" y="22"/>
                  </a:cubicBezTo>
                  <a:cubicBezTo>
                    <a:pt x="25" y="22"/>
                    <a:pt x="26" y="22"/>
                    <a:pt x="25" y="19"/>
                  </a:cubicBezTo>
                  <a:cubicBezTo>
                    <a:pt x="22" y="16"/>
                    <a:pt x="23" y="16"/>
                    <a:pt x="22" y="16"/>
                  </a:cubicBezTo>
                  <a:cubicBezTo>
                    <a:pt x="22" y="16"/>
                    <a:pt x="20" y="14"/>
                    <a:pt x="22" y="14"/>
                  </a:cubicBezTo>
                  <a:cubicBezTo>
                    <a:pt x="26" y="13"/>
                    <a:pt x="26" y="11"/>
                    <a:pt x="28" y="10"/>
                  </a:cubicBezTo>
                  <a:cubicBezTo>
                    <a:pt x="28" y="10"/>
                    <a:pt x="26" y="8"/>
                    <a:pt x="28" y="8"/>
                  </a:cubicBezTo>
                  <a:cubicBezTo>
                    <a:pt x="29" y="8"/>
                    <a:pt x="29" y="6"/>
                    <a:pt x="31" y="6"/>
                  </a:cubicBezTo>
                  <a:cubicBezTo>
                    <a:pt x="34" y="6"/>
                    <a:pt x="37" y="10"/>
                    <a:pt x="37" y="11"/>
                  </a:cubicBezTo>
                  <a:cubicBezTo>
                    <a:pt x="37" y="11"/>
                    <a:pt x="37" y="13"/>
                    <a:pt x="39" y="13"/>
                  </a:cubicBezTo>
                  <a:cubicBezTo>
                    <a:pt x="39" y="11"/>
                    <a:pt x="39" y="13"/>
                    <a:pt x="40" y="13"/>
                  </a:cubicBezTo>
                  <a:cubicBezTo>
                    <a:pt x="40" y="11"/>
                    <a:pt x="37" y="16"/>
                    <a:pt x="39" y="17"/>
                  </a:cubicBezTo>
                  <a:cubicBezTo>
                    <a:pt x="40" y="19"/>
                    <a:pt x="40" y="22"/>
                    <a:pt x="42" y="24"/>
                  </a:cubicBezTo>
                  <a:cubicBezTo>
                    <a:pt x="43" y="20"/>
                    <a:pt x="42" y="22"/>
                    <a:pt x="43" y="19"/>
                  </a:cubicBezTo>
                  <a:cubicBezTo>
                    <a:pt x="43" y="19"/>
                    <a:pt x="45" y="22"/>
                    <a:pt x="46" y="20"/>
                  </a:cubicBezTo>
                  <a:cubicBezTo>
                    <a:pt x="48" y="19"/>
                    <a:pt x="46" y="17"/>
                    <a:pt x="48" y="17"/>
                  </a:cubicBezTo>
                  <a:cubicBezTo>
                    <a:pt x="49" y="17"/>
                    <a:pt x="45" y="13"/>
                    <a:pt x="46" y="10"/>
                  </a:cubicBezTo>
                </a:path>
              </a:pathLst>
            </a:custGeom>
            <a:solidFill>
              <a:schemeClr val="accent5"/>
            </a:solidFill>
            <a:ln w="6350" cmpd="sng">
              <a:solidFill>
                <a:schemeClr val="bg1"/>
              </a:solidFill>
              <a:round/>
              <a:headEnd/>
              <a:tailEnd/>
            </a:ln>
          </p:spPr>
          <p:txBody>
            <a:bodyPr/>
            <a:lstStyle/>
            <a:p>
              <a:endParaRPr lang="en-GB" sz="1633" dirty="0"/>
            </a:p>
          </p:txBody>
        </p:sp>
        <p:sp>
          <p:nvSpPr>
            <p:cNvPr id="83" name="Freeform 299"/>
            <p:cNvSpPr>
              <a:spLocks/>
            </p:cNvSpPr>
            <p:nvPr/>
          </p:nvSpPr>
          <p:spPr bwMode="auto">
            <a:xfrm>
              <a:off x="2646506" y="4894524"/>
              <a:ext cx="7980" cy="16190"/>
            </a:xfrm>
            <a:custGeom>
              <a:avLst/>
              <a:gdLst/>
              <a:ahLst/>
              <a:cxnLst>
                <a:cxn ang="0">
                  <a:pos x="2" y="3"/>
                </a:cxn>
                <a:cxn ang="0">
                  <a:pos x="0" y="2"/>
                </a:cxn>
                <a:cxn ang="0">
                  <a:pos x="2" y="3"/>
                </a:cxn>
                <a:cxn ang="0">
                  <a:pos x="2" y="3"/>
                </a:cxn>
              </a:cxnLst>
              <a:rect l="0" t="0" r="r" b="b"/>
              <a:pathLst>
                <a:path w="3" h="5">
                  <a:moveTo>
                    <a:pt x="2" y="3"/>
                  </a:moveTo>
                  <a:cubicBezTo>
                    <a:pt x="0" y="3"/>
                    <a:pt x="0" y="2"/>
                    <a:pt x="0" y="2"/>
                  </a:cubicBezTo>
                  <a:cubicBezTo>
                    <a:pt x="2" y="0"/>
                    <a:pt x="2" y="2"/>
                    <a:pt x="2" y="3"/>
                  </a:cubicBezTo>
                  <a:cubicBezTo>
                    <a:pt x="3" y="3"/>
                    <a:pt x="3" y="5"/>
                    <a:pt x="2" y="3"/>
                  </a:cubicBezTo>
                </a:path>
              </a:pathLst>
            </a:custGeom>
            <a:grpFill/>
            <a:ln w="6350" cmpd="sng">
              <a:solidFill>
                <a:schemeClr val="bg1"/>
              </a:solidFill>
              <a:round/>
              <a:headEnd/>
              <a:tailEnd/>
            </a:ln>
          </p:spPr>
          <p:txBody>
            <a:bodyPr/>
            <a:lstStyle/>
            <a:p>
              <a:endParaRPr lang="en-GB" sz="1633" dirty="0"/>
            </a:p>
          </p:txBody>
        </p:sp>
        <p:sp>
          <p:nvSpPr>
            <p:cNvPr id="84" name="Freeform 300"/>
            <p:cNvSpPr>
              <a:spLocks/>
            </p:cNvSpPr>
            <p:nvPr/>
          </p:nvSpPr>
          <p:spPr bwMode="auto">
            <a:xfrm>
              <a:off x="2716732" y="4868620"/>
              <a:ext cx="6384" cy="9713"/>
            </a:xfrm>
            <a:custGeom>
              <a:avLst/>
              <a:gdLst/>
              <a:ahLst/>
              <a:cxnLst>
                <a:cxn ang="0">
                  <a:pos x="0" y="3"/>
                </a:cxn>
                <a:cxn ang="0">
                  <a:pos x="2" y="0"/>
                </a:cxn>
                <a:cxn ang="0">
                  <a:pos x="0" y="3"/>
                </a:cxn>
              </a:cxnLst>
              <a:rect l="0" t="0" r="r" b="b"/>
              <a:pathLst>
                <a:path w="2" h="3">
                  <a:moveTo>
                    <a:pt x="0" y="3"/>
                  </a:moveTo>
                  <a:cubicBezTo>
                    <a:pt x="0" y="2"/>
                    <a:pt x="0" y="0"/>
                    <a:pt x="2" y="0"/>
                  </a:cubicBezTo>
                  <a:cubicBezTo>
                    <a:pt x="2" y="2"/>
                    <a:pt x="2" y="3"/>
                    <a:pt x="0" y="3"/>
                  </a:cubicBezTo>
                </a:path>
              </a:pathLst>
            </a:custGeom>
            <a:grpFill/>
            <a:ln w="6350" cmpd="sng">
              <a:solidFill>
                <a:schemeClr val="bg1"/>
              </a:solidFill>
              <a:round/>
              <a:headEnd/>
              <a:tailEnd/>
            </a:ln>
          </p:spPr>
          <p:txBody>
            <a:bodyPr/>
            <a:lstStyle/>
            <a:p>
              <a:endParaRPr lang="en-GB" sz="1633" dirty="0"/>
            </a:p>
          </p:txBody>
        </p:sp>
        <p:sp>
          <p:nvSpPr>
            <p:cNvPr id="85" name="Freeform 6"/>
            <p:cNvSpPr>
              <a:spLocks/>
            </p:cNvSpPr>
            <p:nvPr/>
          </p:nvSpPr>
          <p:spPr bwMode="auto">
            <a:xfrm>
              <a:off x="6070433" y="3408639"/>
              <a:ext cx="448292" cy="305283"/>
            </a:xfrm>
            <a:custGeom>
              <a:avLst/>
              <a:gdLst/>
              <a:ahLst/>
              <a:cxnLst>
                <a:cxn ang="0">
                  <a:pos x="14" y="19"/>
                </a:cxn>
                <a:cxn ang="0">
                  <a:pos x="14" y="27"/>
                </a:cxn>
                <a:cxn ang="0">
                  <a:pos x="6" y="41"/>
                </a:cxn>
                <a:cxn ang="0">
                  <a:pos x="3" y="46"/>
                </a:cxn>
                <a:cxn ang="0">
                  <a:pos x="5" y="53"/>
                </a:cxn>
                <a:cxn ang="0">
                  <a:pos x="6" y="55"/>
                </a:cxn>
                <a:cxn ang="0">
                  <a:pos x="12" y="55"/>
                </a:cxn>
                <a:cxn ang="0">
                  <a:pos x="24" y="58"/>
                </a:cxn>
                <a:cxn ang="0">
                  <a:pos x="37" y="52"/>
                </a:cxn>
                <a:cxn ang="0">
                  <a:pos x="52" y="53"/>
                </a:cxn>
                <a:cxn ang="0">
                  <a:pos x="56" y="58"/>
                </a:cxn>
                <a:cxn ang="0">
                  <a:pos x="61" y="67"/>
                </a:cxn>
                <a:cxn ang="0">
                  <a:pos x="62" y="74"/>
                </a:cxn>
                <a:cxn ang="0">
                  <a:pos x="55" y="75"/>
                </a:cxn>
                <a:cxn ang="0">
                  <a:pos x="49" y="84"/>
                </a:cxn>
                <a:cxn ang="0">
                  <a:pos x="56" y="86"/>
                </a:cxn>
                <a:cxn ang="0">
                  <a:pos x="59" y="83"/>
                </a:cxn>
                <a:cxn ang="0">
                  <a:pos x="68" y="74"/>
                </a:cxn>
                <a:cxn ang="0">
                  <a:pos x="78" y="70"/>
                </a:cxn>
                <a:cxn ang="0">
                  <a:pos x="82" y="72"/>
                </a:cxn>
                <a:cxn ang="0">
                  <a:pos x="81" y="77"/>
                </a:cxn>
                <a:cxn ang="0">
                  <a:pos x="91" y="78"/>
                </a:cxn>
                <a:cxn ang="0">
                  <a:pos x="91" y="91"/>
                </a:cxn>
                <a:cxn ang="0">
                  <a:pos x="100" y="92"/>
                </a:cxn>
                <a:cxn ang="0">
                  <a:pos x="113" y="89"/>
                </a:cxn>
                <a:cxn ang="0">
                  <a:pos x="111" y="84"/>
                </a:cxn>
                <a:cxn ang="0">
                  <a:pos x="102" y="75"/>
                </a:cxn>
                <a:cxn ang="0">
                  <a:pos x="111" y="70"/>
                </a:cxn>
                <a:cxn ang="0">
                  <a:pos x="128" y="66"/>
                </a:cxn>
                <a:cxn ang="0">
                  <a:pos x="141" y="55"/>
                </a:cxn>
                <a:cxn ang="0">
                  <a:pos x="141" y="46"/>
                </a:cxn>
                <a:cxn ang="0">
                  <a:pos x="143" y="41"/>
                </a:cxn>
                <a:cxn ang="0">
                  <a:pos x="138" y="35"/>
                </a:cxn>
                <a:cxn ang="0">
                  <a:pos x="125" y="30"/>
                </a:cxn>
                <a:cxn ang="0">
                  <a:pos x="108" y="27"/>
                </a:cxn>
                <a:cxn ang="0">
                  <a:pos x="99" y="16"/>
                </a:cxn>
                <a:cxn ang="0">
                  <a:pos x="97" y="8"/>
                </a:cxn>
                <a:cxn ang="0">
                  <a:pos x="88" y="3"/>
                </a:cxn>
                <a:cxn ang="0">
                  <a:pos x="76" y="5"/>
                </a:cxn>
                <a:cxn ang="0">
                  <a:pos x="65" y="14"/>
                </a:cxn>
                <a:cxn ang="0">
                  <a:pos x="53" y="13"/>
                </a:cxn>
                <a:cxn ang="0">
                  <a:pos x="38" y="10"/>
                </a:cxn>
                <a:cxn ang="0">
                  <a:pos x="15" y="11"/>
                </a:cxn>
              </a:cxnLst>
              <a:rect l="0" t="0" r="r" b="b"/>
              <a:pathLst>
                <a:path w="144" h="98">
                  <a:moveTo>
                    <a:pt x="12" y="13"/>
                  </a:moveTo>
                  <a:cubicBezTo>
                    <a:pt x="14" y="16"/>
                    <a:pt x="11" y="14"/>
                    <a:pt x="14" y="19"/>
                  </a:cubicBezTo>
                  <a:cubicBezTo>
                    <a:pt x="20" y="24"/>
                    <a:pt x="14" y="21"/>
                    <a:pt x="15" y="22"/>
                  </a:cubicBezTo>
                  <a:cubicBezTo>
                    <a:pt x="17" y="24"/>
                    <a:pt x="18" y="25"/>
                    <a:pt x="14" y="27"/>
                  </a:cubicBezTo>
                  <a:cubicBezTo>
                    <a:pt x="12" y="27"/>
                    <a:pt x="8" y="32"/>
                    <a:pt x="6" y="35"/>
                  </a:cubicBezTo>
                  <a:cubicBezTo>
                    <a:pt x="3" y="38"/>
                    <a:pt x="6" y="39"/>
                    <a:pt x="6" y="41"/>
                  </a:cubicBezTo>
                  <a:cubicBezTo>
                    <a:pt x="5" y="42"/>
                    <a:pt x="9" y="44"/>
                    <a:pt x="3" y="42"/>
                  </a:cubicBezTo>
                  <a:cubicBezTo>
                    <a:pt x="5" y="44"/>
                    <a:pt x="3" y="44"/>
                    <a:pt x="3" y="46"/>
                  </a:cubicBezTo>
                  <a:cubicBezTo>
                    <a:pt x="3" y="47"/>
                    <a:pt x="2" y="46"/>
                    <a:pt x="0" y="50"/>
                  </a:cubicBezTo>
                  <a:cubicBezTo>
                    <a:pt x="5" y="52"/>
                    <a:pt x="3" y="55"/>
                    <a:pt x="5" y="53"/>
                  </a:cubicBezTo>
                  <a:cubicBezTo>
                    <a:pt x="6" y="53"/>
                    <a:pt x="6" y="55"/>
                    <a:pt x="6" y="55"/>
                  </a:cubicBezTo>
                  <a:cubicBezTo>
                    <a:pt x="6" y="55"/>
                    <a:pt x="6" y="55"/>
                    <a:pt x="6" y="55"/>
                  </a:cubicBezTo>
                  <a:cubicBezTo>
                    <a:pt x="8" y="55"/>
                    <a:pt x="8" y="56"/>
                    <a:pt x="8" y="55"/>
                  </a:cubicBezTo>
                  <a:cubicBezTo>
                    <a:pt x="9" y="53"/>
                    <a:pt x="9" y="55"/>
                    <a:pt x="12" y="55"/>
                  </a:cubicBezTo>
                  <a:cubicBezTo>
                    <a:pt x="17" y="55"/>
                    <a:pt x="17" y="56"/>
                    <a:pt x="18" y="56"/>
                  </a:cubicBezTo>
                  <a:cubicBezTo>
                    <a:pt x="21" y="55"/>
                    <a:pt x="21" y="60"/>
                    <a:pt x="24" y="58"/>
                  </a:cubicBezTo>
                  <a:cubicBezTo>
                    <a:pt x="26" y="56"/>
                    <a:pt x="24" y="56"/>
                    <a:pt x="29" y="56"/>
                  </a:cubicBezTo>
                  <a:cubicBezTo>
                    <a:pt x="34" y="55"/>
                    <a:pt x="32" y="53"/>
                    <a:pt x="37" y="52"/>
                  </a:cubicBezTo>
                  <a:cubicBezTo>
                    <a:pt x="38" y="50"/>
                    <a:pt x="41" y="50"/>
                    <a:pt x="43" y="50"/>
                  </a:cubicBezTo>
                  <a:cubicBezTo>
                    <a:pt x="44" y="49"/>
                    <a:pt x="50" y="53"/>
                    <a:pt x="52" y="53"/>
                  </a:cubicBezTo>
                  <a:cubicBezTo>
                    <a:pt x="53" y="52"/>
                    <a:pt x="53" y="56"/>
                    <a:pt x="56" y="55"/>
                  </a:cubicBezTo>
                  <a:cubicBezTo>
                    <a:pt x="58" y="55"/>
                    <a:pt x="58" y="56"/>
                    <a:pt x="56" y="58"/>
                  </a:cubicBezTo>
                  <a:cubicBezTo>
                    <a:pt x="55" y="61"/>
                    <a:pt x="58" y="63"/>
                    <a:pt x="59" y="63"/>
                  </a:cubicBezTo>
                  <a:cubicBezTo>
                    <a:pt x="61" y="63"/>
                    <a:pt x="58" y="66"/>
                    <a:pt x="61" y="67"/>
                  </a:cubicBezTo>
                  <a:cubicBezTo>
                    <a:pt x="64" y="69"/>
                    <a:pt x="61" y="72"/>
                    <a:pt x="62" y="74"/>
                  </a:cubicBezTo>
                  <a:cubicBezTo>
                    <a:pt x="65" y="74"/>
                    <a:pt x="62" y="75"/>
                    <a:pt x="62" y="74"/>
                  </a:cubicBezTo>
                  <a:cubicBezTo>
                    <a:pt x="61" y="74"/>
                    <a:pt x="58" y="75"/>
                    <a:pt x="56" y="74"/>
                  </a:cubicBezTo>
                  <a:cubicBezTo>
                    <a:pt x="55" y="72"/>
                    <a:pt x="53" y="74"/>
                    <a:pt x="55" y="75"/>
                  </a:cubicBezTo>
                  <a:cubicBezTo>
                    <a:pt x="56" y="78"/>
                    <a:pt x="50" y="81"/>
                    <a:pt x="52" y="83"/>
                  </a:cubicBezTo>
                  <a:cubicBezTo>
                    <a:pt x="52" y="84"/>
                    <a:pt x="50" y="84"/>
                    <a:pt x="49" y="84"/>
                  </a:cubicBezTo>
                  <a:cubicBezTo>
                    <a:pt x="52" y="88"/>
                    <a:pt x="53" y="88"/>
                    <a:pt x="53" y="88"/>
                  </a:cubicBezTo>
                  <a:cubicBezTo>
                    <a:pt x="53" y="86"/>
                    <a:pt x="55" y="88"/>
                    <a:pt x="56" y="86"/>
                  </a:cubicBezTo>
                  <a:cubicBezTo>
                    <a:pt x="56" y="84"/>
                    <a:pt x="59" y="84"/>
                    <a:pt x="61" y="88"/>
                  </a:cubicBezTo>
                  <a:cubicBezTo>
                    <a:pt x="61" y="84"/>
                    <a:pt x="61" y="86"/>
                    <a:pt x="59" y="83"/>
                  </a:cubicBezTo>
                  <a:cubicBezTo>
                    <a:pt x="59" y="80"/>
                    <a:pt x="61" y="83"/>
                    <a:pt x="64" y="81"/>
                  </a:cubicBezTo>
                  <a:cubicBezTo>
                    <a:pt x="67" y="78"/>
                    <a:pt x="68" y="77"/>
                    <a:pt x="68" y="74"/>
                  </a:cubicBezTo>
                  <a:cubicBezTo>
                    <a:pt x="68" y="70"/>
                    <a:pt x="73" y="72"/>
                    <a:pt x="75" y="70"/>
                  </a:cubicBezTo>
                  <a:cubicBezTo>
                    <a:pt x="76" y="70"/>
                    <a:pt x="78" y="72"/>
                    <a:pt x="78" y="70"/>
                  </a:cubicBezTo>
                  <a:cubicBezTo>
                    <a:pt x="78" y="67"/>
                    <a:pt x="78" y="64"/>
                    <a:pt x="79" y="67"/>
                  </a:cubicBezTo>
                  <a:cubicBezTo>
                    <a:pt x="79" y="70"/>
                    <a:pt x="78" y="72"/>
                    <a:pt x="82" y="72"/>
                  </a:cubicBezTo>
                  <a:cubicBezTo>
                    <a:pt x="79" y="74"/>
                    <a:pt x="76" y="70"/>
                    <a:pt x="76" y="72"/>
                  </a:cubicBezTo>
                  <a:cubicBezTo>
                    <a:pt x="75" y="74"/>
                    <a:pt x="81" y="75"/>
                    <a:pt x="81" y="77"/>
                  </a:cubicBezTo>
                  <a:cubicBezTo>
                    <a:pt x="81" y="78"/>
                    <a:pt x="87" y="77"/>
                    <a:pt x="88" y="77"/>
                  </a:cubicBezTo>
                  <a:cubicBezTo>
                    <a:pt x="90" y="78"/>
                    <a:pt x="91" y="75"/>
                    <a:pt x="91" y="78"/>
                  </a:cubicBezTo>
                  <a:cubicBezTo>
                    <a:pt x="93" y="81"/>
                    <a:pt x="82" y="83"/>
                    <a:pt x="82" y="86"/>
                  </a:cubicBezTo>
                  <a:cubicBezTo>
                    <a:pt x="84" y="88"/>
                    <a:pt x="91" y="86"/>
                    <a:pt x="91" y="91"/>
                  </a:cubicBezTo>
                  <a:cubicBezTo>
                    <a:pt x="91" y="95"/>
                    <a:pt x="88" y="92"/>
                    <a:pt x="91" y="95"/>
                  </a:cubicBezTo>
                  <a:cubicBezTo>
                    <a:pt x="94" y="98"/>
                    <a:pt x="97" y="94"/>
                    <a:pt x="100" y="92"/>
                  </a:cubicBezTo>
                  <a:cubicBezTo>
                    <a:pt x="103" y="91"/>
                    <a:pt x="102" y="94"/>
                    <a:pt x="105" y="91"/>
                  </a:cubicBezTo>
                  <a:cubicBezTo>
                    <a:pt x="108" y="86"/>
                    <a:pt x="108" y="91"/>
                    <a:pt x="113" y="89"/>
                  </a:cubicBezTo>
                  <a:cubicBezTo>
                    <a:pt x="117" y="88"/>
                    <a:pt x="113" y="89"/>
                    <a:pt x="114" y="86"/>
                  </a:cubicBezTo>
                  <a:cubicBezTo>
                    <a:pt x="116" y="84"/>
                    <a:pt x="114" y="83"/>
                    <a:pt x="111" y="84"/>
                  </a:cubicBezTo>
                  <a:cubicBezTo>
                    <a:pt x="106" y="86"/>
                    <a:pt x="106" y="89"/>
                    <a:pt x="103" y="83"/>
                  </a:cubicBezTo>
                  <a:cubicBezTo>
                    <a:pt x="99" y="77"/>
                    <a:pt x="100" y="77"/>
                    <a:pt x="102" y="75"/>
                  </a:cubicBezTo>
                  <a:cubicBezTo>
                    <a:pt x="106" y="74"/>
                    <a:pt x="102" y="78"/>
                    <a:pt x="105" y="77"/>
                  </a:cubicBezTo>
                  <a:cubicBezTo>
                    <a:pt x="106" y="75"/>
                    <a:pt x="110" y="70"/>
                    <a:pt x="111" y="70"/>
                  </a:cubicBezTo>
                  <a:cubicBezTo>
                    <a:pt x="116" y="72"/>
                    <a:pt x="123" y="66"/>
                    <a:pt x="125" y="66"/>
                  </a:cubicBezTo>
                  <a:cubicBezTo>
                    <a:pt x="128" y="66"/>
                    <a:pt x="126" y="67"/>
                    <a:pt x="128" y="66"/>
                  </a:cubicBezTo>
                  <a:cubicBezTo>
                    <a:pt x="126" y="56"/>
                    <a:pt x="132" y="61"/>
                    <a:pt x="132" y="58"/>
                  </a:cubicBezTo>
                  <a:cubicBezTo>
                    <a:pt x="134" y="55"/>
                    <a:pt x="140" y="58"/>
                    <a:pt x="141" y="55"/>
                  </a:cubicBezTo>
                  <a:cubicBezTo>
                    <a:pt x="143" y="53"/>
                    <a:pt x="141" y="50"/>
                    <a:pt x="140" y="49"/>
                  </a:cubicBezTo>
                  <a:cubicBezTo>
                    <a:pt x="138" y="47"/>
                    <a:pt x="140" y="46"/>
                    <a:pt x="141" y="46"/>
                  </a:cubicBezTo>
                  <a:cubicBezTo>
                    <a:pt x="144" y="46"/>
                    <a:pt x="143" y="44"/>
                    <a:pt x="141" y="44"/>
                  </a:cubicBezTo>
                  <a:cubicBezTo>
                    <a:pt x="140" y="44"/>
                    <a:pt x="140" y="42"/>
                    <a:pt x="143" y="41"/>
                  </a:cubicBezTo>
                  <a:cubicBezTo>
                    <a:pt x="144" y="39"/>
                    <a:pt x="143" y="39"/>
                    <a:pt x="143" y="36"/>
                  </a:cubicBezTo>
                  <a:cubicBezTo>
                    <a:pt x="143" y="35"/>
                    <a:pt x="140" y="38"/>
                    <a:pt x="138" y="35"/>
                  </a:cubicBezTo>
                  <a:cubicBezTo>
                    <a:pt x="137" y="32"/>
                    <a:pt x="134" y="35"/>
                    <a:pt x="132" y="33"/>
                  </a:cubicBezTo>
                  <a:cubicBezTo>
                    <a:pt x="129" y="28"/>
                    <a:pt x="128" y="33"/>
                    <a:pt x="125" y="30"/>
                  </a:cubicBezTo>
                  <a:cubicBezTo>
                    <a:pt x="122" y="28"/>
                    <a:pt x="123" y="24"/>
                    <a:pt x="119" y="27"/>
                  </a:cubicBezTo>
                  <a:cubicBezTo>
                    <a:pt x="113" y="30"/>
                    <a:pt x="113" y="25"/>
                    <a:pt x="108" y="27"/>
                  </a:cubicBezTo>
                  <a:cubicBezTo>
                    <a:pt x="105" y="28"/>
                    <a:pt x="108" y="22"/>
                    <a:pt x="105" y="19"/>
                  </a:cubicBezTo>
                  <a:cubicBezTo>
                    <a:pt x="102" y="14"/>
                    <a:pt x="102" y="17"/>
                    <a:pt x="99" y="16"/>
                  </a:cubicBezTo>
                  <a:cubicBezTo>
                    <a:pt x="96" y="16"/>
                    <a:pt x="99" y="16"/>
                    <a:pt x="96" y="13"/>
                  </a:cubicBezTo>
                  <a:cubicBezTo>
                    <a:pt x="94" y="11"/>
                    <a:pt x="100" y="10"/>
                    <a:pt x="97" y="8"/>
                  </a:cubicBezTo>
                  <a:cubicBezTo>
                    <a:pt x="93" y="7"/>
                    <a:pt x="96" y="0"/>
                    <a:pt x="93" y="3"/>
                  </a:cubicBezTo>
                  <a:cubicBezTo>
                    <a:pt x="90" y="5"/>
                    <a:pt x="91" y="0"/>
                    <a:pt x="88" y="3"/>
                  </a:cubicBezTo>
                  <a:cubicBezTo>
                    <a:pt x="85" y="5"/>
                    <a:pt x="82" y="2"/>
                    <a:pt x="82" y="5"/>
                  </a:cubicBezTo>
                  <a:cubicBezTo>
                    <a:pt x="81" y="8"/>
                    <a:pt x="78" y="7"/>
                    <a:pt x="76" y="5"/>
                  </a:cubicBezTo>
                  <a:cubicBezTo>
                    <a:pt x="70" y="5"/>
                    <a:pt x="68" y="8"/>
                    <a:pt x="68" y="13"/>
                  </a:cubicBezTo>
                  <a:cubicBezTo>
                    <a:pt x="68" y="17"/>
                    <a:pt x="67" y="17"/>
                    <a:pt x="65" y="14"/>
                  </a:cubicBezTo>
                  <a:cubicBezTo>
                    <a:pt x="64" y="14"/>
                    <a:pt x="61" y="14"/>
                    <a:pt x="59" y="14"/>
                  </a:cubicBezTo>
                  <a:cubicBezTo>
                    <a:pt x="56" y="16"/>
                    <a:pt x="58" y="10"/>
                    <a:pt x="53" y="13"/>
                  </a:cubicBezTo>
                  <a:cubicBezTo>
                    <a:pt x="50" y="16"/>
                    <a:pt x="55" y="11"/>
                    <a:pt x="46" y="11"/>
                  </a:cubicBezTo>
                  <a:cubicBezTo>
                    <a:pt x="40" y="11"/>
                    <a:pt x="43" y="10"/>
                    <a:pt x="38" y="10"/>
                  </a:cubicBezTo>
                  <a:cubicBezTo>
                    <a:pt x="35" y="11"/>
                    <a:pt x="34" y="7"/>
                    <a:pt x="23" y="8"/>
                  </a:cubicBezTo>
                  <a:cubicBezTo>
                    <a:pt x="14" y="10"/>
                    <a:pt x="18" y="13"/>
                    <a:pt x="15" y="11"/>
                  </a:cubicBezTo>
                  <a:cubicBezTo>
                    <a:pt x="14" y="11"/>
                    <a:pt x="12" y="13"/>
                    <a:pt x="12" y="13"/>
                  </a:cubicBezTo>
                </a:path>
              </a:pathLst>
            </a:custGeom>
            <a:solidFill>
              <a:schemeClr val="accent5"/>
            </a:solidFill>
            <a:ln w="6350" cmpd="sng">
              <a:solidFill>
                <a:schemeClr val="bg1"/>
              </a:solidFill>
              <a:round/>
              <a:headEnd/>
              <a:tailEnd/>
            </a:ln>
          </p:spPr>
          <p:txBody>
            <a:bodyPr/>
            <a:lstStyle/>
            <a:p>
              <a:endParaRPr lang="en-GB" sz="1633" dirty="0"/>
            </a:p>
          </p:txBody>
        </p:sp>
        <p:sp>
          <p:nvSpPr>
            <p:cNvPr id="86" name="Freeform 8"/>
            <p:cNvSpPr>
              <a:spLocks/>
            </p:cNvSpPr>
            <p:nvPr/>
          </p:nvSpPr>
          <p:spPr bwMode="auto">
            <a:xfrm>
              <a:off x="5260615" y="3299379"/>
              <a:ext cx="114081" cy="159069"/>
            </a:xfrm>
            <a:custGeom>
              <a:avLst/>
              <a:gdLst/>
              <a:ahLst/>
              <a:cxnLst>
                <a:cxn ang="0">
                  <a:pos x="24" y="9"/>
                </a:cxn>
                <a:cxn ang="0">
                  <a:pos x="22" y="12"/>
                </a:cxn>
                <a:cxn ang="0">
                  <a:pos x="28" y="16"/>
                </a:cxn>
                <a:cxn ang="0">
                  <a:pos x="30" y="14"/>
                </a:cxn>
                <a:cxn ang="0">
                  <a:pos x="31" y="17"/>
                </a:cxn>
                <a:cxn ang="0">
                  <a:pos x="34" y="17"/>
                </a:cxn>
                <a:cxn ang="0">
                  <a:pos x="34" y="19"/>
                </a:cxn>
                <a:cxn ang="0">
                  <a:pos x="36" y="23"/>
                </a:cxn>
                <a:cxn ang="0">
                  <a:pos x="36" y="36"/>
                </a:cxn>
                <a:cxn ang="0">
                  <a:pos x="33" y="40"/>
                </a:cxn>
                <a:cxn ang="0">
                  <a:pos x="28" y="40"/>
                </a:cxn>
                <a:cxn ang="0">
                  <a:pos x="19" y="45"/>
                </a:cxn>
                <a:cxn ang="0">
                  <a:pos x="18" y="47"/>
                </a:cxn>
                <a:cxn ang="0">
                  <a:pos x="7" y="48"/>
                </a:cxn>
                <a:cxn ang="0">
                  <a:pos x="6" y="47"/>
                </a:cxn>
                <a:cxn ang="0">
                  <a:pos x="4" y="44"/>
                </a:cxn>
                <a:cxn ang="0">
                  <a:pos x="3" y="40"/>
                </a:cxn>
                <a:cxn ang="0">
                  <a:pos x="7" y="39"/>
                </a:cxn>
                <a:cxn ang="0">
                  <a:pos x="12" y="36"/>
                </a:cxn>
                <a:cxn ang="0">
                  <a:pos x="13" y="34"/>
                </a:cxn>
                <a:cxn ang="0">
                  <a:pos x="7" y="34"/>
                </a:cxn>
                <a:cxn ang="0">
                  <a:pos x="12" y="30"/>
                </a:cxn>
                <a:cxn ang="0">
                  <a:pos x="10" y="28"/>
                </a:cxn>
                <a:cxn ang="0">
                  <a:pos x="6" y="23"/>
                </a:cxn>
                <a:cxn ang="0">
                  <a:pos x="9" y="20"/>
                </a:cxn>
                <a:cxn ang="0">
                  <a:pos x="6" y="17"/>
                </a:cxn>
                <a:cxn ang="0">
                  <a:pos x="4" y="16"/>
                </a:cxn>
                <a:cxn ang="0">
                  <a:pos x="12" y="16"/>
                </a:cxn>
                <a:cxn ang="0">
                  <a:pos x="15" y="16"/>
                </a:cxn>
                <a:cxn ang="0">
                  <a:pos x="19" y="12"/>
                </a:cxn>
                <a:cxn ang="0">
                  <a:pos x="15" y="11"/>
                </a:cxn>
                <a:cxn ang="0">
                  <a:pos x="18" y="6"/>
                </a:cxn>
                <a:cxn ang="0">
                  <a:pos x="24" y="3"/>
                </a:cxn>
                <a:cxn ang="0">
                  <a:pos x="28" y="1"/>
                </a:cxn>
                <a:cxn ang="0">
                  <a:pos x="28" y="5"/>
                </a:cxn>
                <a:cxn ang="0">
                  <a:pos x="24" y="9"/>
                </a:cxn>
              </a:cxnLst>
              <a:rect l="0" t="0" r="r" b="b"/>
              <a:pathLst>
                <a:path w="37" h="51">
                  <a:moveTo>
                    <a:pt x="24" y="9"/>
                  </a:moveTo>
                  <a:cubicBezTo>
                    <a:pt x="21" y="9"/>
                    <a:pt x="25" y="11"/>
                    <a:pt x="22" y="12"/>
                  </a:cubicBezTo>
                  <a:cubicBezTo>
                    <a:pt x="18" y="14"/>
                    <a:pt x="28" y="19"/>
                    <a:pt x="28" y="16"/>
                  </a:cubicBezTo>
                  <a:cubicBezTo>
                    <a:pt x="28" y="14"/>
                    <a:pt x="30" y="12"/>
                    <a:pt x="30" y="14"/>
                  </a:cubicBezTo>
                  <a:cubicBezTo>
                    <a:pt x="31" y="17"/>
                    <a:pt x="31" y="16"/>
                    <a:pt x="31" y="17"/>
                  </a:cubicBezTo>
                  <a:cubicBezTo>
                    <a:pt x="33" y="19"/>
                    <a:pt x="33" y="17"/>
                    <a:pt x="34" y="17"/>
                  </a:cubicBezTo>
                  <a:cubicBezTo>
                    <a:pt x="36" y="17"/>
                    <a:pt x="36" y="19"/>
                    <a:pt x="34" y="19"/>
                  </a:cubicBezTo>
                  <a:cubicBezTo>
                    <a:pt x="34" y="19"/>
                    <a:pt x="34" y="20"/>
                    <a:pt x="36" y="23"/>
                  </a:cubicBezTo>
                  <a:cubicBezTo>
                    <a:pt x="37" y="26"/>
                    <a:pt x="37" y="31"/>
                    <a:pt x="36" y="36"/>
                  </a:cubicBezTo>
                  <a:cubicBezTo>
                    <a:pt x="33" y="40"/>
                    <a:pt x="36" y="40"/>
                    <a:pt x="33" y="40"/>
                  </a:cubicBezTo>
                  <a:cubicBezTo>
                    <a:pt x="30" y="40"/>
                    <a:pt x="31" y="40"/>
                    <a:pt x="28" y="40"/>
                  </a:cubicBezTo>
                  <a:cubicBezTo>
                    <a:pt x="24" y="42"/>
                    <a:pt x="21" y="47"/>
                    <a:pt x="19" y="45"/>
                  </a:cubicBezTo>
                  <a:cubicBezTo>
                    <a:pt x="19" y="42"/>
                    <a:pt x="19" y="45"/>
                    <a:pt x="18" y="47"/>
                  </a:cubicBezTo>
                  <a:cubicBezTo>
                    <a:pt x="18" y="48"/>
                    <a:pt x="4" y="51"/>
                    <a:pt x="7" y="48"/>
                  </a:cubicBezTo>
                  <a:cubicBezTo>
                    <a:pt x="12" y="44"/>
                    <a:pt x="3" y="50"/>
                    <a:pt x="6" y="47"/>
                  </a:cubicBezTo>
                  <a:cubicBezTo>
                    <a:pt x="7" y="44"/>
                    <a:pt x="0" y="47"/>
                    <a:pt x="4" y="44"/>
                  </a:cubicBezTo>
                  <a:cubicBezTo>
                    <a:pt x="7" y="39"/>
                    <a:pt x="0" y="44"/>
                    <a:pt x="3" y="40"/>
                  </a:cubicBezTo>
                  <a:cubicBezTo>
                    <a:pt x="6" y="37"/>
                    <a:pt x="9" y="40"/>
                    <a:pt x="7" y="39"/>
                  </a:cubicBezTo>
                  <a:cubicBezTo>
                    <a:pt x="6" y="37"/>
                    <a:pt x="7" y="36"/>
                    <a:pt x="12" y="36"/>
                  </a:cubicBezTo>
                  <a:cubicBezTo>
                    <a:pt x="16" y="36"/>
                    <a:pt x="15" y="34"/>
                    <a:pt x="13" y="34"/>
                  </a:cubicBezTo>
                  <a:cubicBezTo>
                    <a:pt x="12" y="34"/>
                    <a:pt x="3" y="37"/>
                    <a:pt x="7" y="34"/>
                  </a:cubicBezTo>
                  <a:cubicBezTo>
                    <a:pt x="12" y="31"/>
                    <a:pt x="7" y="30"/>
                    <a:pt x="12" y="30"/>
                  </a:cubicBezTo>
                  <a:cubicBezTo>
                    <a:pt x="16" y="28"/>
                    <a:pt x="12" y="26"/>
                    <a:pt x="10" y="28"/>
                  </a:cubicBezTo>
                  <a:cubicBezTo>
                    <a:pt x="9" y="28"/>
                    <a:pt x="3" y="25"/>
                    <a:pt x="6" y="23"/>
                  </a:cubicBezTo>
                  <a:cubicBezTo>
                    <a:pt x="7" y="22"/>
                    <a:pt x="6" y="22"/>
                    <a:pt x="9" y="20"/>
                  </a:cubicBezTo>
                  <a:cubicBezTo>
                    <a:pt x="12" y="19"/>
                    <a:pt x="3" y="20"/>
                    <a:pt x="6" y="17"/>
                  </a:cubicBezTo>
                  <a:cubicBezTo>
                    <a:pt x="7" y="16"/>
                    <a:pt x="4" y="17"/>
                    <a:pt x="4" y="16"/>
                  </a:cubicBezTo>
                  <a:cubicBezTo>
                    <a:pt x="6" y="14"/>
                    <a:pt x="9" y="14"/>
                    <a:pt x="12" y="16"/>
                  </a:cubicBezTo>
                  <a:cubicBezTo>
                    <a:pt x="13" y="16"/>
                    <a:pt x="13" y="14"/>
                    <a:pt x="15" y="16"/>
                  </a:cubicBezTo>
                  <a:cubicBezTo>
                    <a:pt x="18" y="16"/>
                    <a:pt x="16" y="14"/>
                    <a:pt x="19" y="12"/>
                  </a:cubicBezTo>
                  <a:cubicBezTo>
                    <a:pt x="22" y="9"/>
                    <a:pt x="16" y="11"/>
                    <a:pt x="15" y="11"/>
                  </a:cubicBezTo>
                  <a:cubicBezTo>
                    <a:pt x="15" y="9"/>
                    <a:pt x="19" y="9"/>
                    <a:pt x="18" y="6"/>
                  </a:cubicBezTo>
                  <a:cubicBezTo>
                    <a:pt x="18" y="5"/>
                    <a:pt x="22" y="3"/>
                    <a:pt x="24" y="3"/>
                  </a:cubicBezTo>
                  <a:cubicBezTo>
                    <a:pt x="27" y="3"/>
                    <a:pt x="25" y="0"/>
                    <a:pt x="28" y="1"/>
                  </a:cubicBezTo>
                  <a:cubicBezTo>
                    <a:pt x="31" y="3"/>
                    <a:pt x="28" y="3"/>
                    <a:pt x="28" y="5"/>
                  </a:cubicBezTo>
                  <a:cubicBezTo>
                    <a:pt x="25" y="6"/>
                    <a:pt x="27" y="9"/>
                    <a:pt x="24" y="9"/>
                  </a:cubicBezTo>
                </a:path>
              </a:pathLst>
            </a:custGeom>
            <a:solidFill>
              <a:schemeClr val="tx2"/>
            </a:solidFill>
            <a:ln w="6350" cmpd="sng">
              <a:solidFill>
                <a:schemeClr val="bg1"/>
              </a:solidFill>
              <a:round/>
              <a:headEnd/>
              <a:tailEnd/>
            </a:ln>
          </p:spPr>
          <p:txBody>
            <a:bodyPr/>
            <a:lstStyle/>
            <a:p>
              <a:endParaRPr lang="en-GB" sz="1633" dirty="0"/>
            </a:p>
          </p:txBody>
        </p:sp>
        <p:sp>
          <p:nvSpPr>
            <p:cNvPr id="87" name="Freeform 9"/>
            <p:cNvSpPr>
              <a:spLocks/>
            </p:cNvSpPr>
            <p:nvPr/>
          </p:nvSpPr>
          <p:spPr bwMode="auto">
            <a:xfrm>
              <a:off x="7694888" y="3424705"/>
              <a:ext cx="800177" cy="385621"/>
            </a:xfrm>
            <a:custGeom>
              <a:avLst/>
              <a:gdLst/>
              <a:ahLst/>
              <a:cxnLst>
                <a:cxn ang="0">
                  <a:pos x="230" y="28"/>
                </a:cxn>
                <a:cxn ang="0">
                  <a:pos x="222" y="48"/>
                </a:cxn>
                <a:cxn ang="0">
                  <a:pos x="225" y="53"/>
                </a:cxn>
                <a:cxn ang="0">
                  <a:pos x="234" y="53"/>
                </a:cxn>
                <a:cxn ang="0">
                  <a:pos x="240" y="50"/>
                </a:cxn>
                <a:cxn ang="0">
                  <a:pos x="251" y="56"/>
                </a:cxn>
                <a:cxn ang="0">
                  <a:pos x="255" y="65"/>
                </a:cxn>
                <a:cxn ang="0">
                  <a:pos x="246" y="65"/>
                </a:cxn>
                <a:cxn ang="0">
                  <a:pos x="239" y="65"/>
                </a:cxn>
                <a:cxn ang="0">
                  <a:pos x="228" y="70"/>
                </a:cxn>
                <a:cxn ang="0">
                  <a:pos x="225" y="76"/>
                </a:cxn>
                <a:cxn ang="0">
                  <a:pos x="216" y="80"/>
                </a:cxn>
                <a:cxn ang="0">
                  <a:pos x="207" y="87"/>
                </a:cxn>
                <a:cxn ang="0">
                  <a:pos x="192" y="84"/>
                </a:cxn>
                <a:cxn ang="0">
                  <a:pos x="189" y="92"/>
                </a:cxn>
                <a:cxn ang="0">
                  <a:pos x="192" y="100"/>
                </a:cxn>
                <a:cxn ang="0">
                  <a:pos x="181" y="107"/>
                </a:cxn>
                <a:cxn ang="0">
                  <a:pos x="173" y="114"/>
                </a:cxn>
                <a:cxn ang="0">
                  <a:pos x="169" y="114"/>
                </a:cxn>
                <a:cxn ang="0">
                  <a:pos x="160" y="114"/>
                </a:cxn>
                <a:cxn ang="0">
                  <a:pos x="154" y="115"/>
                </a:cxn>
                <a:cxn ang="0">
                  <a:pos x="138" y="123"/>
                </a:cxn>
                <a:cxn ang="0">
                  <a:pos x="134" y="123"/>
                </a:cxn>
                <a:cxn ang="0">
                  <a:pos x="131" y="120"/>
                </a:cxn>
                <a:cxn ang="0">
                  <a:pos x="117" y="117"/>
                </a:cxn>
                <a:cxn ang="0">
                  <a:pos x="100" y="111"/>
                </a:cxn>
                <a:cxn ang="0">
                  <a:pos x="75" y="111"/>
                </a:cxn>
                <a:cxn ang="0">
                  <a:pos x="69" y="109"/>
                </a:cxn>
                <a:cxn ang="0">
                  <a:pos x="64" y="100"/>
                </a:cxn>
                <a:cxn ang="0">
                  <a:pos x="55" y="92"/>
                </a:cxn>
                <a:cxn ang="0">
                  <a:pos x="38" y="84"/>
                </a:cxn>
                <a:cxn ang="0">
                  <a:pos x="27" y="83"/>
                </a:cxn>
                <a:cxn ang="0">
                  <a:pos x="24" y="76"/>
                </a:cxn>
                <a:cxn ang="0">
                  <a:pos x="26" y="67"/>
                </a:cxn>
                <a:cxn ang="0">
                  <a:pos x="18" y="52"/>
                </a:cxn>
                <a:cxn ang="0">
                  <a:pos x="15" y="50"/>
                </a:cxn>
                <a:cxn ang="0">
                  <a:pos x="9" y="48"/>
                </a:cxn>
                <a:cxn ang="0">
                  <a:pos x="2" y="36"/>
                </a:cxn>
                <a:cxn ang="0">
                  <a:pos x="12" y="31"/>
                </a:cxn>
                <a:cxn ang="0">
                  <a:pos x="21" y="24"/>
                </a:cxn>
                <a:cxn ang="0">
                  <a:pos x="41" y="19"/>
                </a:cxn>
                <a:cxn ang="0">
                  <a:pos x="53" y="22"/>
                </a:cxn>
                <a:cxn ang="0">
                  <a:pos x="84" y="24"/>
                </a:cxn>
                <a:cxn ang="0">
                  <a:pos x="82" y="10"/>
                </a:cxn>
                <a:cxn ang="0">
                  <a:pos x="99" y="5"/>
                </a:cxn>
                <a:cxn ang="0">
                  <a:pos x="116" y="13"/>
                </a:cxn>
                <a:cxn ang="0">
                  <a:pos x="131" y="24"/>
                </a:cxn>
                <a:cxn ang="0">
                  <a:pos x="152" y="25"/>
                </a:cxn>
                <a:cxn ang="0">
                  <a:pos x="170" y="35"/>
                </a:cxn>
                <a:cxn ang="0">
                  <a:pos x="195" y="33"/>
                </a:cxn>
                <a:cxn ang="0">
                  <a:pos x="214" y="24"/>
                </a:cxn>
                <a:cxn ang="0">
                  <a:pos x="230" y="28"/>
                </a:cxn>
              </a:cxnLst>
              <a:rect l="0" t="0" r="r" b="b"/>
              <a:pathLst>
                <a:path w="257" h="124">
                  <a:moveTo>
                    <a:pt x="230" y="28"/>
                  </a:moveTo>
                  <a:cubicBezTo>
                    <a:pt x="219" y="50"/>
                    <a:pt x="225" y="45"/>
                    <a:pt x="222" y="48"/>
                  </a:cubicBezTo>
                  <a:cubicBezTo>
                    <a:pt x="219" y="50"/>
                    <a:pt x="223" y="55"/>
                    <a:pt x="225" y="53"/>
                  </a:cubicBezTo>
                  <a:cubicBezTo>
                    <a:pt x="227" y="52"/>
                    <a:pt x="231" y="52"/>
                    <a:pt x="234" y="53"/>
                  </a:cubicBezTo>
                  <a:cubicBezTo>
                    <a:pt x="237" y="56"/>
                    <a:pt x="234" y="50"/>
                    <a:pt x="240" y="50"/>
                  </a:cubicBezTo>
                  <a:cubicBezTo>
                    <a:pt x="246" y="50"/>
                    <a:pt x="248" y="53"/>
                    <a:pt x="251" y="56"/>
                  </a:cubicBezTo>
                  <a:cubicBezTo>
                    <a:pt x="254" y="59"/>
                    <a:pt x="257" y="64"/>
                    <a:pt x="255" y="65"/>
                  </a:cubicBezTo>
                  <a:cubicBezTo>
                    <a:pt x="252" y="67"/>
                    <a:pt x="248" y="64"/>
                    <a:pt x="246" y="65"/>
                  </a:cubicBezTo>
                  <a:cubicBezTo>
                    <a:pt x="245" y="67"/>
                    <a:pt x="243" y="64"/>
                    <a:pt x="239" y="65"/>
                  </a:cubicBezTo>
                  <a:cubicBezTo>
                    <a:pt x="236" y="69"/>
                    <a:pt x="231" y="67"/>
                    <a:pt x="228" y="70"/>
                  </a:cubicBezTo>
                  <a:cubicBezTo>
                    <a:pt x="225" y="75"/>
                    <a:pt x="228" y="75"/>
                    <a:pt x="225" y="76"/>
                  </a:cubicBezTo>
                  <a:cubicBezTo>
                    <a:pt x="222" y="80"/>
                    <a:pt x="219" y="81"/>
                    <a:pt x="216" y="80"/>
                  </a:cubicBezTo>
                  <a:cubicBezTo>
                    <a:pt x="211" y="80"/>
                    <a:pt x="213" y="84"/>
                    <a:pt x="207" y="87"/>
                  </a:cubicBezTo>
                  <a:cubicBezTo>
                    <a:pt x="199" y="90"/>
                    <a:pt x="196" y="83"/>
                    <a:pt x="192" y="84"/>
                  </a:cubicBezTo>
                  <a:cubicBezTo>
                    <a:pt x="189" y="84"/>
                    <a:pt x="189" y="87"/>
                    <a:pt x="189" y="92"/>
                  </a:cubicBezTo>
                  <a:cubicBezTo>
                    <a:pt x="189" y="95"/>
                    <a:pt x="195" y="98"/>
                    <a:pt x="192" y="100"/>
                  </a:cubicBezTo>
                  <a:cubicBezTo>
                    <a:pt x="187" y="103"/>
                    <a:pt x="185" y="103"/>
                    <a:pt x="181" y="107"/>
                  </a:cubicBezTo>
                  <a:cubicBezTo>
                    <a:pt x="178" y="112"/>
                    <a:pt x="175" y="111"/>
                    <a:pt x="173" y="114"/>
                  </a:cubicBezTo>
                  <a:cubicBezTo>
                    <a:pt x="172" y="115"/>
                    <a:pt x="170" y="112"/>
                    <a:pt x="169" y="114"/>
                  </a:cubicBezTo>
                  <a:cubicBezTo>
                    <a:pt x="166" y="115"/>
                    <a:pt x="166" y="114"/>
                    <a:pt x="160" y="114"/>
                  </a:cubicBezTo>
                  <a:cubicBezTo>
                    <a:pt x="155" y="114"/>
                    <a:pt x="158" y="112"/>
                    <a:pt x="154" y="115"/>
                  </a:cubicBezTo>
                  <a:cubicBezTo>
                    <a:pt x="151" y="118"/>
                    <a:pt x="151" y="115"/>
                    <a:pt x="138" y="123"/>
                  </a:cubicBezTo>
                  <a:cubicBezTo>
                    <a:pt x="137" y="124"/>
                    <a:pt x="137" y="121"/>
                    <a:pt x="134" y="123"/>
                  </a:cubicBezTo>
                  <a:cubicBezTo>
                    <a:pt x="132" y="123"/>
                    <a:pt x="135" y="118"/>
                    <a:pt x="131" y="120"/>
                  </a:cubicBezTo>
                  <a:cubicBezTo>
                    <a:pt x="126" y="123"/>
                    <a:pt x="120" y="117"/>
                    <a:pt x="117" y="117"/>
                  </a:cubicBezTo>
                  <a:cubicBezTo>
                    <a:pt x="114" y="117"/>
                    <a:pt x="111" y="111"/>
                    <a:pt x="100" y="111"/>
                  </a:cubicBezTo>
                  <a:cubicBezTo>
                    <a:pt x="90" y="112"/>
                    <a:pt x="88" y="112"/>
                    <a:pt x="75" y="111"/>
                  </a:cubicBezTo>
                  <a:cubicBezTo>
                    <a:pt x="72" y="109"/>
                    <a:pt x="69" y="112"/>
                    <a:pt x="69" y="109"/>
                  </a:cubicBezTo>
                  <a:cubicBezTo>
                    <a:pt x="67" y="104"/>
                    <a:pt x="65" y="107"/>
                    <a:pt x="64" y="100"/>
                  </a:cubicBezTo>
                  <a:cubicBezTo>
                    <a:pt x="62" y="93"/>
                    <a:pt x="64" y="100"/>
                    <a:pt x="55" y="92"/>
                  </a:cubicBezTo>
                  <a:cubicBezTo>
                    <a:pt x="47" y="84"/>
                    <a:pt x="43" y="84"/>
                    <a:pt x="38" y="84"/>
                  </a:cubicBezTo>
                  <a:cubicBezTo>
                    <a:pt x="34" y="84"/>
                    <a:pt x="31" y="83"/>
                    <a:pt x="27" y="83"/>
                  </a:cubicBezTo>
                  <a:cubicBezTo>
                    <a:pt x="23" y="83"/>
                    <a:pt x="23" y="78"/>
                    <a:pt x="24" y="76"/>
                  </a:cubicBezTo>
                  <a:cubicBezTo>
                    <a:pt x="27" y="72"/>
                    <a:pt x="24" y="73"/>
                    <a:pt x="26" y="67"/>
                  </a:cubicBezTo>
                  <a:cubicBezTo>
                    <a:pt x="27" y="61"/>
                    <a:pt x="20" y="55"/>
                    <a:pt x="18" y="52"/>
                  </a:cubicBezTo>
                  <a:cubicBezTo>
                    <a:pt x="18" y="50"/>
                    <a:pt x="17" y="53"/>
                    <a:pt x="15" y="50"/>
                  </a:cubicBezTo>
                  <a:cubicBezTo>
                    <a:pt x="14" y="47"/>
                    <a:pt x="12" y="52"/>
                    <a:pt x="9" y="48"/>
                  </a:cubicBezTo>
                  <a:cubicBezTo>
                    <a:pt x="5" y="47"/>
                    <a:pt x="0" y="41"/>
                    <a:pt x="2" y="36"/>
                  </a:cubicBezTo>
                  <a:cubicBezTo>
                    <a:pt x="6" y="30"/>
                    <a:pt x="5" y="35"/>
                    <a:pt x="12" y="31"/>
                  </a:cubicBezTo>
                  <a:cubicBezTo>
                    <a:pt x="18" y="30"/>
                    <a:pt x="12" y="28"/>
                    <a:pt x="21" y="24"/>
                  </a:cubicBezTo>
                  <a:cubicBezTo>
                    <a:pt x="31" y="19"/>
                    <a:pt x="37" y="16"/>
                    <a:pt x="41" y="19"/>
                  </a:cubicBezTo>
                  <a:cubicBezTo>
                    <a:pt x="46" y="22"/>
                    <a:pt x="52" y="16"/>
                    <a:pt x="53" y="22"/>
                  </a:cubicBezTo>
                  <a:cubicBezTo>
                    <a:pt x="55" y="27"/>
                    <a:pt x="81" y="31"/>
                    <a:pt x="84" y="24"/>
                  </a:cubicBezTo>
                  <a:cubicBezTo>
                    <a:pt x="85" y="17"/>
                    <a:pt x="76" y="17"/>
                    <a:pt x="82" y="10"/>
                  </a:cubicBezTo>
                  <a:cubicBezTo>
                    <a:pt x="88" y="0"/>
                    <a:pt x="85" y="0"/>
                    <a:pt x="99" y="5"/>
                  </a:cubicBezTo>
                  <a:cubicBezTo>
                    <a:pt x="111" y="11"/>
                    <a:pt x="116" y="5"/>
                    <a:pt x="116" y="13"/>
                  </a:cubicBezTo>
                  <a:cubicBezTo>
                    <a:pt x="116" y="21"/>
                    <a:pt x="123" y="27"/>
                    <a:pt x="131" y="24"/>
                  </a:cubicBezTo>
                  <a:cubicBezTo>
                    <a:pt x="140" y="21"/>
                    <a:pt x="141" y="21"/>
                    <a:pt x="152" y="25"/>
                  </a:cubicBezTo>
                  <a:cubicBezTo>
                    <a:pt x="163" y="28"/>
                    <a:pt x="157" y="31"/>
                    <a:pt x="170" y="35"/>
                  </a:cubicBezTo>
                  <a:cubicBezTo>
                    <a:pt x="190" y="39"/>
                    <a:pt x="182" y="31"/>
                    <a:pt x="195" y="33"/>
                  </a:cubicBezTo>
                  <a:cubicBezTo>
                    <a:pt x="207" y="33"/>
                    <a:pt x="204" y="17"/>
                    <a:pt x="214" y="24"/>
                  </a:cubicBezTo>
                  <a:cubicBezTo>
                    <a:pt x="223" y="30"/>
                    <a:pt x="223" y="24"/>
                    <a:pt x="230" y="28"/>
                  </a:cubicBezTo>
                </a:path>
              </a:pathLst>
            </a:custGeom>
            <a:solidFill>
              <a:schemeClr val="accent5"/>
            </a:solidFill>
            <a:ln w="6350" cmpd="sng">
              <a:solidFill>
                <a:schemeClr val="bg1"/>
              </a:solidFill>
              <a:round/>
              <a:headEnd/>
              <a:tailEnd/>
            </a:ln>
          </p:spPr>
          <p:txBody>
            <a:bodyPr/>
            <a:lstStyle/>
            <a:p>
              <a:endParaRPr lang="en-GB" sz="1633" dirty="0"/>
            </a:p>
          </p:txBody>
        </p:sp>
        <p:sp>
          <p:nvSpPr>
            <p:cNvPr id="88" name="Freeform 10"/>
            <p:cNvSpPr>
              <a:spLocks/>
            </p:cNvSpPr>
            <p:nvPr/>
          </p:nvSpPr>
          <p:spPr bwMode="auto">
            <a:xfrm>
              <a:off x="7338182" y="3371683"/>
              <a:ext cx="1528049" cy="1142400"/>
            </a:xfrm>
            <a:custGeom>
              <a:avLst/>
              <a:gdLst/>
              <a:ahLst/>
              <a:cxnLst>
                <a:cxn ang="0">
                  <a:pos x="441" y="136"/>
                </a:cxn>
                <a:cxn ang="0">
                  <a:pos x="427" y="142"/>
                </a:cxn>
                <a:cxn ang="0">
                  <a:pos x="414" y="150"/>
                </a:cxn>
                <a:cxn ang="0">
                  <a:pos x="398" y="160"/>
                </a:cxn>
                <a:cxn ang="0">
                  <a:pos x="383" y="171"/>
                </a:cxn>
                <a:cxn ang="0">
                  <a:pos x="382" y="160"/>
                </a:cxn>
                <a:cxn ang="0">
                  <a:pos x="376" y="151"/>
                </a:cxn>
                <a:cxn ang="0">
                  <a:pos x="351" y="168"/>
                </a:cxn>
                <a:cxn ang="0">
                  <a:pos x="365" y="190"/>
                </a:cxn>
                <a:cxn ang="0">
                  <a:pos x="383" y="187"/>
                </a:cxn>
                <a:cxn ang="0">
                  <a:pos x="385" y="193"/>
                </a:cxn>
                <a:cxn ang="0">
                  <a:pos x="371" y="204"/>
                </a:cxn>
                <a:cxn ang="0">
                  <a:pos x="379" y="240"/>
                </a:cxn>
                <a:cxn ang="0">
                  <a:pos x="371" y="246"/>
                </a:cxn>
                <a:cxn ang="0">
                  <a:pos x="383" y="257"/>
                </a:cxn>
                <a:cxn ang="0">
                  <a:pos x="386" y="268"/>
                </a:cxn>
                <a:cxn ang="0">
                  <a:pos x="380" y="285"/>
                </a:cxn>
                <a:cxn ang="0">
                  <a:pos x="368" y="300"/>
                </a:cxn>
                <a:cxn ang="0">
                  <a:pos x="365" y="313"/>
                </a:cxn>
                <a:cxn ang="0">
                  <a:pos x="357" y="322"/>
                </a:cxn>
                <a:cxn ang="0">
                  <a:pos x="345" y="333"/>
                </a:cxn>
                <a:cxn ang="0">
                  <a:pos x="335" y="342"/>
                </a:cxn>
                <a:cxn ang="0">
                  <a:pos x="325" y="345"/>
                </a:cxn>
                <a:cxn ang="0">
                  <a:pos x="316" y="347"/>
                </a:cxn>
                <a:cxn ang="0">
                  <a:pos x="303" y="353"/>
                </a:cxn>
                <a:cxn ang="0">
                  <a:pos x="290" y="364"/>
                </a:cxn>
                <a:cxn ang="0">
                  <a:pos x="287" y="353"/>
                </a:cxn>
                <a:cxn ang="0">
                  <a:pos x="277" y="353"/>
                </a:cxn>
                <a:cxn ang="0">
                  <a:pos x="265" y="342"/>
                </a:cxn>
                <a:cxn ang="0">
                  <a:pos x="245" y="341"/>
                </a:cxn>
                <a:cxn ang="0">
                  <a:pos x="233" y="341"/>
                </a:cxn>
                <a:cxn ang="0">
                  <a:pos x="220" y="353"/>
                </a:cxn>
                <a:cxn ang="0">
                  <a:pos x="205" y="345"/>
                </a:cxn>
                <a:cxn ang="0">
                  <a:pos x="195" y="328"/>
                </a:cxn>
                <a:cxn ang="0">
                  <a:pos x="201" y="310"/>
                </a:cxn>
                <a:cxn ang="0">
                  <a:pos x="190" y="285"/>
                </a:cxn>
                <a:cxn ang="0">
                  <a:pos x="176" y="274"/>
                </a:cxn>
                <a:cxn ang="0">
                  <a:pos x="144" y="289"/>
                </a:cxn>
                <a:cxn ang="0">
                  <a:pos x="126" y="289"/>
                </a:cxn>
                <a:cxn ang="0">
                  <a:pos x="105" y="286"/>
                </a:cxn>
                <a:cxn ang="0">
                  <a:pos x="93" y="280"/>
                </a:cxn>
                <a:cxn ang="0">
                  <a:pos x="67" y="261"/>
                </a:cxn>
                <a:cxn ang="0">
                  <a:pos x="41" y="241"/>
                </a:cxn>
                <a:cxn ang="0">
                  <a:pos x="47" y="223"/>
                </a:cxn>
                <a:cxn ang="0">
                  <a:pos x="45" y="202"/>
                </a:cxn>
                <a:cxn ang="0">
                  <a:pos x="21" y="196"/>
                </a:cxn>
                <a:cxn ang="0">
                  <a:pos x="12" y="179"/>
                </a:cxn>
                <a:cxn ang="0">
                  <a:pos x="7" y="157"/>
                </a:cxn>
                <a:cxn ang="0">
                  <a:pos x="39" y="143"/>
                </a:cxn>
                <a:cxn ang="0">
                  <a:pos x="56" y="106"/>
                </a:cxn>
                <a:cxn ang="0">
                  <a:pos x="76" y="78"/>
                </a:cxn>
                <a:cxn ang="0">
                  <a:pos x="111" y="55"/>
                </a:cxn>
                <a:cxn ang="0">
                  <a:pos x="140" y="84"/>
                </a:cxn>
                <a:cxn ang="0">
                  <a:pos x="178" y="117"/>
                </a:cxn>
                <a:cxn ang="0">
                  <a:pos x="245" y="137"/>
                </a:cxn>
                <a:cxn ang="0">
                  <a:pos x="283" y="131"/>
                </a:cxn>
                <a:cxn ang="0">
                  <a:pos x="306" y="101"/>
                </a:cxn>
                <a:cxn ang="0">
                  <a:pos x="353" y="83"/>
                </a:cxn>
                <a:cxn ang="0">
                  <a:pos x="348" y="70"/>
                </a:cxn>
                <a:cxn ang="0">
                  <a:pos x="373" y="24"/>
                </a:cxn>
                <a:cxn ang="0">
                  <a:pos x="441" y="50"/>
                </a:cxn>
                <a:cxn ang="0">
                  <a:pos x="481" y="64"/>
                </a:cxn>
                <a:cxn ang="0">
                  <a:pos x="458" y="123"/>
                </a:cxn>
              </a:cxnLst>
              <a:rect l="0" t="0" r="r" b="b"/>
              <a:pathLst>
                <a:path w="490" h="367">
                  <a:moveTo>
                    <a:pt x="453" y="131"/>
                  </a:moveTo>
                  <a:cubicBezTo>
                    <a:pt x="453" y="128"/>
                    <a:pt x="453" y="131"/>
                    <a:pt x="452" y="129"/>
                  </a:cubicBezTo>
                  <a:cubicBezTo>
                    <a:pt x="450" y="128"/>
                    <a:pt x="452" y="126"/>
                    <a:pt x="449" y="125"/>
                  </a:cubicBezTo>
                  <a:cubicBezTo>
                    <a:pt x="446" y="125"/>
                    <a:pt x="449" y="132"/>
                    <a:pt x="446" y="131"/>
                  </a:cubicBezTo>
                  <a:cubicBezTo>
                    <a:pt x="443" y="131"/>
                    <a:pt x="444" y="134"/>
                    <a:pt x="441" y="136"/>
                  </a:cubicBezTo>
                  <a:cubicBezTo>
                    <a:pt x="440" y="137"/>
                    <a:pt x="441" y="136"/>
                    <a:pt x="438" y="136"/>
                  </a:cubicBezTo>
                  <a:cubicBezTo>
                    <a:pt x="436" y="137"/>
                    <a:pt x="433" y="134"/>
                    <a:pt x="433" y="137"/>
                  </a:cubicBezTo>
                  <a:cubicBezTo>
                    <a:pt x="433" y="140"/>
                    <a:pt x="436" y="140"/>
                    <a:pt x="435" y="142"/>
                  </a:cubicBezTo>
                  <a:cubicBezTo>
                    <a:pt x="433" y="143"/>
                    <a:pt x="433" y="142"/>
                    <a:pt x="432" y="142"/>
                  </a:cubicBezTo>
                  <a:cubicBezTo>
                    <a:pt x="430" y="143"/>
                    <a:pt x="429" y="142"/>
                    <a:pt x="427" y="142"/>
                  </a:cubicBezTo>
                  <a:cubicBezTo>
                    <a:pt x="426" y="142"/>
                    <a:pt x="426" y="137"/>
                    <a:pt x="424" y="139"/>
                  </a:cubicBezTo>
                  <a:cubicBezTo>
                    <a:pt x="423" y="140"/>
                    <a:pt x="424" y="139"/>
                    <a:pt x="423" y="140"/>
                  </a:cubicBezTo>
                  <a:cubicBezTo>
                    <a:pt x="421" y="142"/>
                    <a:pt x="423" y="142"/>
                    <a:pt x="421" y="143"/>
                  </a:cubicBezTo>
                  <a:cubicBezTo>
                    <a:pt x="420" y="145"/>
                    <a:pt x="418" y="148"/>
                    <a:pt x="417" y="148"/>
                  </a:cubicBezTo>
                  <a:cubicBezTo>
                    <a:pt x="414" y="148"/>
                    <a:pt x="415" y="150"/>
                    <a:pt x="414" y="150"/>
                  </a:cubicBezTo>
                  <a:cubicBezTo>
                    <a:pt x="412" y="150"/>
                    <a:pt x="414" y="151"/>
                    <a:pt x="412" y="151"/>
                  </a:cubicBezTo>
                  <a:cubicBezTo>
                    <a:pt x="409" y="153"/>
                    <a:pt x="411" y="153"/>
                    <a:pt x="409" y="153"/>
                  </a:cubicBezTo>
                  <a:cubicBezTo>
                    <a:pt x="408" y="153"/>
                    <a:pt x="406" y="156"/>
                    <a:pt x="405" y="157"/>
                  </a:cubicBezTo>
                  <a:cubicBezTo>
                    <a:pt x="405" y="159"/>
                    <a:pt x="405" y="159"/>
                    <a:pt x="405" y="159"/>
                  </a:cubicBezTo>
                  <a:cubicBezTo>
                    <a:pt x="401" y="162"/>
                    <a:pt x="400" y="159"/>
                    <a:pt x="398" y="160"/>
                  </a:cubicBezTo>
                  <a:cubicBezTo>
                    <a:pt x="397" y="162"/>
                    <a:pt x="397" y="159"/>
                    <a:pt x="395" y="162"/>
                  </a:cubicBezTo>
                  <a:cubicBezTo>
                    <a:pt x="395" y="164"/>
                    <a:pt x="392" y="162"/>
                    <a:pt x="391" y="164"/>
                  </a:cubicBezTo>
                  <a:cubicBezTo>
                    <a:pt x="389" y="165"/>
                    <a:pt x="388" y="165"/>
                    <a:pt x="386" y="168"/>
                  </a:cubicBezTo>
                  <a:cubicBezTo>
                    <a:pt x="386" y="171"/>
                    <a:pt x="383" y="170"/>
                    <a:pt x="383" y="170"/>
                  </a:cubicBezTo>
                  <a:cubicBezTo>
                    <a:pt x="383" y="170"/>
                    <a:pt x="385" y="171"/>
                    <a:pt x="383" y="171"/>
                  </a:cubicBezTo>
                  <a:cubicBezTo>
                    <a:pt x="380" y="171"/>
                    <a:pt x="379" y="174"/>
                    <a:pt x="379" y="171"/>
                  </a:cubicBezTo>
                  <a:cubicBezTo>
                    <a:pt x="379" y="168"/>
                    <a:pt x="379" y="171"/>
                    <a:pt x="380" y="170"/>
                  </a:cubicBezTo>
                  <a:cubicBezTo>
                    <a:pt x="382" y="167"/>
                    <a:pt x="382" y="170"/>
                    <a:pt x="383" y="168"/>
                  </a:cubicBezTo>
                  <a:cubicBezTo>
                    <a:pt x="383" y="165"/>
                    <a:pt x="380" y="164"/>
                    <a:pt x="380" y="164"/>
                  </a:cubicBezTo>
                  <a:cubicBezTo>
                    <a:pt x="379" y="164"/>
                    <a:pt x="382" y="162"/>
                    <a:pt x="382" y="160"/>
                  </a:cubicBezTo>
                  <a:cubicBezTo>
                    <a:pt x="380" y="160"/>
                    <a:pt x="383" y="160"/>
                    <a:pt x="386" y="156"/>
                  </a:cubicBezTo>
                  <a:cubicBezTo>
                    <a:pt x="388" y="153"/>
                    <a:pt x="388" y="153"/>
                    <a:pt x="386" y="151"/>
                  </a:cubicBezTo>
                  <a:cubicBezTo>
                    <a:pt x="383" y="148"/>
                    <a:pt x="385" y="148"/>
                    <a:pt x="383" y="148"/>
                  </a:cubicBezTo>
                  <a:cubicBezTo>
                    <a:pt x="382" y="150"/>
                    <a:pt x="380" y="146"/>
                    <a:pt x="379" y="148"/>
                  </a:cubicBezTo>
                  <a:cubicBezTo>
                    <a:pt x="376" y="150"/>
                    <a:pt x="379" y="150"/>
                    <a:pt x="376" y="151"/>
                  </a:cubicBezTo>
                  <a:cubicBezTo>
                    <a:pt x="374" y="154"/>
                    <a:pt x="376" y="156"/>
                    <a:pt x="373" y="156"/>
                  </a:cubicBezTo>
                  <a:cubicBezTo>
                    <a:pt x="371" y="157"/>
                    <a:pt x="363" y="160"/>
                    <a:pt x="363" y="164"/>
                  </a:cubicBezTo>
                  <a:cubicBezTo>
                    <a:pt x="363" y="167"/>
                    <a:pt x="362" y="168"/>
                    <a:pt x="359" y="168"/>
                  </a:cubicBezTo>
                  <a:cubicBezTo>
                    <a:pt x="357" y="167"/>
                    <a:pt x="357" y="171"/>
                    <a:pt x="356" y="168"/>
                  </a:cubicBezTo>
                  <a:cubicBezTo>
                    <a:pt x="354" y="167"/>
                    <a:pt x="351" y="167"/>
                    <a:pt x="351" y="168"/>
                  </a:cubicBezTo>
                  <a:cubicBezTo>
                    <a:pt x="351" y="170"/>
                    <a:pt x="350" y="171"/>
                    <a:pt x="351" y="174"/>
                  </a:cubicBezTo>
                  <a:cubicBezTo>
                    <a:pt x="351" y="178"/>
                    <a:pt x="353" y="178"/>
                    <a:pt x="354" y="178"/>
                  </a:cubicBezTo>
                  <a:cubicBezTo>
                    <a:pt x="354" y="179"/>
                    <a:pt x="357" y="179"/>
                    <a:pt x="359" y="179"/>
                  </a:cubicBezTo>
                  <a:cubicBezTo>
                    <a:pt x="360" y="178"/>
                    <a:pt x="363" y="182"/>
                    <a:pt x="362" y="184"/>
                  </a:cubicBezTo>
                  <a:cubicBezTo>
                    <a:pt x="360" y="185"/>
                    <a:pt x="362" y="190"/>
                    <a:pt x="365" y="190"/>
                  </a:cubicBezTo>
                  <a:cubicBezTo>
                    <a:pt x="370" y="190"/>
                    <a:pt x="370" y="190"/>
                    <a:pt x="370" y="188"/>
                  </a:cubicBezTo>
                  <a:cubicBezTo>
                    <a:pt x="368" y="187"/>
                    <a:pt x="371" y="187"/>
                    <a:pt x="373" y="185"/>
                  </a:cubicBezTo>
                  <a:cubicBezTo>
                    <a:pt x="373" y="182"/>
                    <a:pt x="377" y="182"/>
                    <a:pt x="379" y="184"/>
                  </a:cubicBezTo>
                  <a:cubicBezTo>
                    <a:pt x="379" y="184"/>
                    <a:pt x="379" y="185"/>
                    <a:pt x="380" y="185"/>
                  </a:cubicBezTo>
                  <a:cubicBezTo>
                    <a:pt x="382" y="184"/>
                    <a:pt x="380" y="185"/>
                    <a:pt x="383" y="187"/>
                  </a:cubicBezTo>
                  <a:cubicBezTo>
                    <a:pt x="388" y="187"/>
                    <a:pt x="385" y="184"/>
                    <a:pt x="388" y="185"/>
                  </a:cubicBezTo>
                  <a:cubicBezTo>
                    <a:pt x="388" y="187"/>
                    <a:pt x="392" y="187"/>
                    <a:pt x="391" y="188"/>
                  </a:cubicBezTo>
                  <a:cubicBezTo>
                    <a:pt x="388" y="192"/>
                    <a:pt x="392" y="192"/>
                    <a:pt x="389" y="193"/>
                  </a:cubicBezTo>
                  <a:cubicBezTo>
                    <a:pt x="386" y="195"/>
                    <a:pt x="388" y="192"/>
                    <a:pt x="386" y="192"/>
                  </a:cubicBezTo>
                  <a:cubicBezTo>
                    <a:pt x="385" y="193"/>
                    <a:pt x="386" y="190"/>
                    <a:pt x="385" y="193"/>
                  </a:cubicBezTo>
                  <a:cubicBezTo>
                    <a:pt x="382" y="195"/>
                    <a:pt x="382" y="193"/>
                    <a:pt x="380" y="195"/>
                  </a:cubicBezTo>
                  <a:cubicBezTo>
                    <a:pt x="377" y="196"/>
                    <a:pt x="377" y="198"/>
                    <a:pt x="377" y="198"/>
                  </a:cubicBezTo>
                  <a:cubicBezTo>
                    <a:pt x="376" y="198"/>
                    <a:pt x="376" y="201"/>
                    <a:pt x="374" y="201"/>
                  </a:cubicBezTo>
                  <a:cubicBezTo>
                    <a:pt x="371" y="202"/>
                    <a:pt x="373" y="199"/>
                    <a:pt x="371" y="199"/>
                  </a:cubicBezTo>
                  <a:cubicBezTo>
                    <a:pt x="370" y="201"/>
                    <a:pt x="373" y="202"/>
                    <a:pt x="371" y="204"/>
                  </a:cubicBezTo>
                  <a:cubicBezTo>
                    <a:pt x="370" y="204"/>
                    <a:pt x="371" y="206"/>
                    <a:pt x="368" y="206"/>
                  </a:cubicBezTo>
                  <a:cubicBezTo>
                    <a:pt x="366" y="207"/>
                    <a:pt x="360" y="216"/>
                    <a:pt x="363" y="215"/>
                  </a:cubicBezTo>
                  <a:cubicBezTo>
                    <a:pt x="368" y="215"/>
                    <a:pt x="365" y="218"/>
                    <a:pt x="370" y="220"/>
                  </a:cubicBezTo>
                  <a:cubicBezTo>
                    <a:pt x="374" y="221"/>
                    <a:pt x="373" y="227"/>
                    <a:pt x="376" y="232"/>
                  </a:cubicBezTo>
                  <a:cubicBezTo>
                    <a:pt x="379" y="237"/>
                    <a:pt x="376" y="237"/>
                    <a:pt x="379" y="240"/>
                  </a:cubicBezTo>
                  <a:cubicBezTo>
                    <a:pt x="382" y="241"/>
                    <a:pt x="380" y="241"/>
                    <a:pt x="382" y="244"/>
                  </a:cubicBezTo>
                  <a:cubicBezTo>
                    <a:pt x="385" y="246"/>
                    <a:pt x="386" y="249"/>
                    <a:pt x="383" y="247"/>
                  </a:cubicBezTo>
                  <a:cubicBezTo>
                    <a:pt x="379" y="246"/>
                    <a:pt x="379" y="247"/>
                    <a:pt x="377" y="246"/>
                  </a:cubicBezTo>
                  <a:cubicBezTo>
                    <a:pt x="376" y="246"/>
                    <a:pt x="377" y="244"/>
                    <a:pt x="376" y="244"/>
                  </a:cubicBezTo>
                  <a:cubicBezTo>
                    <a:pt x="374" y="243"/>
                    <a:pt x="373" y="246"/>
                    <a:pt x="371" y="246"/>
                  </a:cubicBezTo>
                  <a:cubicBezTo>
                    <a:pt x="370" y="244"/>
                    <a:pt x="368" y="240"/>
                    <a:pt x="368" y="241"/>
                  </a:cubicBezTo>
                  <a:cubicBezTo>
                    <a:pt x="366" y="243"/>
                    <a:pt x="371" y="247"/>
                    <a:pt x="374" y="244"/>
                  </a:cubicBezTo>
                  <a:cubicBezTo>
                    <a:pt x="374" y="244"/>
                    <a:pt x="377" y="246"/>
                    <a:pt x="376" y="246"/>
                  </a:cubicBezTo>
                  <a:cubicBezTo>
                    <a:pt x="376" y="247"/>
                    <a:pt x="377" y="247"/>
                    <a:pt x="380" y="251"/>
                  </a:cubicBezTo>
                  <a:cubicBezTo>
                    <a:pt x="383" y="254"/>
                    <a:pt x="386" y="257"/>
                    <a:pt x="383" y="257"/>
                  </a:cubicBezTo>
                  <a:cubicBezTo>
                    <a:pt x="382" y="257"/>
                    <a:pt x="377" y="260"/>
                    <a:pt x="377" y="261"/>
                  </a:cubicBezTo>
                  <a:cubicBezTo>
                    <a:pt x="377" y="263"/>
                    <a:pt x="374" y="260"/>
                    <a:pt x="373" y="263"/>
                  </a:cubicBezTo>
                  <a:cubicBezTo>
                    <a:pt x="373" y="265"/>
                    <a:pt x="374" y="261"/>
                    <a:pt x="374" y="263"/>
                  </a:cubicBezTo>
                  <a:cubicBezTo>
                    <a:pt x="376" y="268"/>
                    <a:pt x="379" y="260"/>
                    <a:pt x="382" y="265"/>
                  </a:cubicBezTo>
                  <a:cubicBezTo>
                    <a:pt x="385" y="268"/>
                    <a:pt x="388" y="266"/>
                    <a:pt x="386" y="268"/>
                  </a:cubicBezTo>
                  <a:cubicBezTo>
                    <a:pt x="382" y="271"/>
                    <a:pt x="385" y="268"/>
                    <a:pt x="385" y="272"/>
                  </a:cubicBezTo>
                  <a:cubicBezTo>
                    <a:pt x="386" y="277"/>
                    <a:pt x="380" y="274"/>
                    <a:pt x="383" y="275"/>
                  </a:cubicBezTo>
                  <a:cubicBezTo>
                    <a:pt x="385" y="277"/>
                    <a:pt x="382" y="277"/>
                    <a:pt x="383" y="279"/>
                  </a:cubicBezTo>
                  <a:cubicBezTo>
                    <a:pt x="383" y="280"/>
                    <a:pt x="380" y="279"/>
                    <a:pt x="382" y="282"/>
                  </a:cubicBezTo>
                  <a:cubicBezTo>
                    <a:pt x="383" y="285"/>
                    <a:pt x="382" y="283"/>
                    <a:pt x="380" y="285"/>
                  </a:cubicBezTo>
                  <a:cubicBezTo>
                    <a:pt x="380" y="286"/>
                    <a:pt x="380" y="280"/>
                    <a:pt x="379" y="285"/>
                  </a:cubicBezTo>
                  <a:cubicBezTo>
                    <a:pt x="377" y="289"/>
                    <a:pt x="374" y="289"/>
                    <a:pt x="374" y="291"/>
                  </a:cubicBezTo>
                  <a:cubicBezTo>
                    <a:pt x="376" y="293"/>
                    <a:pt x="373" y="297"/>
                    <a:pt x="371" y="299"/>
                  </a:cubicBezTo>
                  <a:cubicBezTo>
                    <a:pt x="370" y="299"/>
                    <a:pt x="373" y="300"/>
                    <a:pt x="370" y="302"/>
                  </a:cubicBezTo>
                  <a:cubicBezTo>
                    <a:pt x="368" y="302"/>
                    <a:pt x="370" y="299"/>
                    <a:pt x="368" y="300"/>
                  </a:cubicBezTo>
                  <a:cubicBezTo>
                    <a:pt x="365" y="300"/>
                    <a:pt x="368" y="300"/>
                    <a:pt x="368" y="302"/>
                  </a:cubicBezTo>
                  <a:cubicBezTo>
                    <a:pt x="370" y="305"/>
                    <a:pt x="371" y="303"/>
                    <a:pt x="368" y="303"/>
                  </a:cubicBezTo>
                  <a:cubicBezTo>
                    <a:pt x="366" y="305"/>
                    <a:pt x="365" y="308"/>
                    <a:pt x="366" y="307"/>
                  </a:cubicBezTo>
                  <a:cubicBezTo>
                    <a:pt x="370" y="307"/>
                    <a:pt x="365" y="310"/>
                    <a:pt x="366" y="313"/>
                  </a:cubicBezTo>
                  <a:cubicBezTo>
                    <a:pt x="368" y="314"/>
                    <a:pt x="366" y="316"/>
                    <a:pt x="365" y="313"/>
                  </a:cubicBezTo>
                  <a:cubicBezTo>
                    <a:pt x="363" y="311"/>
                    <a:pt x="362" y="313"/>
                    <a:pt x="363" y="314"/>
                  </a:cubicBezTo>
                  <a:cubicBezTo>
                    <a:pt x="363" y="314"/>
                    <a:pt x="366" y="314"/>
                    <a:pt x="363" y="316"/>
                  </a:cubicBezTo>
                  <a:cubicBezTo>
                    <a:pt x="362" y="317"/>
                    <a:pt x="362" y="314"/>
                    <a:pt x="360" y="316"/>
                  </a:cubicBezTo>
                  <a:cubicBezTo>
                    <a:pt x="360" y="317"/>
                    <a:pt x="363" y="317"/>
                    <a:pt x="362" y="319"/>
                  </a:cubicBezTo>
                  <a:cubicBezTo>
                    <a:pt x="359" y="320"/>
                    <a:pt x="359" y="324"/>
                    <a:pt x="357" y="322"/>
                  </a:cubicBezTo>
                  <a:cubicBezTo>
                    <a:pt x="356" y="320"/>
                    <a:pt x="356" y="324"/>
                    <a:pt x="356" y="322"/>
                  </a:cubicBezTo>
                  <a:cubicBezTo>
                    <a:pt x="354" y="320"/>
                    <a:pt x="354" y="324"/>
                    <a:pt x="354" y="324"/>
                  </a:cubicBezTo>
                  <a:cubicBezTo>
                    <a:pt x="356" y="325"/>
                    <a:pt x="353" y="328"/>
                    <a:pt x="351" y="330"/>
                  </a:cubicBezTo>
                  <a:cubicBezTo>
                    <a:pt x="350" y="331"/>
                    <a:pt x="351" y="328"/>
                    <a:pt x="348" y="330"/>
                  </a:cubicBezTo>
                  <a:cubicBezTo>
                    <a:pt x="347" y="333"/>
                    <a:pt x="347" y="330"/>
                    <a:pt x="345" y="333"/>
                  </a:cubicBezTo>
                  <a:cubicBezTo>
                    <a:pt x="344" y="335"/>
                    <a:pt x="342" y="335"/>
                    <a:pt x="344" y="335"/>
                  </a:cubicBezTo>
                  <a:cubicBezTo>
                    <a:pt x="345" y="336"/>
                    <a:pt x="342" y="336"/>
                    <a:pt x="342" y="338"/>
                  </a:cubicBezTo>
                  <a:cubicBezTo>
                    <a:pt x="342" y="339"/>
                    <a:pt x="341" y="339"/>
                    <a:pt x="338" y="341"/>
                  </a:cubicBezTo>
                  <a:cubicBezTo>
                    <a:pt x="336" y="342"/>
                    <a:pt x="336" y="339"/>
                    <a:pt x="335" y="339"/>
                  </a:cubicBezTo>
                  <a:cubicBezTo>
                    <a:pt x="335" y="339"/>
                    <a:pt x="336" y="342"/>
                    <a:pt x="335" y="342"/>
                  </a:cubicBezTo>
                  <a:cubicBezTo>
                    <a:pt x="333" y="341"/>
                    <a:pt x="331" y="339"/>
                    <a:pt x="330" y="342"/>
                  </a:cubicBezTo>
                  <a:cubicBezTo>
                    <a:pt x="328" y="344"/>
                    <a:pt x="328" y="339"/>
                    <a:pt x="327" y="341"/>
                  </a:cubicBezTo>
                  <a:cubicBezTo>
                    <a:pt x="325" y="341"/>
                    <a:pt x="328" y="342"/>
                    <a:pt x="327" y="344"/>
                  </a:cubicBezTo>
                  <a:cubicBezTo>
                    <a:pt x="325" y="344"/>
                    <a:pt x="325" y="341"/>
                    <a:pt x="325" y="342"/>
                  </a:cubicBezTo>
                  <a:cubicBezTo>
                    <a:pt x="324" y="344"/>
                    <a:pt x="325" y="344"/>
                    <a:pt x="325" y="345"/>
                  </a:cubicBezTo>
                  <a:cubicBezTo>
                    <a:pt x="324" y="345"/>
                    <a:pt x="324" y="345"/>
                    <a:pt x="322" y="345"/>
                  </a:cubicBezTo>
                  <a:cubicBezTo>
                    <a:pt x="321" y="344"/>
                    <a:pt x="322" y="344"/>
                    <a:pt x="321" y="342"/>
                  </a:cubicBezTo>
                  <a:cubicBezTo>
                    <a:pt x="319" y="341"/>
                    <a:pt x="319" y="338"/>
                    <a:pt x="318" y="339"/>
                  </a:cubicBezTo>
                  <a:cubicBezTo>
                    <a:pt x="318" y="339"/>
                    <a:pt x="319" y="344"/>
                    <a:pt x="319" y="345"/>
                  </a:cubicBezTo>
                  <a:cubicBezTo>
                    <a:pt x="318" y="348"/>
                    <a:pt x="318" y="345"/>
                    <a:pt x="316" y="347"/>
                  </a:cubicBezTo>
                  <a:cubicBezTo>
                    <a:pt x="316" y="348"/>
                    <a:pt x="315" y="345"/>
                    <a:pt x="315" y="348"/>
                  </a:cubicBezTo>
                  <a:cubicBezTo>
                    <a:pt x="315" y="352"/>
                    <a:pt x="313" y="347"/>
                    <a:pt x="312" y="350"/>
                  </a:cubicBezTo>
                  <a:cubicBezTo>
                    <a:pt x="310" y="352"/>
                    <a:pt x="310" y="348"/>
                    <a:pt x="309" y="350"/>
                  </a:cubicBezTo>
                  <a:cubicBezTo>
                    <a:pt x="307" y="353"/>
                    <a:pt x="309" y="352"/>
                    <a:pt x="307" y="350"/>
                  </a:cubicBezTo>
                  <a:cubicBezTo>
                    <a:pt x="304" y="350"/>
                    <a:pt x="307" y="352"/>
                    <a:pt x="303" y="353"/>
                  </a:cubicBezTo>
                  <a:cubicBezTo>
                    <a:pt x="298" y="355"/>
                    <a:pt x="300" y="353"/>
                    <a:pt x="296" y="355"/>
                  </a:cubicBezTo>
                  <a:cubicBezTo>
                    <a:pt x="293" y="356"/>
                    <a:pt x="292" y="358"/>
                    <a:pt x="292" y="359"/>
                  </a:cubicBezTo>
                  <a:cubicBezTo>
                    <a:pt x="292" y="361"/>
                    <a:pt x="293" y="358"/>
                    <a:pt x="293" y="361"/>
                  </a:cubicBezTo>
                  <a:cubicBezTo>
                    <a:pt x="293" y="364"/>
                    <a:pt x="296" y="364"/>
                    <a:pt x="292" y="366"/>
                  </a:cubicBezTo>
                  <a:cubicBezTo>
                    <a:pt x="289" y="367"/>
                    <a:pt x="290" y="366"/>
                    <a:pt x="290" y="364"/>
                  </a:cubicBezTo>
                  <a:cubicBezTo>
                    <a:pt x="289" y="363"/>
                    <a:pt x="287" y="363"/>
                    <a:pt x="289" y="361"/>
                  </a:cubicBezTo>
                  <a:cubicBezTo>
                    <a:pt x="289" y="359"/>
                    <a:pt x="287" y="361"/>
                    <a:pt x="287" y="358"/>
                  </a:cubicBezTo>
                  <a:cubicBezTo>
                    <a:pt x="289" y="355"/>
                    <a:pt x="290" y="355"/>
                    <a:pt x="289" y="353"/>
                  </a:cubicBezTo>
                  <a:cubicBezTo>
                    <a:pt x="289" y="353"/>
                    <a:pt x="289" y="355"/>
                    <a:pt x="287" y="353"/>
                  </a:cubicBezTo>
                  <a:cubicBezTo>
                    <a:pt x="286" y="350"/>
                    <a:pt x="286" y="352"/>
                    <a:pt x="287" y="353"/>
                  </a:cubicBezTo>
                  <a:cubicBezTo>
                    <a:pt x="287" y="355"/>
                    <a:pt x="286" y="353"/>
                    <a:pt x="284" y="355"/>
                  </a:cubicBezTo>
                  <a:cubicBezTo>
                    <a:pt x="281" y="355"/>
                    <a:pt x="286" y="352"/>
                    <a:pt x="283" y="352"/>
                  </a:cubicBezTo>
                  <a:cubicBezTo>
                    <a:pt x="280" y="352"/>
                    <a:pt x="280" y="348"/>
                    <a:pt x="278" y="350"/>
                  </a:cubicBezTo>
                  <a:cubicBezTo>
                    <a:pt x="278" y="352"/>
                    <a:pt x="280" y="352"/>
                    <a:pt x="278" y="353"/>
                  </a:cubicBezTo>
                  <a:cubicBezTo>
                    <a:pt x="278" y="353"/>
                    <a:pt x="277" y="350"/>
                    <a:pt x="277" y="353"/>
                  </a:cubicBezTo>
                  <a:cubicBezTo>
                    <a:pt x="277" y="355"/>
                    <a:pt x="275" y="353"/>
                    <a:pt x="275" y="353"/>
                  </a:cubicBezTo>
                  <a:cubicBezTo>
                    <a:pt x="272" y="352"/>
                    <a:pt x="271" y="353"/>
                    <a:pt x="269" y="352"/>
                  </a:cubicBezTo>
                  <a:cubicBezTo>
                    <a:pt x="269" y="350"/>
                    <a:pt x="268" y="352"/>
                    <a:pt x="268" y="350"/>
                  </a:cubicBezTo>
                  <a:cubicBezTo>
                    <a:pt x="266" y="347"/>
                    <a:pt x="265" y="348"/>
                    <a:pt x="265" y="347"/>
                  </a:cubicBezTo>
                  <a:cubicBezTo>
                    <a:pt x="265" y="344"/>
                    <a:pt x="262" y="345"/>
                    <a:pt x="265" y="342"/>
                  </a:cubicBezTo>
                  <a:cubicBezTo>
                    <a:pt x="266" y="339"/>
                    <a:pt x="265" y="339"/>
                    <a:pt x="263" y="339"/>
                  </a:cubicBezTo>
                  <a:cubicBezTo>
                    <a:pt x="260" y="341"/>
                    <a:pt x="262" y="338"/>
                    <a:pt x="258" y="339"/>
                  </a:cubicBezTo>
                  <a:cubicBezTo>
                    <a:pt x="255" y="339"/>
                    <a:pt x="254" y="333"/>
                    <a:pt x="252" y="335"/>
                  </a:cubicBezTo>
                  <a:cubicBezTo>
                    <a:pt x="251" y="338"/>
                    <a:pt x="249" y="336"/>
                    <a:pt x="249" y="338"/>
                  </a:cubicBezTo>
                  <a:cubicBezTo>
                    <a:pt x="251" y="339"/>
                    <a:pt x="246" y="342"/>
                    <a:pt x="245" y="341"/>
                  </a:cubicBezTo>
                  <a:cubicBezTo>
                    <a:pt x="245" y="339"/>
                    <a:pt x="243" y="339"/>
                    <a:pt x="243" y="342"/>
                  </a:cubicBezTo>
                  <a:cubicBezTo>
                    <a:pt x="243" y="345"/>
                    <a:pt x="242" y="342"/>
                    <a:pt x="240" y="341"/>
                  </a:cubicBezTo>
                  <a:cubicBezTo>
                    <a:pt x="240" y="341"/>
                    <a:pt x="240" y="342"/>
                    <a:pt x="239" y="341"/>
                  </a:cubicBezTo>
                  <a:cubicBezTo>
                    <a:pt x="237" y="338"/>
                    <a:pt x="237" y="344"/>
                    <a:pt x="236" y="344"/>
                  </a:cubicBezTo>
                  <a:cubicBezTo>
                    <a:pt x="234" y="344"/>
                    <a:pt x="236" y="342"/>
                    <a:pt x="233" y="341"/>
                  </a:cubicBezTo>
                  <a:cubicBezTo>
                    <a:pt x="230" y="339"/>
                    <a:pt x="231" y="344"/>
                    <a:pt x="228" y="344"/>
                  </a:cubicBezTo>
                  <a:cubicBezTo>
                    <a:pt x="227" y="344"/>
                    <a:pt x="222" y="344"/>
                    <a:pt x="225" y="348"/>
                  </a:cubicBezTo>
                  <a:cubicBezTo>
                    <a:pt x="227" y="355"/>
                    <a:pt x="225" y="353"/>
                    <a:pt x="225" y="355"/>
                  </a:cubicBezTo>
                  <a:cubicBezTo>
                    <a:pt x="227" y="356"/>
                    <a:pt x="225" y="358"/>
                    <a:pt x="225" y="356"/>
                  </a:cubicBezTo>
                  <a:cubicBezTo>
                    <a:pt x="223" y="355"/>
                    <a:pt x="222" y="359"/>
                    <a:pt x="220" y="353"/>
                  </a:cubicBezTo>
                  <a:cubicBezTo>
                    <a:pt x="220" y="352"/>
                    <a:pt x="220" y="348"/>
                    <a:pt x="217" y="352"/>
                  </a:cubicBezTo>
                  <a:cubicBezTo>
                    <a:pt x="214" y="356"/>
                    <a:pt x="214" y="353"/>
                    <a:pt x="213" y="353"/>
                  </a:cubicBezTo>
                  <a:cubicBezTo>
                    <a:pt x="211" y="355"/>
                    <a:pt x="213" y="352"/>
                    <a:pt x="211" y="352"/>
                  </a:cubicBezTo>
                  <a:cubicBezTo>
                    <a:pt x="210" y="350"/>
                    <a:pt x="211" y="348"/>
                    <a:pt x="210" y="347"/>
                  </a:cubicBezTo>
                  <a:cubicBezTo>
                    <a:pt x="208" y="347"/>
                    <a:pt x="204" y="348"/>
                    <a:pt x="205" y="345"/>
                  </a:cubicBezTo>
                  <a:cubicBezTo>
                    <a:pt x="207" y="341"/>
                    <a:pt x="205" y="342"/>
                    <a:pt x="205" y="339"/>
                  </a:cubicBezTo>
                  <a:cubicBezTo>
                    <a:pt x="207" y="338"/>
                    <a:pt x="210" y="338"/>
                    <a:pt x="205" y="338"/>
                  </a:cubicBezTo>
                  <a:cubicBezTo>
                    <a:pt x="201" y="338"/>
                    <a:pt x="202" y="335"/>
                    <a:pt x="201" y="331"/>
                  </a:cubicBezTo>
                  <a:cubicBezTo>
                    <a:pt x="199" y="328"/>
                    <a:pt x="204" y="325"/>
                    <a:pt x="201" y="327"/>
                  </a:cubicBezTo>
                  <a:cubicBezTo>
                    <a:pt x="199" y="328"/>
                    <a:pt x="198" y="325"/>
                    <a:pt x="195" y="328"/>
                  </a:cubicBezTo>
                  <a:cubicBezTo>
                    <a:pt x="192" y="330"/>
                    <a:pt x="192" y="328"/>
                    <a:pt x="193" y="327"/>
                  </a:cubicBezTo>
                  <a:cubicBezTo>
                    <a:pt x="195" y="325"/>
                    <a:pt x="188" y="322"/>
                    <a:pt x="193" y="320"/>
                  </a:cubicBezTo>
                  <a:cubicBezTo>
                    <a:pt x="195" y="319"/>
                    <a:pt x="192" y="316"/>
                    <a:pt x="195" y="314"/>
                  </a:cubicBezTo>
                  <a:cubicBezTo>
                    <a:pt x="198" y="314"/>
                    <a:pt x="196" y="311"/>
                    <a:pt x="198" y="311"/>
                  </a:cubicBezTo>
                  <a:cubicBezTo>
                    <a:pt x="199" y="313"/>
                    <a:pt x="198" y="310"/>
                    <a:pt x="201" y="310"/>
                  </a:cubicBezTo>
                  <a:cubicBezTo>
                    <a:pt x="202" y="310"/>
                    <a:pt x="199" y="307"/>
                    <a:pt x="201" y="302"/>
                  </a:cubicBezTo>
                  <a:cubicBezTo>
                    <a:pt x="202" y="297"/>
                    <a:pt x="199" y="296"/>
                    <a:pt x="201" y="294"/>
                  </a:cubicBezTo>
                  <a:cubicBezTo>
                    <a:pt x="202" y="293"/>
                    <a:pt x="201" y="289"/>
                    <a:pt x="199" y="291"/>
                  </a:cubicBezTo>
                  <a:cubicBezTo>
                    <a:pt x="196" y="293"/>
                    <a:pt x="199" y="286"/>
                    <a:pt x="195" y="283"/>
                  </a:cubicBezTo>
                  <a:cubicBezTo>
                    <a:pt x="190" y="279"/>
                    <a:pt x="192" y="283"/>
                    <a:pt x="190" y="285"/>
                  </a:cubicBezTo>
                  <a:cubicBezTo>
                    <a:pt x="188" y="283"/>
                    <a:pt x="188" y="282"/>
                    <a:pt x="184" y="283"/>
                  </a:cubicBezTo>
                  <a:cubicBezTo>
                    <a:pt x="178" y="283"/>
                    <a:pt x="185" y="282"/>
                    <a:pt x="184" y="277"/>
                  </a:cubicBezTo>
                  <a:cubicBezTo>
                    <a:pt x="184" y="274"/>
                    <a:pt x="179" y="279"/>
                    <a:pt x="182" y="275"/>
                  </a:cubicBezTo>
                  <a:cubicBezTo>
                    <a:pt x="184" y="272"/>
                    <a:pt x="182" y="275"/>
                    <a:pt x="181" y="272"/>
                  </a:cubicBezTo>
                  <a:cubicBezTo>
                    <a:pt x="181" y="271"/>
                    <a:pt x="176" y="272"/>
                    <a:pt x="176" y="274"/>
                  </a:cubicBezTo>
                  <a:cubicBezTo>
                    <a:pt x="175" y="275"/>
                    <a:pt x="173" y="275"/>
                    <a:pt x="170" y="274"/>
                  </a:cubicBezTo>
                  <a:cubicBezTo>
                    <a:pt x="169" y="272"/>
                    <a:pt x="167" y="274"/>
                    <a:pt x="164" y="277"/>
                  </a:cubicBezTo>
                  <a:cubicBezTo>
                    <a:pt x="161" y="280"/>
                    <a:pt x="158" y="279"/>
                    <a:pt x="157" y="282"/>
                  </a:cubicBezTo>
                  <a:cubicBezTo>
                    <a:pt x="157" y="285"/>
                    <a:pt x="153" y="283"/>
                    <a:pt x="153" y="286"/>
                  </a:cubicBezTo>
                  <a:cubicBezTo>
                    <a:pt x="153" y="288"/>
                    <a:pt x="150" y="289"/>
                    <a:pt x="144" y="289"/>
                  </a:cubicBezTo>
                  <a:cubicBezTo>
                    <a:pt x="146" y="286"/>
                    <a:pt x="144" y="286"/>
                    <a:pt x="143" y="286"/>
                  </a:cubicBezTo>
                  <a:cubicBezTo>
                    <a:pt x="141" y="285"/>
                    <a:pt x="141" y="288"/>
                    <a:pt x="140" y="286"/>
                  </a:cubicBezTo>
                  <a:cubicBezTo>
                    <a:pt x="138" y="285"/>
                    <a:pt x="134" y="286"/>
                    <a:pt x="135" y="285"/>
                  </a:cubicBezTo>
                  <a:cubicBezTo>
                    <a:pt x="137" y="283"/>
                    <a:pt x="131" y="282"/>
                    <a:pt x="129" y="286"/>
                  </a:cubicBezTo>
                  <a:cubicBezTo>
                    <a:pt x="128" y="289"/>
                    <a:pt x="126" y="286"/>
                    <a:pt x="126" y="289"/>
                  </a:cubicBezTo>
                  <a:cubicBezTo>
                    <a:pt x="125" y="293"/>
                    <a:pt x="125" y="291"/>
                    <a:pt x="123" y="294"/>
                  </a:cubicBezTo>
                  <a:cubicBezTo>
                    <a:pt x="122" y="289"/>
                    <a:pt x="128" y="282"/>
                    <a:pt x="117" y="288"/>
                  </a:cubicBezTo>
                  <a:cubicBezTo>
                    <a:pt x="117" y="288"/>
                    <a:pt x="115" y="288"/>
                    <a:pt x="114" y="288"/>
                  </a:cubicBezTo>
                  <a:cubicBezTo>
                    <a:pt x="114" y="289"/>
                    <a:pt x="114" y="288"/>
                    <a:pt x="111" y="288"/>
                  </a:cubicBezTo>
                  <a:cubicBezTo>
                    <a:pt x="109" y="289"/>
                    <a:pt x="106" y="283"/>
                    <a:pt x="105" y="286"/>
                  </a:cubicBezTo>
                  <a:cubicBezTo>
                    <a:pt x="105" y="288"/>
                    <a:pt x="103" y="288"/>
                    <a:pt x="102" y="286"/>
                  </a:cubicBezTo>
                  <a:cubicBezTo>
                    <a:pt x="100" y="283"/>
                    <a:pt x="102" y="288"/>
                    <a:pt x="100" y="288"/>
                  </a:cubicBezTo>
                  <a:cubicBezTo>
                    <a:pt x="99" y="288"/>
                    <a:pt x="99" y="283"/>
                    <a:pt x="97" y="283"/>
                  </a:cubicBezTo>
                  <a:cubicBezTo>
                    <a:pt x="94" y="283"/>
                    <a:pt x="93" y="285"/>
                    <a:pt x="94" y="282"/>
                  </a:cubicBezTo>
                  <a:cubicBezTo>
                    <a:pt x="94" y="280"/>
                    <a:pt x="94" y="280"/>
                    <a:pt x="93" y="280"/>
                  </a:cubicBezTo>
                  <a:cubicBezTo>
                    <a:pt x="91" y="282"/>
                    <a:pt x="87" y="279"/>
                    <a:pt x="87" y="275"/>
                  </a:cubicBezTo>
                  <a:cubicBezTo>
                    <a:pt x="87" y="272"/>
                    <a:pt x="85" y="274"/>
                    <a:pt x="82" y="274"/>
                  </a:cubicBezTo>
                  <a:cubicBezTo>
                    <a:pt x="80" y="275"/>
                    <a:pt x="79" y="269"/>
                    <a:pt x="77" y="269"/>
                  </a:cubicBezTo>
                  <a:cubicBezTo>
                    <a:pt x="74" y="269"/>
                    <a:pt x="74" y="266"/>
                    <a:pt x="71" y="266"/>
                  </a:cubicBezTo>
                  <a:cubicBezTo>
                    <a:pt x="68" y="265"/>
                    <a:pt x="73" y="263"/>
                    <a:pt x="67" y="261"/>
                  </a:cubicBezTo>
                  <a:cubicBezTo>
                    <a:pt x="62" y="260"/>
                    <a:pt x="64" y="269"/>
                    <a:pt x="61" y="263"/>
                  </a:cubicBezTo>
                  <a:cubicBezTo>
                    <a:pt x="61" y="261"/>
                    <a:pt x="56" y="260"/>
                    <a:pt x="53" y="257"/>
                  </a:cubicBezTo>
                  <a:cubicBezTo>
                    <a:pt x="50" y="254"/>
                    <a:pt x="50" y="258"/>
                    <a:pt x="47" y="252"/>
                  </a:cubicBezTo>
                  <a:cubicBezTo>
                    <a:pt x="45" y="249"/>
                    <a:pt x="42" y="255"/>
                    <a:pt x="42" y="251"/>
                  </a:cubicBezTo>
                  <a:cubicBezTo>
                    <a:pt x="44" y="246"/>
                    <a:pt x="42" y="243"/>
                    <a:pt x="41" y="241"/>
                  </a:cubicBezTo>
                  <a:cubicBezTo>
                    <a:pt x="39" y="238"/>
                    <a:pt x="42" y="238"/>
                    <a:pt x="44" y="240"/>
                  </a:cubicBezTo>
                  <a:cubicBezTo>
                    <a:pt x="45" y="243"/>
                    <a:pt x="45" y="240"/>
                    <a:pt x="47" y="240"/>
                  </a:cubicBezTo>
                  <a:cubicBezTo>
                    <a:pt x="52" y="238"/>
                    <a:pt x="47" y="235"/>
                    <a:pt x="48" y="234"/>
                  </a:cubicBezTo>
                  <a:cubicBezTo>
                    <a:pt x="48" y="232"/>
                    <a:pt x="42" y="232"/>
                    <a:pt x="44" y="227"/>
                  </a:cubicBezTo>
                  <a:cubicBezTo>
                    <a:pt x="45" y="226"/>
                    <a:pt x="41" y="224"/>
                    <a:pt x="47" y="223"/>
                  </a:cubicBezTo>
                  <a:cubicBezTo>
                    <a:pt x="52" y="223"/>
                    <a:pt x="47" y="221"/>
                    <a:pt x="53" y="216"/>
                  </a:cubicBezTo>
                  <a:cubicBezTo>
                    <a:pt x="56" y="213"/>
                    <a:pt x="53" y="213"/>
                    <a:pt x="55" y="210"/>
                  </a:cubicBezTo>
                  <a:cubicBezTo>
                    <a:pt x="58" y="207"/>
                    <a:pt x="55" y="206"/>
                    <a:pt x="55" y="207"/>
                  </a:cubicBezTo>
                  <a:cubicBezTo>
                    <a:pt x="53" y="210"/>
                    <a:pt x="53" y="206"/>
                    <a:pt x="52" y="207"/>
                  </a:cubicBezTo>
                  <a:cubicBezTo>
                    <a:pt x="50" y="207"/>
                    <a:pt x="52" y="202"/>
                    <a:pt x="45" y="202"/>
                  </a:cubicBezTo>
                  <a:cubicBezTo>
                    <a:pt x="39" y="204"/>
                    <a:pt x="41" y="206"/>
                    <a:pt x="36" y="207"/>
                  </a:cubicBezTo>
                  <a:cubicBezTo>
                    <a:pt x="35" y="207"/>
                    <a:pt x="35" y="207"/>
                    <a:pt x="35" y="207"/>
                  </a:cubicBezTo>
                  <a:cubicBezTo>
                    <a:pt x="32" y="207"/>
                    <a:pt x="27" y="206"/>
                    <a:pt x="26" y="204"/>
                  </a:cubicBezTo>
                  <a:cubicBezTo>
                    <a:pt x="26" y="202"/>
                    <a:pt x="24" y="206"/>
                    <a:pt x="21" y="202"/>
                  </a:cubicBezTo>
                  <a:cubicBezTo>
                    <a:pt x="20" y="199"/>
                    <a:pt x="23" y="201"/>
                    <a:pt x="21" y="196"/>
                  </a:cubicBezTo>
                  <a:cubicBezTo>
                    <a:pt x="18" y="192"/>
                    <a:pt x="17" y="196"/>
                    <a:pt x="17" y="193"/>
                  </a:cubicBezTo>
                  <a:cubicBezTo>
                    <a:pt x="15" y="190"/>
                    <a:pt x="12" y="193"/>
                    <a:pt x="9" y="190"/>
                  </a:cubicBezTo>
                  <a:cubicBezTo>
                    <a:pt x="7" y="190"/>
                    <a:pt x="7" y="188"/>
                    <a:pt x="10" y="188"/>
                  </a:cubicBezTo>
                  <a:cubicBezTo>
                    <a:pt x="13" y="188"/>
                    <a:pt x="15" y="187"/>
                    <a:pt x="13" y="185"/>
                  </a:cubicBezTo>
                  <a:cubicBezTo>
                    <a:pt x="10" y="184"/>
                    <a:pt x="13" y="181"/>
                    <a:pt x="12" y="179"/>
                  </a:cubicBezTo>
                  <a:cubicBezTo>
                    <a:pt x="10" y="178"/>
                    <a:pt x="12" y="176"/>
                    <a:pt x="12" y="174"/>
                  </a:cubicBezTo>
                  <a:cubicBezTo>
                    <a:pt x="10" y="173"/>
                    <a:pt x="6" y="171"/>
                    <a:pt x="6" y="174"/>
                  </a:cubicBezTo>
                  <a:cubicBezTo>
                    <a:pt x="6" y="176"/>
                    <a:pt x="3" y="173"/>
                    <a:pt x="4" y="170"/>
                  </a:cubicBezTo>
                  <a:cubicBezTo>
                    <a:pt x="4" y="168"/>
                    <a:pt x="1" y="168"/>
                    <a:pt x="3" y="165"/>
                  </a:cubicBezTo>
                  <a:cubicBezTo>
                    <a:pt x="9" y="164"/>
                    <a:pt x="0" y="159"/>
                    <a:pt x="7" y="157"/>
                  </a:cubicBezTo>
                  <a:cubicBezTo>
                    <a:pt x="13" y="156"/>
                    <a:pt x="10" y="153"/>
                    <a:pt x="13" y="153"/>
                  </a:cubicBezTo>
                  <a:cubicBezTo>
                    <a:pt x="18" y="154"/>
                    <a:pt x="17" y="148"/>
                    <a:pt x="18" y="153"/>
                  </a:cubicBezTo>
                  <a:cubicBezTo>
                    <a:pt x="20" y="157"/>
                    <a:pt x="21" y="153"/>
                    <a:pt x="23" y="154"/>
                  </a:cubicBezTo>
                  <a:cubicBezTo>
                    <a:pt x="26" y="156"/>
                    <a:pt x="26" y="153"/>
                    <a:pt x="27" y="148"/>
                  </a:cubicBezTo>
                  <a:cubicBezTo>
                    <a:pt x="29" y="145"/>
                    <a:pt x="38" y="150"/>
                    <a:pt x="39" y="143"/>
                  </a:cubicBezTo>
                  <a:cubicBezTo>
                    <a:pt x="41" y="140"/>
                    <a:pt x="48" y="139"/>
                    <a:pt x="52" y="137"/>
                  </a:cubicBezTo>
                  <a:cubicBezTo>
                    <a:pt x="53" y="136"/>
                    <a:pt x="53" y="137"/>
                    <a:pt x="56" y="134"/>
                  </a:cubicBezTo>
                  <a:cubicBezTo>
                    <a:pt x="56" y="132"/>
                    <a:pt x="53" y="128"/>
                    <a:pt x="56" y="126"/>
                  </a:cubicBezTo>
                  <a:cubicBezTo>
                    <a:pt x="59" y="126"/>
                    <a:pt x="55" y="125"/>
                    <a:pt x="58" y="123"/>
                  </a:cubicBezTo>
                  <a:cubicBezTo>
                    <a:pt x="62" y="122"/>
                    <a:pt x="55" y="109"/>
                    <a:pt x="56" y="106"/>
                  </a:cubicBezTo>
                  <a:cubicBezTo>
                    <a:pt x="58" y="103"/>
                    <a:pt x="47" y="103"/>
                    <a:pt x="55" y="101"/>
                  </a:cubicBezTo>
                  <a:cubicBezTo>
                    <a:pt x="59" y="100"/>
                    <a:pt x="65" y="98"/>
                    <a:pt x="67" y="98"/>
                  </a:cubicBezTo>
                  <a:cubicBezTo>
                    <a:pt x="70" y="100"/>
                    <a:pt x="73" y="101"/>
                    <a:pt x="74" y="98"/>
                  </a:cubicBezTo>
                  <a:cubicBezTo>
                    <a:pt x="74" y="95"/>
                    <a:pt x="70" y="97"/>
                    <a:pt x="71" y="94"/>
                  </a:cubicBezTo>
                  <a:cubicBezTo>
                    <a:pt x="74" y="91"/>
                    <a:pt x="76" y="81"/>
                    <a:pt x="76" y="78"/>
                  </a:cubicBezTo>
                  <a:cubicBezTo>
                    <a:pt x="77" y="73"/>
                    <a:pt x="82" y="80"/>
                    <a:pt x="87" y="80"/>
                  </a:cubicBezTo>
                  <a:cubicBezTo>
                    <a:pt x="91" y="78"/>
                    <a:pt x="90" y="81"/>
                    <a:pt x="93" y="80"/>
                  </a:cubicBezTo>
                  <a:cubicBezTo>
                    <a:pt x="97" y="78"/>
                    <a:pt x="99" y="76"/>
                    <a:pt x="97" y="73"/>
                  </a:cubicBezTo>
                  <a:cubicBezTo>
                    <a:pt x="96" y="70"/>
                    <a:pt x="94" y="64"/>
                    <a:pt x="103" y="61"/>
                  </a:cubicBezTo>
                  <a:cubicBezTo>
                    <a:pt x="111" y="59"/>
                    <a:pt x="102" y="53"/>
                    <a:pt x="111" y="55"/>
                  </a:cubicBezTo>
                  <a:cubicBezTo>
                    <a:pt x="115" y="53"/>
                    <a:pt x="115" y="53"/>
                    <a:pt x="115" y="53"/>
                  </a:cubicBezTo>
                  <a:cubicBezTo>
                    <a:pt x="114" y="58"/>
                    <a:pt x="118" y="64"/>
                    <a:pt x="123" y="66"/>
                  </a:cubicBezTo>
                  <a:cubicBezTo>
                    <a:pt x="126" y="69"/>
                    <a:pt x="128" y="64"/>
                    <a:pt x="129" y="67"/>
                  </a:cubicBezTo>
                  <a:cubicBezTo>
                    <a:pt x="131" y="70"/>
                    <a:pt x="132" y="67"/>
                    <a:pt x="132" y="69"/>
                  </a:cubicBezTo>
                  <a:cubicBezTo>
                    <a:pt x="134" y="72"/>
                    <a:pt x="141" y="78"/>
                    <a:pt x="140" y="84"/>
                  </a:cubicBezTo>
                  <a:cubicBezTo>
                    <a:pt x="138" y="91"/>
                    <a:pt x="141" y="89"/>
                    <a:pt x="138" y="94"/>
                  </a:cubicBezTo>
                  <a:cubicBezTo>
                    <a:pt x="137" y="95"/>
                    <a:pt x="137" y="100"/>
                    <a:pt x="141" y="100"/>
                  </a:cubicBezTo>
                  <a:cubicBezTo>
                    <a:pt x="144" y="100"/>
                    <a:pt x="147" y="101"/>
                    <a:pt x="152" y="101"/>
                  </a:cubicBezTo>
                  <a:cubicBezTo>
                    <a:pt x="157" y="101"/>
                    <a:pt x="161" y="101"/>
                    <a:pt x="169" y="109"/>
                  </a:cubicBezTo>
                  <a:cubicBezTo>
                    <a:pt x="178" y="117"/>
                    <a:pt x="176" y="111"/>
                    <a:pt x="178" y="117"/>
                  </a:cubicBezTo>
                  <a:cubicBezTo>
                    <a:pt x="179" y="125"/>
                    <a:pt x="181" y="122"/>
                    <a:pt x="182" y="126"/>
                  </a:cubicBezTo>
                  <a:cubicBezTo>
                    <a:pt x="182" y="129"/>
                    <a:pt x="185" y="126"/>
                    <a:pt x="188" y="128"/>
                  </a:cubicBezTo>
                  <a:cubicBezTo>
                    <a:pt x="202" y="129"/>
                    <a:pt x="204" y="129"/>
                    <a:pt x="214" y="128"/>
                  </a:cubicBezTo>
                  <a:cubicBezTo>
                    <a:pt x="225" y="128"/>
                    <a:pt x="228" y="134"/>
                    <a:pt x="231" y="134"/>
                  </a:cubicBezTo>
                  <a:cubicBezTo>
                    <a:pt x="234" y="134"/>
                    <a:pt x="240" y="140"/>
                    <a:pt x="245" y="137"/>
                  </a:cubicBezTo>
                  <a:cubicBezTo>
                    <a:pt x="249" y="136"/>
                    <a:pt x="246" y="140"/>
                    <a:pt x="248" y="140"/>
                  </a:cubicBezTo>
                  <a:cubicBezTo>
                    <a:pt x="251" y="139"/>
                    <a:pt x="251" y="142"/>
                    <a:pt x="252" y="140"/>
                  </a:cubicBezTo>
                  <a:cubicBezTo>
                    <a:pt x="265" y="132"/>
                    <a:pt x="265" y="136"/>
                    <a:pt x="268" y="132"/>
                  </a:cubicBezTo>
                  <a:cubicBezTo>
                    <a:pt x="272" y="129"/>
                    <a:pt x="269" y="131"/>
                    <a:pt x="274" y="131"/>
                  </a:cubicBezTo>
                  <a:cubicBezTo>
                    <a:pt x="280" y="131"/>
                    <a:pt x="280" y="132"/>
                    <a:pt x="283" y="131"/>
                  </a:cubicBezTo>
                  <a:cubicBezTo>
                    <a:pt x="284" y="129"/>
                    <a:pt x="286" y="132"/>
                    <a:pt x="287" y="131"/>
                  </a:cubicBezTo>
                  <a:cubicBezTo>
                    <a:pt x="289" y="128"/>
                    <a:pt x="292" y="129"/>
                    <a:pt x="295" y="125"/>
                  </a:cubicBezTo>
                  <a:cubicBezTo>
                    <a:pt x="300" y="120"/>
                    <a:pt x="301" y="120"/>
                    <a:pt x="306" y="117"/>
                  </a:cubicBezTo>
                  <a:cubicBezTo>
                    <a:pt x="309" y="115"/>
                    <a:pt x="303" y="112"/>
                    <a:pt x="303" y="109"/>
                  </a:cubicBezTo>
                  <a:cubicBezTo>
                    <a:pt x="303" y="104"/>
                    <a:pt x="303" y="101"/>
                    <a:pt x="306" y="101"/>
                  </a:cubicBezTo>
                  <a:cubicBezTo>
                    <a:pt x="310" y="100"/>
                    <a:pt x="313" y="108"/>
                    <a:pt x="321" y="104"/>
                  </a:cubicBezTo>
                  <a:cubicBezTo>
                    <a:pt x="327" y="101"/>
                    <a:pt x="325" y="97"/>
                    <a:pt x="330" y="97"/>
                  </a:cubicBezTo>
                  <a:cubicBezTo>
                    <a:pt x="333" y="98"/>
                    <a:pt x="336" y="97"/>
                    <a:pt x="339" y="94"/>
                  </a:cubicBezTo>
                  <a:cubicBezTo>
                    <a:pt x="342" y="92"/>
                    <a:pt x="339" y="92"/>
                    <a:pt x="342" y="87"/>
                  </a:cubicBezTo>
                  <a:cubicBezTo>
                    <a:pt x="345" y="84"/>
                    <a:pt x="350" y="86"/>
                    <a:pt x="353" y="83"/>
                  </a:cubicBezTo>
                  <a:cubicBezTo>
                    <a:pt x="357" y="81"/>
                    <a:pt x="359" y="84"/>
                    <a:pt x="360" y="83"/>
                  </a:cubicBezTo>
                  <a:cubicBezTo>
                    <a:pt x="362" y="81"/>
                    <a:pt x="366" y="84"/>
                    <a:pt x="370" y="83"/>
                  </a:cubicBezTo>
                  <a:cubicBezTo>
                    <a:pt x="371" y="81"/>
                    <a:pt x="368" y="76"/>
                    <a:pt x="365" y="73"/>
                  </a:cubicBezTo>
                  <a:cubicBezTo>
                    <a:pt x="362" y="70"/>
                    <a:pt x="360" y="67"/>
                    <a:pt x="354" y="67"/>
                  </a:cubicBezTo>
                  <a:cubicBezTo>
                    <a:pt x="348" y="67"/>
                    <a:pt x="351" y="73"/>
                    <a:pt x="348" y="70"/>
                  </a:cubicBezTo>
                  <a:cubicBezTo>
                    <a:pt x="345" y="69"/>
                    <a:pt x="341" y="69"/>
                    <a:pt x="339" y="70"/>
                  </a:cubicBezTo>
                  <a:cubicBezTo>
                    <a:pt x="338" y="72"/>
                    <a:pt x="333" y="67"/>
                    <a:pt x="336" y="66"/>
                  </a:cubicBezTo>
                  <a:cubicBezTo>
                    <a:pt x="339" y="63"/>
                    <a:pt x="333" y="67"/>
                    <a:pt x="344" y="46"/>
                  </a:cubicBezTo>
                  <a:cubicBezTo>
                    <a:pt x="351" y="50"/>
                    <a:pt x="354" y="50"/>
                    <a:pt x="360" y="44"/>
                  </a:cubicBezTo>
                  <a:cubicBezTo>
                    <a:pt x="366" y="38"/>
                    <a:pt x="365" y="33"/>
                    <a:pt x="373" y="24"/>
                  </a:cubicBezTo>
                  <a:cubicBezTo>
                    <a:pt x="379" y="16"/>
                    <a:pt x="376" y="13"/>
                    <a:pt x="371" y="13"/>
                  </a:cubicBezTo>
                  <a:cubicBezTo>
                    <a:pt x="366" y="13"/>
                    <a:pt x="373" y="3"/>
                    <a:pt x="388" y="2"/>
                  </a:cubicBezTo>
                  <a:cubicBezTo>
                    <a:pt x="401" y="0"/>
                    <a:pt x="406" y="5"/>
                    <a:pt x="411" y="5"/>
                  </a:cubicBezTo>
                  <a:cubicBezTo>
                    <a:pt x="415" y="5"/>
                    <a:pt x="424" y="18"/>
                    <a:pt x="427" y="33"/>
                  </a:cubicBezTo>
                  <a:cubicBezTo>
                    <a:pt x="429" y="50"/>
                    <a:pt x="432" y="49"/>
                    <a:pt x="441" y="50"/>
                  </a:cubicBezTo>
                  <a:cubicBezTo>
                    <a:pt x="450" y="52"/>
                    <a:pt x="447" y="56"/>
                    <a:pt x="452" y="56"/>
                  </a:cubicBezTo>
                  <a:cubicBezTo>
                    <a:pt x="456" y="58"/>
                    <a:pt x="452" y="61"/>
                    <a:pt x="455" y="63"/>
                  </a:cubicBezTo>
                  <a:cubicBezTo>
                    <a:pt x="458" y="64"/>
                    <a:pt x="452" y="66"/>
                    <a:pt x="456" y="69"/>
                  </a:cubicBezTo>
                  <a:cubicBezTo>
                    <a:pt x="461" y="73"/>
                    <a:pt x="467" y="72"/>
                    <a:pt x="471" y="67"/>
                  </a:cubicBezTo>
                  <a:cubicBezTo>
                    <a:pt x="476" y="64"/>
                    <a:pt x="476" y="69"/>
                    <a:pt x="481" y="64"/>
                  </a:cubicBezTo>
                  <a:cubicBezTo>
                    <a:pt x="485" y="59"/>
                    <a:pt x="490" y="67"/>
                    <a:pt x="485" y="73"/>
                  </a:cubicBezTo>
                  <a:cubicBezTo>
                    <a:pt x="481" y="81"/>
                    <a:pt x="478" y="104"/>
                    <a:pt x="471" y="101"/>
                  </a:cubicBezTo>
                  <a:cubicBezTo>
                    <a:pt x="465" y="98"/>
                    <a:pt x="464" y="97"/>
                    <a:pt x="462" y="100"/>
                  </a:cubicBezTo>
                  <a:cubicBezTo>
                    <a:pt x="461" y="104"/>
                    <a:pt x="455" y="100"/>
                    <a:pt x="458" y="106"/>
                  </a:cubicBezTo>
                  <a:cubicBezTo>
                    <a:pt x="459" y="112"/>
                    <a:pt x="461" y="119"/>
                    <a:pt x="458" y="123"/>
                  </a:cubicBezTo>
                  <a:cubicBezTo>
                    <a:pt x="456" y="129"/>
                    <a:pt x="455" y="123"/>
                    <a:pt x="453" y="129"/>
                  </a:cubicBezTo>
                  <a:cubicBezTo>
                    <a:pt x="453" y="131"/>
                    <a:pt x="453" y="131"/>
                    <a:pt x="453" y="131"/>
                  </a:cubicBezTo>
                  <a:close/>
                </a:path>
              </a:pathLst>
            </a:custGeom>
            <a:solidFill>
              <a:schemeClr val="accent5"/>
            </a:solidFill>
            <a:ln w="6350" cmpd="sng">
              <a:solidFill>
                <a:schemeClr val="bg1"/>
              </a:solidFill>
              <a:round/>
              <a:headEnd/>
              <a:tailEnd/>
            </a:ln>
          </p:spPr>
          <p:txBody>
            <a:bodyPr/>
            <a:lstStyle/>
            <a:p>
              <a:endParaRPr lang="en-GB" sz="1633" dirty="0"/>
            </a:p>
          </p:txBody>
        </p:sp>
        <p:sp>
          <p:nvSpPr>
            <p:cNvPr id="89" name="Freeform 11"/>
            <p:cNvSpPr>
              <a:spLocks noEditPoints="1"/>
            </p:cNvSpPr>
            <p:nvPr/>
          </p:nvSpPr>
          <p:spPr bwMode="auto">
            <a:xfrm>
              <a:off x="9635880" y="6215633"/>
              <a:ext cx="305289" cy="427396"/>
            </a:xfrm>
            <a:custGeom>
              <a:avLst/>
              <a:gdLst/>
              <a:ahLst/>
              <a:cxnLst>
                <a:cxn ang="0">
                  <a:pos x="47" y="68"/>
                </a:cxn>
                <a:cxn ang="0">
                  <a:pos x="53" y="68"/>
                </a:cxn>
                <a:cxn ang="0">
                  <a:pos x="53" y="70"/>
                </a:cxn>
                <a:cxn ang="0">
                  <a:pos x="56" y="74"/>
                </a:cxn>
                <a:cxn ang="0">
                  <a:pos x="62" y="76"/>
                </a:cxn>
                <a:cxn ang="0">
                  <a:pos x="62" y="82"/>
                </a:cxn>
                <a:cxn ang="0">
                  <a:pos x="53" y="95"/>
                </a:cxn>
                <a:cxn ang="0">
                  <a:pos x="53" y="101"/>
                </a:cxn>
                <a:cxn ang="0">
                  <a:pos x="51" y="104"/>
                </a:cxn>
                <a:cxn ang="0">
                  <a:pos x="39" y="113"/>
                </a:cxn>
                <a:cxn ang="0">
                  <a:pos x="36" y="126"/>
                </a:cxn>
                <a:cxn ang="0">
                  <a:pos x="30" y="132"/>
                </a:cxn>
                <a:cxn ang="0">
                  <a:pos x="18" y="135"/>
                </a:cxn>
                <a:cxn ang="0">
                  <a:pos x="13" y="132"/>
                </a:cxn>
                <a:cxn ang="0">
                  <a:pos x="9" y="130"/>
                </a:cxn>
                <a:cxn ang="0">
                  <a:pos x="1" y="129"/>
                </a:cxn>
                <a:cxn ang="0">
                  <a:pos x="4" y="124"/>
                </a:cxn>
                <a:cxn ang="0">
                  <a:pos x="9" y="115"/>
                </a:cxn>
                <a:cxn ang="0">
                  <a:pos x="19" y="105"/>
                </a:cxn>
                <a:cxn ang="0">
                  <a:pos x="24" y="101"/>
                </a:cxn>
                <a:cxn ang="0">
                  <a:pos x="35" y="95"/>
                </a:cxn>
                <a:cxn ang="0">
                  <a:pos x="44" y="79"/>
                </a:cxn>
                <a:cxn ang="0">
                  <a:pos x="47" y="68"/>
                </a:cxn>
                <a:cxn ang="0">
                  <a:pos x="74" y="78"/>
                </a:cxn>
                <a:cxn ang="0">
                  <a:pos x="85" y="56"/>
                </a:cxn>
                <a:cxn ang="0">
                  <a:pos x="91" y="53"/>
                </a:cxn>
                <a:cxn ang="0">
                  <a:pos x="94" y="47"/>
                </a:cxn>
                <a:cxn ang="0">
                  <a:pos x="97" y="37"/>
                </a:cxn>
                <a:cxn ang="0">
                  <a:pos x="91" y="36"/>
                </a:cxn>
                <a:cxn ang="0">
                  <a:pos x="80" y="36"/>
                </a:cxn>
                <a:cxn ang="0">
                  <a:pos x="74" y="23"/>
                </a:cxn>
                <a:cxn ang="0">
                  <a:pos x="74" y="28"/>
                </a:cxn>
                <a:cxn ang="0">
                  <a:pos x="68" y="22"/>
                </a:cxn>
                <a:cxn ang="0">
                  <a:pos x="65" y="16"/>
                </a:cxn>
                <a:cxn ang="0">
                  <a:pos x="63" y="9"/>
                </a:cxn>
                <a:cxn ang="0">
                  <a:pos x="57" y="5"/>
                </a:cxn>
                <a:cxn ang="0">
                  <a:pos x="51" y="0"/>
                </a:cxn>
                <a:cxn ang="0">
                  <a:pos x="53" y="5"/>
                </a:cxn>
                <a:cxn ang="0">
                  <a:pos x="56" y="9"/>
                </a:cxn>
                <a:cxn ang="0">
                  <a:pos x="62" y="20"/>
                </a:cxn>
                <a:cxn ang="0">
                  <a:pos x="63" y="23"/>
                </a:cxn>
                <a:cxn ang="0">
                  <a:pos x="66" y="31"/>
                </a:cxn>
                <a:cxn ang="0">
                  <a:pos x="66" y="43"/>
                </a:cxn>
                <a:cxn ang="0">
                  <a:pos x="59" y="53"/>
                </a:cxn>
                <a:cxn ang="0">
                  <a:pos x="68" y="60"/>
                </a:cxn>
                <a:cxn ang="0">
                  <a:pos x="68" y="73"/>
                </a:cxn>
                <a:cxn ang="0">
                  <a:pos x="68" y="76"/>
                </a:cxn>
                <a:cxn ang="0">
                  <a:pos x="74" y="78"/>
                </a:cxn>
              </a:cxnLst>
              <a:rect l="0" t="0" r="r" b="b"/>
              <a:pathLst>
                <a:path w="98" h="137">
                  <a:moveTo>
                    <a:pt x="47" y="68"/>
                  </a:moveTo>
                  <a:cubicBezTo>
                    <a:pt x="51" y="64"/>
                    <a:pt x="54" y="67"/>
                    <a:pt x="53" y="68"/>
                  </a:cubicBezTo>
                  <a:cubicBezTo>
                    <a:pt x="50" y="68"/>
                    <a:pt x="51" y="70"/>
                    <a:pt x="53" y="70"/>
                  </a:cubicBezTo>
                  <a:cubicBezTo>
                    <a:pt x="54" y="70"/>
                    <a:pt x="51" y="79"/>
                    <a:pt x="56" y="74"/>
                  </a:cubicBezTo>
                  <a:cubicBezTo>
                    <a:pt x="62" y="70"/>
                    <a:pt x="65" y="71"/>
                    <a:pt x="62" y="76"/>
                  </a:cubicBezTo>
                  <a:cubicBezTo>
                    <a:pt x="60" y="79"/>
                    <a:pt x="66" y="78"/>
                    <a:pt x="62" y="82"/>
                  </a:cubicBezTo>
                  <a:cubicBezTo>
                    <a:pt x="57" y="88"/>
                    <a:pt x="56" y="95"/>
                    <a:pt x="53" y="95"/>
                  </a:cubicBezTo>
                  <a:cubicBezTo>
                    <a:pt x="51" y="95"/>
                    <a:pt x="50" y="101"/>
                    <a:pt x="53" y="101"/>
                  </a:cubicBezTo>
                  <a:cubicBezTo>
                    <a:pt x="56" y="102"/>
                    <a:pt x="54" y="105"/>
                    <a:pt x="51" y="104"/>
                  </a:cubicBezTo>
                  <a:cubicBezTo>
                    <a:pt x="50" y="104"/>
                    <a:pt x="39" y="105"/>
                    <a:pt x="39" y="113"/>
                  </a:cubicBezTo>
                  <a:cubicBezTo>
                    <a:pt x="39" y="120"/>
                    <a:pt x="33" y="123"/>
                    <a:pt x="36" y="126"/>
                  </a:cubicBezTo>
                  <a:cubicBezTo>
                    <a:pt x="38" y="129"/>
                    <a:pt x="33" y="126"/>
                    <a:pt x="30" y="132"/>
                  </a:cubicBezTo>
                  <a:cubicBezTo>
                    <a:pt x="25" y="137"/>
                    <a:pt x="22" y="137"/>
                    <a:pt x="18" y="135"/>
                  </a:cubicBezTo>
                  <a:cubicBezTo>
                    <a:pt x="13" y="135"/>
                    <a:pt x="16" y="132"/>
                    <a:pt x="13" y="132"/>
                  </a:cubicBezTo>
                  <a:cubicBezTo>
                    <a:pt x="10" y="133"/>
                    <a:pt x="12" y="129"/>
                    <a:pt x="9" y="130"/>
                  </a:cubicBezTo>
                  <a:cubicBezTo>
                    <a:pt x="6" y="133"/>
                    <a:pt x="3" y="132"/>
                    <a:pt x="1" y="129"/>
                  </a:cubicBezTo>
                  <a:cubicBezTo>
                    <a:pt x="0" y="126"/>
                    <a:pt x="6" y="127"/>
                    <a:pt x="4" y="124"/>
                  </a:cubicBezTo>
                  <a:cubicBezTo>
                    <a:pt x="3" y="121"/>
                    <a:pt x="6" y="118"/>
                    <a:pt x="9" y="115"/>
                  </a:cubicBezTo>
                  <a:cubicBezTo>
                    <a:pt x="13" y="112"/>
                    <a:pt x="15" y="105"/>
                    <a:pt x="19" y="105"/>
                  </a:cubicBezTo>
                  <a:cubicBezTo>
                    <a:pt x="22" y="105"/>
                    <a:pt x="22" y="102"/>
                    <a:pt x="24" y="101"/>
                  </a:cubicBezTo>
                  <a:cubicBezTo>
                    <a:pt x="27" y="101"/>
                    <a:pt x="30" y="96"/>
                    <a:pt x="35" y="95"/>
                  </a:cubicBezTo>
                  <a:cubicBezTo>
                    <a:pt x="38" y="92"/>
                    <a:pt x="39" y="81"/>
                    <a:pt x="44" y="79"/>
                  </a:cubicBezTo>
                  <a:cubicBezTo>
                    <a:pt x="48" y="78"/>
                    <a:pt x="44" y="71"/>
                    <a:pt x="47" y="68"/>
                  </a:cubicBezTo>
                  <a:close/>
                  <a:moveTo>
                    <a:pt x="74" y="78"/>
                  </a:moveTo>
                  <a:cubicBezTo>
                    <a:pt x="76" y="76"/>
                    <a:pt x="88" y="59"/>
                    <a:pt x="85" y="56"/>
                  </a:cubicBezTo>
                  <a:cubicBezTo>
                    <a:pt x="83" y="54"/>
                    <a:pt x="86" y="48"/>
                    <a:pt x="91" y="53"/>
                  </a:cubicBezTo>
                  <a:cubicBezTo>
                    <a:pt x="95" y="56"/>
                    <a:pt x="89" y="47"/>
                    <a:pt x="94" y="47"/>
                  </a:cubicBezTo>
                  <a:cubicBezTo>
                    <a:pt x="97" y="45"/>
                    <a:pt x="95" y="39"/>
                    <a:pt x="97" y="37"/>
                  </a:cubicBezTo>
                  <a:cubicBezTo>
                    <a:pt x="98" y="34"/>
                    <a:pt x="92" y="33"/>
                    <a:pt x="91" y="36"/>
                  </a:cubicBezTo>
                  <a:cubicBezTo>
                    <a:pt x="89" y="40"/>
                    <a:pt x="85" y="39"/>
                    <a:pt x="80" y="36"/>
                  </a:cubicBezTo>
                  <a:cubicBezTo>
                    <a:pt x="76" y="33"/>
                    <a:pt x="77" y="26"/>
                    <a:pt x="74" y="23"/>
                  </a:cubicBezTo>
                  <a:cubicBezTo>
                    <a:pt x="71" y="19"/>
                    <a:pt x="71" y="23"/>
                    <a:pt x="74" y="28"/>
                  </a:cubicBezTo>
                  <a:cubicBezTo>
                    <a:pt x="76" y="33"/>
                    <a:pt x="66" y="26"/>
                    <a:pt x="68" y="22"/>
                  </a:cubicBezTo>
                  <a:cubicBezTo>
                    <a:pt x="68" y="19"/>
                    <a:pt x="65" y="19"/>
                    <a:pt x="65" y="16"/>
                  </a:cubicBezTo>
                  <a:cubicBezTo>
                    <a:pt x="65" y="12"/>
                    <a:pt x="65" y="12"/>
                    <a:pt x="63" y="9"/>
                  </a:cubicBezTo>
                  <a:cubicBezTo>
                    <a:pt x="62" y="6"/>
                    <a:pt x="60" y="6"/>
                    <a:pt x="57" y="5"/>
                  </a:cubicBezTo>
                  <a:cubicBezTo>
                    <a:pt x="54" y="5"/>
                    <a:pt x="56" y="0"/>
                    <a:pt x="51" y="0"/>
                  </a:cubicBezTo>
                  <a:cubicBezTo>
                    <a:pt x="48" y="0"/>
                    <a:pt x="50" y="0"/>
                    <a:pt x="53" y="5"/>
                  </a:cubicBezTo>
                  <a:cubicBezTo>
                    <a:pt x="56" y="8"/>
                    <a:pt x="53" y="6"/>
                    <a:pt x="56" y="9"/>
                  </a:cubicBezTo>
                  <a:cubicBezTo>
                    <a:pt x="57" y="14"/>
                    <a:pt x="60" y="23"/>
                    <a:pt x="62" y="20"/>
                  </a:cubicBezTo>
                  <a:cubicBezTo>
                    <a:pt x="63" y="17"/>
                    <a:pt x="65" y="25"/>
                    <a:pt x="63" y="23"/>
                  </a:cubicBezTo>
                  <a:cubicBezTo>
                    <a:pt x="62" y="22"/>
                    <a:pt x="62" y="23"/>
                    <a:pt x="66" y="31"/>
                  </a:cubicBezTo>
                  <a:cubicBezTo>
                    <a:pt x="70" y="39"/>
                    <a:pt x="66" y="39"/>
                    <a:pt x="66" y="43"/>
                  </a:cubicBezTo>
                  <a:cubicBezTo>
                    <a:pt x="66" y="50"/>
                    <a:pt x="60" y="50"/>
                    <a:pt x="59" y="53"/>
                  </a:cubicBezTo>
                  <a:cubicBezTo>
                    <a:pt x="59" y="56"/>
                    <a:pt x="65" y="59"/>
                    <a:pt x="68" y="60"/>
                  </a:cubicBezTo>
                  <a:cubicBezTo>
                    <a:pt x="73" y="62"/>
                    <a:pt x="70" y="71"/>
                    <a:pt x="68" y="73"/>
                  </a:cubicBezTo>
                  <a:cubicBezTo>
                    <a:pt x="66" y="74"/>
                    <a:pt x="63" y="74"/>
                    <a:pt x="68" y="76"/>
                  </a:cubicBezTo>
                  <a:cubicBezTo>
                    <a:pt x="71" y="76"/>
                    <a:pt x="70" y="81"/>
                    <a:pt x="74" y="78"/>
                  </a:cubicBezTo>
                  <a:close/>
                </a:path>
              </a:pathLst>
            </a:custGeom>
            <a:solidFill>
              <a:schemeClr val="accent5"/>
            </a:solidFill>
            <a:ln w="6350" cmpd="sng">
              <a:solidFill>
                <a:schemeClr val="bg1"/>
              </a:solidFill>
              <a:round/>
              <a:headEnd/>
              <a:tailEnd/>
            </a:ln>
          </p:spPr>
          <p:txBody>
            <a:bodyPr/>
            <a:lstStyle/>
            <a:p>
              <a:endParaRPr lang="en-GB" sz="1633" dirty="0"/>
            </a:p>
          </p:txBody>
        </p:sp>
        <p:sp>
          <p:nvSpPr>
            <p:cNvPr id="90" name="Freeform 13"/>
            <p:cNvSpPr>
              <a:spLocks/>
            </p:cNvSpPr>
            <p:nvPr/>
          </p:nvSpPr>
          <p:spPr bwMode="auto">
            <a:xfrm>
              <a:off x="6591029" y="5489382"/>
              <a:ext cx="186387" cy="443464"/>
            </a:xfrm>
            <a:custGeom>
              <a:avLst/>
              <a:gdLst/>
              <a:ahLst/>
              <a:cxnLst>
                <a:cxn ang="0">
                  <a:pos x="46" y="12"/>
                </a:cxn>
                <a:cxn ang="0">
                  <a:pos x="48" y="4"/>
                </a:cxn>
                <a:cxn ang="0">
                  <a:pos x="54" y="11"/>
                </a:cxn>
                <a:cxn ang="0">
                  <a:pos x="58" y="32"/>
                </a:cxn>
                <a:cxn ang="0">
                  <a:pos x="55" y="42"/>
                </a:cxn>
                <a:cxn ang="0">
                  <a:pos x="52" y="43"/>
                </a:cxn>
                <a:cxn ang="0">
                  <a:pos x="54" y="51"/>
                </a:cxn>
                <a:cxn ang="0">
                  <a:pos x="51" y="59"/>
                </a:cxn>
                <a:cxn ang="0">
                  <a:pos x="45" y="83"/>
                </a:cxn>
                <a:cxn ang="0">
                  <a:pos x="29" y="135"/>
                </a:cxn>
                <a:cxn ang="0">
                  <a:pos x="16" y="138"/>
                </a:cxn>
                <a:cxn ang="0">
                  <a:pos x="7" y="130"/>
                </a:cxn>
                <a:cxn ang="0">
                  <a:pos x="5" y="116"/>
                </a:cxn>
                <a:cxn ang="0">
                  <a:pos x="2" y="101"/>
                </a:cxn>
                <a:cxn ang="0">
                  <a:pos x="7" y="93"/>
                </a:cxn>
                <a:cxn ang="0">
                  <a:pos x="11" y="80"/>
                </a:cxn>
                <a:cxn ang="0">
                  <a:pos x="10" y="71"/>
                </a:cxn>
                <a:cxn ang="0">
                  <a:pos x="8" y="63"/>
                </a:cxn>
                <a:cxn ang="0">
                  <a:pos x="10" y="53"/>
                </a:cxn>
                <a:cxn ang="0">
                  <a:pos x="13" y="45"/>
                </a:cxn>
                <a:cxn ang="0">
                  <a:pos x="19" y="42"/>
                </a:cxn>
                <a:cxn ang="0">
                  <a:pos x="32" y="31"/>
                </a:cxn>
                <a:cxn ang="0">
                  <a:pos x="39" y="21"/>
                </a:cxn>
                <a:cxn ang="0">
                  <a:pos x="46" y="12"/>
                </a:cxn>
              </a:cxnLst>
              <a:rect l="0" t="0" r="r" b="b"/>
              <a:pathLst>
                <a:path w="60" h="142">
                  <a:moveTo>
                    <a:pt x="46" y="12"/>
                  </a:moveTo>
                  <a:cubicBezTo>
                    <a:pt x="46" y="6"/>
                    <a:pt x="46" y="8"/>
                    <a:pt x="48" y="4"/>
                  </a:cubicBezTo>
                  <a:cubicBezTo>
                    <a:pt x="51" y="0"/>
                    <a:pt x="51" y="9"/>
                    <a:pt x="54" y="11"/>
                  </a:cubicBezTo>
                  <a:cubicBezTo>
                    <a:pt x="57" y="12"/>
                    <a:pt x="57" y="29"/>
                    <a:pt x="58" y="32"/>
                  </a:cubicBezTo>
                  <a:cubicBezTo>
                    <a:pt x="60" y="37"/>
                    <a:pt x="57" y="45"/>
                    <a:pt x="55" y="42"/>
                  </a:cubicBezTo>
                  <a:cubicBezTo>
                    <a:pt x="52" y="34"/>
                    <a:pt x="51" y="39"/>
                    <a:pt x="52" y="43"/>
                  </a:cubicBezTo>
                  <a:cubicBezTo>
                    <a:pt x="55" y="46"/>
                    <a:pt x="52" y="46"/>
                    <a:pt x="54" y="51"/>
                  </a:cubicBezTo>
                  <a:cubicBezTo>
                    <a:pt x="54" y="54"/>
                    <a:pt x="49" y="51"/>
                    <a:pt x="51" y="59"/>
                  </a:cubicBezTo>
                  <a:cubicBezTo>
                    <a:pt x="52" y="66"/>
                    <a:pt x="49" y="68"/>
                    <a:pt x="45" y="83"/>
                  </a:cubicBezTo>
                  <a:cubicBezTo>
                    <a:pt x="40" y="105"/>
                    <a:pt x="34" y="135"/>
                    <a:pt x="29" y="135"/>
                  </a:cubicBezTo>
                  <a:cubicBezTo>
                    <a:pt x="26" y="135"/>
                    <a:pt x="19" y="142"/>
                    <a:pt x="16" y="138"/>
                  </a:cubicBezTo>
                  <a:cubicBezTo>
                    <a:pt x="13" y="135"/>
                    <a:pt x="10" y="138"/>
                    <a:pt x="7" y="130"/>
                  </a:cubicBezTo>
                  <a:cubicBezTo>
                    <a:pt x="2" y="121"/>
                    <a:pt x="7" y="119"/>
                    <a:pt x="5" y="116"/>
                  </a:cubicBezTo>
                  <a:cubicBezTo>
                    <a:pt x="2" y="111"/>
                    <a:pt x="0" y="110"/>
                    <a:pt x="2" y="101"/>
                  </a:cubicBezTo>
                  <a:cubicBezTo>
                    <a:pt x="3" y="93"/>
                    <a:pt x="5" y="99"/>
                    <a:pt x="7" y="93"/>
                  </a:cubicBezTo>
                  <a:cubicBezTo>
                    <a:pt x="8" y="88"/>
                    <a:pt x="13" y="87"/>
                    <a:pt x="11" y="80"/>
                  </a:cubicBezTo>
                  <a:cubicBezTo>
                    <a:pt x="10" y="74"/>
                    <a:pt x="8" y="74"/>
                    <a:pt x="10" y="71"/>
                  </a:cubicBezTo>
                  <a:cubicBezTo>
                    <a:pt x="10" y="68"/>
                    <a:pt x="7" y="68"/>
                    <a:pt x="8" y="63"/>
                  </a:cubicBezTo>
                  <a:cubicBezTo>
                    <a:pt x="10" y="57"/>
                    <a:pt x="5" y="60"/>
                    <a:pt x="10" y="53"/>
                  </a:cubicBezTo>
                  <a:cubicBezTo>
                    <a:pt x="13" y="45"/>
                    <a:pt x="8" y="43"/>
                    <a:pt x="13" y="45"/>
                  </a:cubicBezTo>
                  <a:cubicBezTo>
                    <a:pt x="17" y="45"/>
                    <a:pt x="14" y="42"/>
                    <a:pt x="19" y="42"/>
                  </a:cubicBezTo>
                  <a:cubicBezTo>
                    <a:pt x="29" y="40"/>
                    <a:pt x="26" y="37"/>
                    <a:pt x="32" y="31"/>
                  </a:cubicBezTo>
                  <a:cubicBezTo>
                    <a:pt x="39" y="25"/>
                    <a:pt x="40" y="25"/>
                    <a:pt x="39" y="21"/>
                  </a:cubicBezTo>
                  <a:cubicBezTo>
                    <a:pt x="36" y="17"/>
                    <a:pt x="45" y="23"/>
                    <a:pt x="46" y="12"/>
                  </a:cubicBezTo>
                </a:path>
              </a:pathLst>
            </a:custGeom>
            <a:solidFill>
              <a:schemeClr val="accent5"/>
            </a:solidFill>
            <a:ln w="6350" cmpd="sng">
              <a:solidFill>
                <a:schemeClr val="bg1"/>
              </a:solidFill>
              <a:round/>
              <a:headEnd/>
              <a:tailEnd/>
            </a:ln>
          </p:spPr>
          <p:txBody>
            <a:bodyPr/>
            <a:lstStyle/>
            <a:p>
              <a:endParaRPr lang="en-GB" sz="1633" dirty="0"/>
            </a:p>
          </p:txBody>
        </p:sp>
        <p:sp>
          <p:nvSpPr>
            <p:cNvPr id="91" name="Freeform 41"/>
            <p:cNvSpPr>
              <a:spLocks/>
            </p:cNvSpPr>
            <p:nvPr/>
          </p:nvSpPr>
          <p:spPr bwMode="auto">
            <a:xfrm>
              <a:off x="7208034" y="4003136"/>
              <a:ext cx="729479" cy="901388"/>
            </a:xfrm>
            <a:custGeom>
              <a:avLst/>
              <a:gdLst/>
              <a:ahLst/>
              <a:cxnLst>
                <a:cxn ang="0">
                  <a:pos x="15" y="122"/>
                </a:cxn>
                <a:cxn ang="0">
                  <a:pos x="23" y="116"/>
                </a:cxn>
                <a:cxn ang="0">
                  <a:pos x="14" y="90"/>
                </a:cxn>
                <a:cxn ang="0">
                  <a:pos x="32" y="80"/>
                </a:cxn>
                <a:cxn ang="0">
                  <a:pos x="48" y="56"/>
                </a:cxn>
                <a:cxn ang="0">
                  <a:pos x="51" y="34"/>
                </a:cxn>
                <a:cxn ang="0">
                  <a:pos x="48" y="20"/>
                </a:cxn>
                <a:cxn ang="0">
                  <a:pos x="67" y="12"/>
                </a:cxn>
                <a:cxn ang="0">
                  <a:pos x="87" y="0"/>
                </a:cxn>
                <a:cxn ang="0">
                  <a:pos x="96" y="7"/>
                </a:cxn>
                <a:cxn ang="0">
                  <a:pos x="86" y="24"/>
                </a:cxn>
                <a:cxn ang="0">
                  <a:pos x="86" y="37"/>
                </a:cxn>
                <a:cxn ang="0">
                  <a:pos x="89" y="49"/>
                </a:cxn>
                <a:cxn ang="0">
                  <a:pos x="96" y="68"/>
                </a:cxn>
                <a:cxn ang="0">
                  <a:pos x="107" y="84"/>
                </a:cxn>
                <a:cxn ang="0">
                  <a:pos x="125" y="90"/>
                </a:cxn>
                <a:cxn ang="0">
                  <a:pos x="138" y="96"/>
                </a:cxn>
                <a:cxn ang="0">
                  <a:pos x="154" y="101"/>
                </a:cxn>
                <a:cxn ang="0">
                  <a:pos x="159" y="85"/>
                </a:cxn>
                <a:cxn ang="0">
                  <a:pos x="176" y="96"/>
                </a:cxn>
                <a:cxn ang="0">
                  <a:pos x="191" y="94"/>
                </a:cxn>
                <a:cxn ang="0">
                  <a:pos x="195" y="84"/>
                </a:cxn>
                <a:cxn ang="0">
                  <a:pos x="212" y="71"/>
                </a:cxn>
                <a:cxn ang="0">
                  <a:pos x="224" y="73"/>
                </a:cxn>
                <a:cxn ang="0">
                  <a:pos x="232" y="82"/>
                </a:cxn>
                <a:cxn ang="0">
                  <a:pos x="218" y="96"/>
                </a:cxn>
                <a:cxn ang="0">
                  <a:pos x="211" y="113"/>
                </a:cxn>
                <a:cxn ang="0">
                  <a:pos x="200" y="129"/>
                </a:cxn>
                <a:cxn ang="0">
                  <a:pos x="194" y="146"/>
                </a:cxn>
                <a:cxn ang="0">
                  <a:pos x="183" y="129"/>
                </a:cxn>
                <a:cxn ang="0">
                  <a:pos x="173" y="111"/>
                </a:cxn>
                <a:cxn ang="0">
                  <a:pos x="162" y="99"/>
                </a:cxn>
                <a:cxn ang="0">
                  <a:pos x="163" y="110"/>
                </a:cxn>
                <a:cxn ang="0">
                  <a:pos x="159" y="118"/>
                </a:cxn>
                <a:cxn ang="0">
                  <a:pos x="165" y="133"/>
                </a:cxn>
                <a:cxn ang="0">
                  <a:pos x="167" y="147"/>
                </a:cxn>
                <a:cxn ang="0">
                  <a:pos x="153" y="150"/>
                </a:cxn>
                <a:cxn ang="0">
                  <a:pos x="119" y="191"/>
                </a:cxn>
                <a:cxn ang="0">
                  <a:pos x="95" y="216"/>
                </a:cxn>
                <a:cxn ang="0">
                  <a:pos x="92" y="262"/>
                </a:cxn>
                <a:cxn ang="0">
                  <a:pos x="83" y="273"/>
                </a:cxn>
                <a:cxn ang="0">
                  <a:pos x="54" y="236"/>
                </a:cxn>
                <a:cxn ang="0">
                  <a:pos x="37" y="155"/>
                </a:cxn>
                <a:cxn ang="0">
                  <a:pos x="31" y="153"/>
                </a:cxn>
                <a:cxn ang="0">
                  <a:pos x="14" y="136"/>
                </a:cxn>
                <a:cxn ang="0">
                  <a:pos x="5" y="124"/>
                </a:cxn>
              </a:cxnLst>
              <a:rect l="0" t="0" r="r" b="b"/>
              <a:pathLst>
                <a:path w="234" h="289">
                  <a:moveTo>
                    <a:pt x="5" y="124"/>
                  </a:moveTo>
                  <a:cubicBezTo>
                    <a:pt x="5" y="121"/>
                    <a:pt x="8" y="122"/>
                    <a:pt x="9" y="122"/>
                  </a:cubicBezTo>
                  <a:cubicBezTo>
                    <a:pt x="14" y="121"/>
                    <a:pt x="14" y="125"/>
                    <a:pt x="15" y="122"/>
                  </a:cubicBezTo>
                  <a:cubicBezTo>
                    <a:pt x="17" y="121"/>
                    <a:pt x="19" y="119"/>
                    <a:pt x="20" y="122"/>
                  </a:cubicBezTo>
                  <a:cubicBezTo>
                    <a:pt x="20" y="124"/>
                    <a:pt x="25" y="121"/>
                    <a:pt x="23" y="121"/>
                  </a:cubicBezTo>
                  <a:cubicBezTo>
                    <a:pt x="22" y="119"/>
                    <a:pt x="25" y="118"/>
                    <a:pt x="23" y="116"/>
                  </a:cubicBezTo>
                  <a:cubicBezTo>
                    <a:pt x="17" y="108"/>
                    <a:pt x="23" y="108"/>
                    <a:pt x="19" y="107"/>
                  </a:cubicBezTo>
                  <a:cubicBezTo>
                    <a:pt x="12" y="107"/>
                    <a:pt x="20" y="99"/>
                    <a:pt x="14" y="97"/>
                  </a:cubicBezTo>
                  <a:cubicBezTo>
                    <a:pt x="8" y="97"/>
                    <a:pt x="11" y="93"/>
                    <a:pt x="14" y="90"/>
                  </a:cubicBezTo>
                  <a:cubicBezTo>
                    <a:pt x="17" y="87"/>
                    <a:pt x="17" y="80"/>
                    <a:pt x="20" y="85"/>
                  </a:cubicBezTo>
                  <a:cubicBezTo>
                    <a:pt x="22" y="88"/>
                    <a:pt x="23" y="85"/>
                    <a:pt x="29" y="85"/>
                  </a:cubicBezTo>
                  <a:cubicBezTo>
                    <a:pt x="32" y="85"/>
                    <a:pt x="29" y="82"/>
                    <a:pt x="32" y="80"/>
                  </a:cubicBezTo>
                  <a:cubicBezTo>
                    <a:pt x="34" y="79"/>
                    <a:pt x="32" y="76"/>
                    <a:pt x="37" y="74"/>
                  </a:cubicBezTo>
                  <a:cubicBezTo>
                    <a:pt x="41" y="73"/>
                    <a:pt x="38" y="65"/>
                    <a:pt x="44" y="62"/>
                  </a:cubicBezTo>
                  <a:cubicBezTo>
                    <a:pt x="51" y="60"/>
                    <a:pt x="44" y="62"/>
                    <a:pt x="48" y="56"/>
                  </a:cubicBezTo>
                  <a:cubicBezTo>
                    <a:pt x="55" y="45"/>
                    <a:pt x="46" y="45"/>
                    <a:pt x="54" y="41"/>
                  </a:cubicBezTo>
                  <a:cubicBezTo>
                    <a:pt x="60" y="38"/>
                    <a:pt x="58" y="38"/>
                    <a:pt x="54" y="37"/>
                  </a:cubicBezTo>
                  <a:cubicBezTo>
                    <a:pt x="51" y="37"/>
                    <a:pt x="55" y="32"/>
                    <a:pt x="51" y="34"/>
                  </a:cubicBezTo>
                  <a:cubicBezTo>
                    <a:pt x="49" y="34"/>
                    <a:pt x="51" y="32"/>
                    <a:pt x="48" y="31"/>
                  </a:cubicBezTo>
                  <a:cubicBezTo>
                    <a:pt x="44" y="28"/>
                    <a:pt x="51" y="28"/>
                    <a:pt x="48" y="24"/>
                  </a:cubicBezTo>
                  <a:cubicBezTo>
                    <a:pt x="43" y="21"/>
                    <a:pt x="54" y="21"/>
                    <a:pt x="48" y="20"/>
                  </a:cubicBezTo>
                  <a:cubicBezTo>
                    <a:pt x="43" y="20"/>
                    <a:pt x="49" y="20"/>
                    <a:pt x="46" y="17"/>
                  </a:cubicBezTo>
                  <a:cubicBezTo>
                    <a:pt x="43" y="15"/>
                    <a:pt x="48" y="10"/>
                    <a:pt x="57" y="15"/>
                  </a:cubicBezTo>
                  <a:cubicBezTo>
                    <a:pt x="63" y="17"/>
                    <a:pt x="64" y="12"/>
                    <a:pt x="67" y="12"/>
                  </a:cubicBezTo>
                  <a:cubicBezTo>
                    <a:pt x="72" y="14"/>
                    <a:pt x="69" y="9"/>
                    <a:pt x="76" y="4"/>
                  </a:cubicBezTo>
                  <a:cubicBezTo>
                    <a:pt x="78" y="4"/>
                    <a:pt x="78" y="4"/>
                    <a:pt x="78" y="4"/>
                  </a:cubicBezTo>
                  <a:cubicBezTo>
                    <a:pt x="83" y="3"/>
                    <a:pt x="81" y="1"/>
                    <a:pt x="87" y="0"/>
                  </a:cubicBezTo>
                  <a:cubicBezTo>
                    <a:pt x="93" y="0"/>
                    <a:pt x="92" y="4"/>
                    <a:pt x="93" y="4"/>
                  </a:cubicBezTo>
                  <a:cubicBezTo>
                    <a:pt x="95" y="3"/>
                    <a:pt x="95" y="7"/>
                    <a:pt x="96" y="4"/>
                  </a:cubicBezTo>
                  <a:cubicBezTo>
                    <a:pt x="96" y="3"/>
                    <a:pt x="99" y="4"/>
                    <a:pt x="96" y="7"/>
                  </a:cubicBezTo>
                  <a:cubicBezTo>
                    <a:pt x="95" y="10"/>
                    <a:pt x="98" y="10"/>
                    <a:pt x="95" y="14"/>
                  </a:cubicBezTo>
                  <a:cubicBezTo>
                    <a:pt x="89" y="18"/>
                    <a:pt x="93" y="20"/>
                    <a:pt x="89" y="20"/>
                  </a:cubicBezTo>
                  <a:cubicBezTo>
                    <a:pt x="83" y="21"/>
                    <a:pt x="87" y="23"/>
                    <a:pt x="86" y="24"/>
                  </a:cubicBezTo>
                  <a:cubicBezTo>
                    <a:pt x="84" y="29"/>
                    <a:pt x="90" y="29"/>
                    <a:pt x="90" y="31"/>
                  </a:cubicBezTo>
                  <a:cubicBezTo>
                    <a:pt x="89" y="32"/>
                    <a:pt x="93" y="35"/>
                    <a:pt x="89" y="37"/>
                  </a:cubicBezTo>
                  <a:cubicBezTo>
                    <a:pt x="87" y="37"/>
                    <a:pt x="87" y="40"/>
                    <a:pt x="86" y="37"/>
                  </a:cubicBezTo>
                  <a:cubicBezTo>
                    <a:pt x="84" y="35"/>
                    <a:pt x="81" y="35"/>
                    <a:pt x="83" y="38"/>
                  </a:cubicBezTo>
                  <a:cubicBezTo>
                    <a:pt x="84" y="40"/>
                    <a:pt x="86" y="43"/>
                    <a:pt x="84" y="48"/>
                  </a:cubicBezTo>
                  <a:cubicBezTo>
                    <a:pt x="84" y="52"/>
                    <a:pt x="87" y="46"/>
                    <a:pt x="89" y="49"/>
                  </a:cubicBezTo>
                  <a:cubicBezTo>
                    <a:pt x="92" y="56"/>
                    <a:pt x="92" y="51"/>
                    <a:pt x="95" y="54"/>
                  </a:cubicBezTo>
                  <a:cubicBezTo>
                    <a:pt x="98" y="57"/>
                    <a:pt x="102" y="59"/>
                    <a:pt x="102" y="60"/>
                  </a:cubicBezTo>
                  <a:cubicBezTo>
                    <a:pt x="95" y="65"/>
                    <a:pt x="99" y="66"/>
                    <a:pt x="96" y="68"/>
                  </a:cubicBezTo>
                  <a:cubicBezTo>
                    <a:pt x="95" y="71"/>
                    <a:pt x="98" y="71"/>
                    <a:pt x="96" y="73"/>
                  </a:cubicBezTo>
                  <a:cubicBezTo>
                    <a:pt x="93" y="74"/>
                    <a:pt x="98" y="79"/>
                    <a:pt x="99" y="77"/>
                  </a:cubicBezTo>
                  <a:cubicBezTo>
                    <a:pt x="99" y="74"/>
                    <a:pt x="104" y="80"/>
                    <a:pt x="107" y="84"/>
                  </a:cubicBezTo>
                  <a:cubicBezTo>
                    <a:pt x="112" y="87"/>
                    <a:pt x="108" y="82"/>
                    <a:pt x="113" y="87"/>
                  </a:cubicBezTo>
                  <a:cubicBezTo>
                    <a:pt x="116" y="90"/>
                    <a:pt x="115" y="85"/>
                    <a:pt x="116" y="88"/>
                  </a:cubicBezTo>
                  <a:cubicBezTo>
                    <a:pt x="118" y="91"/>
                    <a:pt x="122" y="88"/>
                    <a:pt x="125" y="90"/>
                  </a:cubicBezTo>
                  <a:cubicBezTo>
                    <a:pt x="127" y="91"/>
                    <a:pt x="125" y="88"/>
                    <a:pt x="130" y="90"/>
                  </a:cubicBezTo>
                  <a:cubicBezTo>
                    <a:pt x="134" y="93"/>
                    <a:pt x="130" y="94"/>
                    <a:pt x="133" y="94"/>
                  </a:cubicBezTo>
                  <a:cubicBezTo>
                    <a:pt x="138" y="96"/>
                    <a:pt x="134" y="97"/>
                    <a:pt x="138" y="96"/>
                  </a:cubicBezTo>
                  <a:cubicBezTo>
                    <a:pt x="141" y="94"/>
                    <a:pt x="139" y="99"/>
                    <a:pt x="142" y="97"/>
                  </a:cubicBezTo>
                  <a:cubicBezTo>
                    <a:pt x="145" y="96"/>
                    <a:pt x="147" y="102"/>
                    <a:pt x="150" y="99"/>
                  </a:cubicBezTo>
                  <a:cubicBezTo>
                    <a:pt x="153" y="97"/>
                    <a:pt x="150" y="102"/>
                    <a:pt x="154" y="101"/>
                  </a:cubicBezTo>
                  <a:cubicBezTo>
                    <a:pt x="159" y="99"/>
                    <a:pt x="157" y="102"/>
                    <a:pt x="159" y="99"/>
                  </a:cubicBezTo>
                  <a:cubicBezTo>
                    <a:pt x="160" y="94"/>
                    <a:pt x="157" y="94"/>
                    <a:pt x="159" y="90"/>
                  </a:cubicBezTo>
                  <a:cubicBezTo>
                    <a:pt x="160" y="85"/>
                    <a:pt x="160" y="87"/>
                    <a:pt x="159" y="85"/>
                  </a:cubicBezTo>
                  <a:cubicBezTo>
                    <a:pt x="170" y="79"/>
                    <a:pt x="163" y="87"/>
                    <a:pt x="165" y="91"/>
                  </a:cubicBezTo>
                  <a:cubicBezTo>
                    <a:pt x="162" y="93"/>
                    <a:pt x="167" y="96"/>
                    <a:pt x="168" y="96"/>
                  </a:cubicBezTo>
                  <a:cubicBezTo>
                    <a:pt x="171" y="94"/>
                    <a:pt x="171" y="99"/>
                    <a:pt x="176" y="96"/>
                  </a:cubicBezTo>
                  <a:cubicBezTo>
                    <a:pt x="180" y="94"/>
                    <a:pt x="179" y="99"/>
                    <a:pt x="183" y="96"/>
                  </a:cubicBezTo>
                  <a:cubicBezTo>
                    <a:pt x="188" y="94"/>
                    <a:pt x="186" y="97"/>
                    <a:pt x="188" y="96"/>
                  </a:cubicBezTo>
                  <a:cubicBezTo>
                    <a:pt x="189" y="94"/>
                    <a:pt x="191" y="97"/>
                    <a:pt x="191" y="94"/>
                  </a:cubicBezTo>
                  <a:cubicBezTo>
                    <a:pt x="189" y="91"/>
                    <a:pt x="192" y="88"/>
                    <a:pt x="189" y="90"/>
                  </a:cubicBezTo>
                  <a:cubicBezTo>
                    <a:pt x="186" y="90"/>
                    <a:pt x="186" y="87"/>
                    <a:pt x="186" y="87"/>
                  </a:cubicBezTo>
                  <a:cubicBezTo>
                    <a:pt x="192" y="87"/>
                    <a:pt x="195" y="85"/>
                    <a:pt x="195" y="84"/>
                  </a:cubicBezTo>
                  <a:cubicBezTo>
                    <a:pt x="195" y="80"/>
                    <a:pt x="199" y="82"/>
                    <a:pt x="199" y="79"/>
                  </a:cubicBezTo>
                  <a:cubicBezTo>
                    <a:pt x="200" y="76"/>
                    <a:pt x="203" y="77"/>
                    <a:pt x="206" y="74"/>
                  </a:cubicBezTo>
                  <a:cubicBezTo>
                    <a:pt x="209" y="71"/>
                    <a:pt x="211" y="69"/>
                    <a:pt x="212" y="71"/>
                  </a:cubicBezTo>
                  <a:cubicBezTo>
                    <a:pt x="215" y="73"/>
                    <a:pt x="217" y="73"/>
                    <a:pt x="218" y="71"/>
                  </a:cubicBezTo>
                  <a:cubicBezTo>
                    <a:pt x="218" y="69"/>
                    <a:pt x="223" y="68"/>
                    <a:pt x="223" y="69"/>
                  </a:cubicBezTo>
                  <a:cubicBezTo>
                    <a:pt x="224" y="73"/>
                    <a:pt x="226" y="69"/>
                    <a:pt x="224" y="73"/>
                  </a:cubicBezTo>
                  <a:cubicBezTo>
                    <a:pt x="221" y="76"/>
                    <a:pt x="226" y="71"/>
                    <a:pt x="226" y="74"/>
                  </a:cubicBezTo>
                  <a:cubicBezTo>
                    <a:pt x="227" y="79"/>
                    <a:pt x="220" y="80"/>
                    <a:pt x="226" y="80"/>
                  </a:cubicBezTo>
                  <a:cubicBezTo>
                    <a:pt x="231" y="79"/>
                    <a:pt x="231" y="80"/>
                    <a:pt x="232" y="82"/>
                  </a:cubicBezTo>
                  <a:cubicBezTo>
                    <a:pt x="234" y="87"/>
                    <a:pt x="227" y="87"/>
                    <a:pt x="229" y="90"/>
                  </a:cubicBezTo>
                  <a:cubicBezTo>
                    <a:pt x="232" y="94"/>
                    <a:pt x="231" y="94"/>
                    <a:pt x="229" y="91"/>
                  </a:cubicBezTo>
                  <a:cubicBezTo>
                    <a:pt x="226" y="88"/>
                    <a:pt x="221" y="93"/>
                    <a:pt x="218" y="96"/>
                  </a:cubicBezTo>
                  <a:cubicBezTo>
                    <a:pt x="215" y="99"/>
                    <a:pt x="215" y="96"/>
                    <a:pt x="215" y="99"/>
                  </a:cubicBezTo>
                  <a:cubicBezTo>
                    <a:pt x="214" y="102"/>
                    <a:pt x="217" y="101"/>
                    <a:pt x="215" y="105"/>
                  </a:cubicBezTo>
                  <a:cubicBezTo>
                    <a:pt x="212" y="111"/>
                    <a:pt x="209" y="111"/>
                    <a:pt x="211" y="113"/>
                  </a:cubicBezTo>
                  <a:cubicBezTo>
                    <a:pt x="214" y="116"/>
                    <a:pt x="209" y="116"/>
                    <a:pt x="208" y="122"/>
                  </a:cubicBezTo>
                  <a:cubicBezTo>
                    <a:pt x="206" y="130"/>
                    <a:pt x="206" y="125"/>
                    <a:pt x="203" y="125"/>
                  </a:cubicBezTo>
                  <a:cubicBezTo>
                    <a:pt x="200" y="124"/>
                    <a:pt x="200" y="121"/>
                    <a:pt x="200" y="129"/>
                  </a:cubicBezTo>
                  <a:cubicBezTo>
                    <a:pt x="202" y="141"/>
                    <a:pt x="199" y="130"/>
                    <a:pt x="199" y="138"/>
                  </a:cubicBezTo>
                  <a:cubicBezTo>
                    <a:pt x="199" y="141"/>
                    <a:pt x="200" y="139"/>
                    <a:pt x="199" y="144"/>
                  </a:cubicBezTo>
                  <a:cubicBezTo>
                    <a:pt x="195" y="149"/>
                    <a:pt x="197" y="141"/>
                    <a:pt x="194" y="146"/>
                  </a:cubicBezTo>
                  <a:cubicBezTo>
                    <a:pt x="194" y="136"/>
                    <a:pt x="191" y="136"/>
                    <a:pt x="192" y="130"/>
                  </a:cubicBezTo>
                  <a:cubicBezTo>
                    <a:pt x="192" y="127"/>
                    <a:pt x="189" y="127"/>
                    <a:pt x="189" y="130"/>
                  </a:cubicBezTo>
                  <a:cubicBezTo>
                    <a:pt x="188" y="138"/>
                    <a:pt x="185" y="136"/>
                    <a:pt x="183" y="129"/>
                  </a:cubicBezTo>
                  <a:cubicBezTo>
                    <a:pt x="182" y="122"/>
                    <a:pt x="191" y="124"/>
                    <a:pt x="191" y="118"/>
                  </a:cubicBezTo>
                  <a:cubicBezTo>
                    <a:pt x="191" y="113"/>
                    <a:pt x="195" y="118"/>
                    <a:pt x="194" y="115"/>
                  </a:cubicBezTo>
                  <a:cubicBezTo>
                    <a:pt x="191" y="111"/>
                    <a:pt x="173" y="115"/>
                    <a:pt x="173" y="111"/>
                  </a:cubicBezTo>
                  <a:cubicBezTo>
                    <a:pt x="173" y="107"/>
                    <a:pt x="173" y="101"/>
                    <a:pt x="171" y="104"/>
                  </a:cubicBezTo>
                  <a:cubicBezTo>
                    <a:pt x="170" y="108"/>
                    <a:pt x="168" y="101"/>
                    <a:pt x="167" y="101"/>
                  </a:cubicBezTo>
                  <a:cubicBezTo>
                    <a:pt x="162" y="104"/>
                    <a:pt x="163" y="99"/>
                    <a:pt x="162" y="99"/>
                  </a:cubicBezTo>
                  <a:cubicBezTo>
                    <a:pt x="160" y="97"/>
                    <a:pt x="160" y="99"/>
                    <a:pt x="162" y="101"/>
                  </a:cubicBezTo>
                  <a:cubicBezTo>
                    <a:pt x="163" y="101"/>
                    <a:pt x="156" y="105"/>
                    <a:pt x="159" y="107"/>
                  </a:cubicBezTo>
                  <a:cubicBezTo>
                    <a:pt x="162" y="107"/>
                    <a:pt x="162" y="110"/>
                    <a:pt x="163" y="110"/>
                  </a:cubicBezTo>
                  <a:cubicBezTo>
                    <a:pt x="165" y="110"/>
                    <a:pt x="165" y="110"/>
                    <a:pt x="165" y="111"/>
                  </a:cubicBezTo>
                  <a:cubicBezTo>
                    <a:pt x="168" y="115"/>
                    <a:pt x="160" y="110"/>
                    <a:pt x="162" y="113"/>
                  </a:cubicBezTo>
                  <a:cubicBezTo>
                    <a:pt x="162" y="118"/>
                    <a:pt x="159" y="113"/>
                    <a:pt x="159" y="118"/>
                  </a:cubicBezTo>
                  <a:cubicBezTo>
                    <a:pt x="157" y="122"/>
                    <a:pt x="163" y="119"/>
                    <a:pt x="163" y="124"/>
                  </a:cubicBezTo>
                  <a:cubicBezTo>
                    <a:pt x="165" y="129"/>
                    <a:pt x="160" y="127"/>
                    <a:pt x="163" y="129"/>
                  </a:cubicBezTo>
                  <a:cubicBezTo>
                    <a:pt x="165" y="132"/>
                    <a:pt x="162" y="133"/>
                    <a:pt x="165" y="133"/>
                  </a:cubicBezTo>
                  <a:cubicBezTo>
                    <a:pt x="167" y="133"/>
                    <a:pt x="165" y="133"/>
                    <a:pt x="165" y="139"/>
                  </a:cubicBezTo>
                  <a:cubicBezTo>
                    <a:pt x="167" y="143"/>
                    <a:pt x="167" y="144"/>
                    <a:pt x="167" y="146"/>
                  </a:cubicBezTo>
                  <a:cubicBezTo>
                    <a:pt x="165" y="146"/>
                    <a:pt x="165" y="146"/>
                    <a:pt x="167" y="147"/>
                  </a:cubicBezTo>
                  <a:cubicBezTo>
                    <a:pt x="168" y="150"/>
                    <a:pt x="167" y="150"/>
                    <a:pt x="165" y="149"/>
                  </a:cubicBezTo>
                  <a:cubicBezTo>
                    <a:pt x="162" y="149"/>
                    <a:pt x="160" y="152"/>
                    <a:pt x="160" y="147"/>
                  </a:cubicBezTo>
                  <a:cubicBezTo>
                    <a:pt x="159" y="143"/>
                    <a:pt x="159" y="147"/>
                    <a:pt x="153" y="150"/>
                  </a:cubicBezTo>
                  <a:cubicBezTo>
                    <a:pt x="145" y="153"/>
                    <a:pt x="154" y="155"/>
                    <a:pt x="148" y="163"/>
                  </a:cubicBezTo>
                  <a:cubicBezTo>
                    <a:pt x="142" y="171"/>
                    <a:pt x="144" y="166"/>
                    <a:pt x="139" y="169"/>
                  </a:cubicBezTo>
                  <a:cubicBezTo>
                    <a:pt x="131" y="174"/>
                    <a:pt x="130" y="181"/>
                    <a:pt x="119" y="191"/>
                  </a:cubicBezTo>
                  <a:cubicBezTo>
                    <a:pt x="108" y="200"/>
                    <a:pt x="116" y="195"/>
                    <a:pt x="112" y="202"/>
                  </a:cubicBezTo>
                  <a:cubicBezTo>
                    <a:pt x="107" y="206"/>
                    <a:pt x="105" y="199"/>
                    <a:pt x="104" y="205"/>
                  </a:cubicBezTo>
                  <a:cubicBezTo>
                    <a:pt x="102" y="211"/>
                    <a:pt x="92" y="203"/>
                    <a:pt x="95" y="216"/>
                  </a:cubicBezTo>
                  <a:cubicBezTo>
                    <a:pt x="98" y="223"/>
                    <a:pt x="95" y="222"/>
                    <a:pt x="96" y="225"/>
                  </a:cubicBezTo>
                  <a:cubicBezTo>
                    <a:pt x="98" y="236"/>
                    <a:pt x="96" y="237"/>
                    <a:pt x="93" y="244"/>
                  </a:cubicBezTo>
                  <a:cubicBezTo>
                    <a:pt x="90" y="254"/>
                    <a:pt x="96" y="262"/>
                    <a:pt x="92" y="262"/>
                  </a:cubicBezTo>
                  <a:cubicBezTo>
                    <a:pt x="86" y="262"/>
                    <a:pt x="90" y="262"/>
                    <a:pt x="87" y="267"/>
                  </a:cubicBezTo>
                  <a:cubicBezTo>
                    <a:pt x="84" y="272"/>
                    <a:pt x="90" y="272"/>
                    <a:pt x="90" y="273"/>
                  </a:cubicBezTo>
                  <a:cubicBezTo>
                    <a:pt x="90" y="273"/>
                    <a:pt x="89" y="272"/>
                    <a:pt x="83" y="273"/>
                  </a:cubicBezTo>
                  <a:cubicBezTo>
                    <a:pt x="78" y="275"/>
                    <a:pt x="83" y="278"/>
                    <a:pt x="76" y="282"/>
                  </a:cubicBezTo>
                  <a:cubicBezTo>
                    <a:pt x="72" y="289"/>
                    <a:pt x="66" y="276"/>
                    <a:pt x="63" y="261"/>
                  </a:cubicBezTo>
                  <a:cubicBezTo>
                    <a:pt x="60" y="245"/>
                    <a:pt x="54" y="245"/>
                    <a:pt x="54" y="236"/>
                  </a:cubicBezTo>
                  <a:cubicBezTo>
                    <a:pt x="52" y="227"/>
                    <a:pt x="46" y="211"/>
                    <a:pt x="43" y="206"/>
                  </a:cubicBezTo>
                  <a:cubicBezTo>
                    <a:pt x="41" y="203"/>
                    <a:pt x="40" y="194"/>
                    <a:pt x="37" y="177"/>
                  </a:cubicBezTo>
                  <a:cubicBezTo>
                    <a:pt x="34" y="160"/>
                    <a:pt x="40" y="161"/>
                    <a:pt x="37" y="155"/>
                  </a:cubicBezTo>
                  <a:cubicBezTo>
                    <a:pt x="34" y="149"/>
                    <a:pt x="37" y="150"/>
                    <a:pt x="35" y="147"/>
                  </a:cubicBezTo>
                  <a:cubicBezTo>
                    <a:pt x="34" y="144"/>
                    <a:pt x="38" y="141"/>
                    <a:pt x="34" y="143"/>
                  </a:cubicBezTo>
                  <a:cubicBezTo>
                    <a:pt x="31" y="144"/>
                    <a:pt x="35" y="150"/>
                    <a:pt x="31" y="153"/>
                  </a:cubicBezTo>
                  <a:cubicBezTo>
                    <a:pt x="22" y="161"/>
                    <a:pt x="20" y="160"/>
                    <a:pt x="11" y="149"/>
                  </a:cubicBezTo>
                  <a:cubicBezTo>
                    <a:pt x="2" y="136"/>
                    <a:pt x="6" y="143"/>
                    <a:pt x="12" y="141"/>
                  </a:cubicBezTo>
                  <a:cubicBezTo>
                    <a:pt x="20" y="139"/>
                    <a:pt x="19" y="133"/>
                    <a:pt x="14" y="136"/>
                  </a:cubicBezTo>
                  <a:cubicBezTo>
                    <a:pt x="11" y="139"/>
                    <a:pt x="5" y="135"/>
                    <a:pt x="3" y="132"/>
                  </a:cubicBezTo>
                  <a:cubicBezTo>
                    <a:pt x="2" y="129"/>
                    <a:pt x="0" y="130"/>
                    <a:pt x="0" y="129"/>
                  </a:cubicBezTo>
                  <a:cubicBezTo>
                    <a:pt x="0" y="124"/>
                    <a:pt x="6" y="127"/>
                    <a:pt x="5" y="124"/>
                  </a:cubicBezTo>
                </a:path>
              </a:pathLst>
            </a:custGeom>
            <a:solidFill>
              <a:schemeClr val="accent5"/>
            </a:solidFill>
            <a:ln w="6350" cmpd="sng">
              <a:solidFill>
                <a:schemeClr val="bg1"/>
              </a:solidFill>
              <a:round/>
              <a:headEnd/>
              <a:tailEnd/>
            </a:ln>
          </p:spPr>
          <p:txBody>
            <a:bodyPr/>
            <a:lstStyle/>
            <a:p>
              <a:endParaRPr lang="en-GB" sz="1633" dirty="0"/>
            </a:p>
          </p:txBody>
        </p:sp>
        <p:sp>
          <p:nvSpPr>
            <p:cNvPr id="92" name="Freeform 42"/>
            <p:cNvSpPr>
              <a:spLocks/>
            </p:cNvSpPr>
            <p:nvPr/>
          </p:nvSpPr>
          <p:spPr bwMode="auto">
            <a:xfrm>
              <a:off x="7497255" y="4181486"/>
              <a:ext cx="212095" cy="139788"/>
            </a:xfrm>
            <a:custGeom>
              <a:avLst/>
              <a:gdLst/>
              <a:ahLst/>
              <a:cxnLst>
                <a:cxn ang="0">
                  <a:pos x="9" y="3"/>
                </a:cxn>
                <a:cxn ang="0">
                  <a:pos x="3" y="11"/>
                </a:cxn>
                <a:cxn ang="0">
                  <a:pos x="3" y="16"/>
                </a:cxn>
                <a:cxn ang="0">
                  <a:pos x="6" y="20"/>
                </a:cxn>
                <a:cxn ang="0">
                  <a:pos x="14" y="27"/>
                </a:cxn>
                <a:cxn ang="0">
                  <a:pos x="20" y="30"/>
                </a:cxn>
                <a:cxn ang="0">
                  <a:pos x="23" y="31"/>
                </a:cxn>
                <a:cxn ang="0">
                  <a:pos x="32" y="33"/>
                </a:cxn>
                <a:cxn ang="0">
                  <a:pos x="37" y="33"/>
                </a:cxn>
                <a:cxn ang="0">
                  <a:pos x="40" y="37"/>
                </a:cxn>
                <a:cxn ang="0">
                  <a:pos x="45" y="39"/>
                </a:cxn>
                <a:cxn ang="0">
                  <a:pos x="49" y="40"/>
                </a:cxn>
                <a:cxn ang="0">
                  <a:pos x="57" y="42"/>
                </a:cxn>
                <a:cxn ang="0">
                  <a:pos x="62" y="44"/>
                </a:cxn>
                <a:cxn ang="0">
                  <a:pos x="66" y="42"/>
                </a:cxn>
                <a:cxn ang="0">
                  <a:pos x="66" y="33"/>
                </a:cxn>
                <a:cxn ang="0">
                  <a:pos x="66" y="28"/>
                </a:cxn>
                <a:cxn ang="0">
                  <a:pos x="63" y="28"/>
                </a:cxn>
                <a:cxn ang="0">
                  <a:pos x="60" y="28"/>
                </a:cxn>
                <a:cxn ang="0">
                  <a:pos x="54" y="27"/>
                </a:cxn>
                <a:cxn ang="0">
                  <a:pos x="51" y="27"/>
                </a:cxn>
                <a:cxn ang="0">
                  <a:pos x="49" y="28"/>
                </a:cxn>
                <a:cxn ang="0">
                  <a:pos x="46" y="23"/>
                </a:cxn>
                <a:cxn ang="0">
                  <a:pos x="43" y="22"/>
                </a:cxn>
                <a:cxn ang="0">
                  <a:pos x="42" y="20"/>
                </a:cxn>
                <a:cxn ang="0">
                  <a:pos x="35" y="16"/>
                </a:cxn>
                <a:cxn ang="0">
                  <a:pos x="31" y="14"/>
                </a:cxn>
                <a:cxn ang="0">
                  <a:pos x="26" y="9"/>
                </a:cxn>
                <a:cxn ang="0">
                  <a:pos x="20" y="6"/>
                </a:cxn>
                <a:cxn ang="0">
                  <a:pos x="15" y="2"/>
                </a:cxn>
                <a:cxn ang="0">
                  <a:pos x="9" y="3"/>
                </a:cxn>
              </a:cxnLst>
              <a:rect l="0" t="0" r="r" b="b"/>
              <a:pathLst>
                <a:path w="68" h="45">
                  <a:moveTo>
                    <a:pt x="9" y="3"/>
                  </a:moveTo>
                  <a:cubicBezTo>
                    <a:pt x="2" y="8"/>
                    <a:pt x="6" y="9"/>
                    <a:pt x="3" y="11"/>
                  </a:cubicBezTo>
                  <a:cubicBezTo>
                    <a:pt x="2" y="14"/>
                    <a:pt x="5" y="14"/>
                    <a:pt x="3" y="16"/>
                  </a:cubicBezTo>
                  <a:cubicBezTo>
                    <a:pt x="0" y="17"/>
                    <a:pt x="5" y="22"/>
                    <a:pt x="6" y="20"/>
                  </a:cubicBezTo>
                  <a:cubicBezTo>
                    <a:pt x="6" y="17"/>
                    <a:pt x="11" y="23"/>
                    <a:pt x="14" y="27"/>
                  </a:cubicBezTo>
                  <a:cubicBezTo>
                    <a:pt x="19" y="30"/>
                    <a:pt x="15" y="25"/>
                    <a:pt x="20" y="30"/>
                  </a:cubicBezTo>
                  <a:cubicBezTo>
                    <a:pt x="23" y="33"/>
                    <a:pt x="22" y="28"/>
                    <a:pt x="23" y="31"/>
                  </a:cubicBezTo>
                  <a:cubicBezTo>
                    <a:pt x="25" y="34"/>
                    <a:pt x="29" y="31"/>
                    <a:pt x="32" y="33"/>
                  </a:cubicBezTo>
                  <a:cubicBezTo>
                    <a:pt x="34" y="34"/>
                    <a:pt x="32" y="31"/>
                    <a:pt x="37" y="33"/>
                  </a:cubicBezTo>
                  <a:cubicBezTo>
                    <a:pt x="42" y="36"/>
                    <a:pt x="37" y="37"/>
                    <a:pt x="40" y="37"/>
                  </a:cubicBezTo>
                  <a:cubicBezTo>
                    <a:pt x="45" y="39"/>
                    <a:pt x="42" y="40"/>
                    <a:pt x="45" y="39"/>
                  </a:cubicBezTo>
                  <a:cubicBezTo>
                    <a:pt x="48" y="37"/>
                    <a:pt x="46" y="42"/>
                    <a:pt x="49" y="40"/>
                  </a:cubicBezTo>
                  <a:cubicBezTo>
                    <a:pt x="52" y="39"/>
                    <a:pt x="54" y="45"/>
                    <a:pt x="57" y="42"/>
                  </a:cubicBezTo>
                  <a:cubicBezTo>
                    <a:pt x="60" y="40"/>
                    <a:pt x="57" y="45"/>
                    <a:pt x="62" y="44"/>
                  </a:cubicBezTo>
                  <a:cubicBezTo>
                    <a:pt x="66" y="42"/>
                    <a:pt x="65" y="45"/>
                    <a:pt x="66" y="42"/>
                  </a:cubicBezTo>
                  <a:cubicBezTo>
                    <a:pt x="68" y="37"/>
                    <a:pt x="65" y="37"/>
                    <a:pt x="66" y="33"/>
                  </a:cubicBezTo>
                  <a:cubicBezTo>
                    <a:pt x="68" y="28"/>
                    <a:pt x="68" y="30"/>
                    <a:pt x="66" y="28"/>
                  </a:cubicBezTo>
                  <a:cubicBezTo>
                    <a:pt x="66" y="28"/>
                    <a:pt x="65" y="28"/>
                    <a:pt x="63" y="28"/>
                  </a:cubicBezTo>
                  <a:cubicBezTo>
                    <a:pt x="63" y="30"/>
                    <a:pt x="63" y="28"/>
                    <a:pt x="60" y="28"/>
                  </a:cubicBezTo>
                  <a:cubicBezTo>
                    <a:pt x="58" y="30"/>
                    <a:pt x="55" y="23"/>
                    <a:pt x="54" y="27"/>
                  </a:cubicBezTo>
                  <a:cubicBezTo>
                    <a:pt x="54" y="28"/>
                    <a:pt x="52" y="28"/>
                    <a:pt x="51" y="27"/>
                  </a:cubicBezTo>
                  <a:cubicBezTo>
                    <a:pt x="49" y="23"/>
                    <a:pt x="51" y="28"/>
                    <a:pt x="49" y="28"/>
                  </a:cubicBezTo>
                  <a:cubicBezTo>
                    <a:pt x="48" y="28"/>
                    <a:pt x="48" y="23"/>
                    <a:pt x="46" y="23"/>
                  </a:cubicBezTo>
                  <a:cubicBezTo>
                    <a:pt x="43" y="23"/>
                    <a:pt x="42" y="25"/>
                    <a:pt x="43" y="22"/>
                  </a:cubicBezTo>
                  <a:cubicBezTo>
                    <a:pt x="43" y="20"/>
                    <a:pt x="43" y="20"/>
                    <a:pt x="42" y="20"/>
                  </a:cubicBezTo>
                  <a:cubicBezTo>
                    <a:pt x="40" y="22"/>
                    <a:pt x="35" y="19"/>
                    <a:pt x="35" y="16"/>
                  </a:cubicBezTo>
                  <a:cubicBezTo>
                    <a:pt x="35" y="12"/>
                    <a:pt x="34" y="14"/>
                    <a:pt x="31" y="14"/>
                  </a:cubicBezTo>
                  <a:cubicBezTo>
                    <a:pt x="29" y="16"/>
                    <a:pt x="28" y="9"/>
                    <a:pt x="26" y="9"/>
                  </a:cubicBezTo>
                  <a:cubicBezTo>
                    <a:pt x="23" y="9"/>
                    <a:pt x="23" y="6"/>
                    <a:pt x="20" y="6"/>
                  </a:cubicBezTo>
                  <a:cubicBezTo>
                    <a:pt x="17" y="5"/>
                    <a:pt x="22" y="3"/>
                    <a:pt x="15" y="2"/>
                  </a:cubicBezTo>
                  <a:cubicBezTo>
                    <a:pt x="11" y="0"/>
                    <a:pt x="12" y="9"/>
                    <a:pt x="9" y="3"/>
                  </a:cubicBezTo>
                </a:path>
              </a:pathLst>
            </a:custGeom>
            <a:solidFill>
              <a:schemeClr val="accent5"/>
            </a:solidFill>
            <a:ln w="6350" cmpd="sng">
              <a:solidFill>
                <a:schemeClr val="bg1"/>
              </a:solidFill>
              <a:round/>
              <a:headEnd/>
              <a:tailEnd/>
            </a:ln>
          </p:spPr>
          <p:txBody>
            <a:bodyPr/>
            <a:lstStyle/>
            <a:p>
              <a:endParaRPr lang="en-GB" sz="1633" dirty="0"/>
            </a:p>
          </p:txBody>
        </p:sp>
        <p:sp>
          <p:nvSpPr>
            <p:cNvPr id="93" name="Freeform 43"/>
            <p:cNvSpPr>
              <a:spLocks/>
            </p:cNvSpPr>
            <p:nvPr/>
          </p:nvSpPr>
          <p:spPr bwMode="auto">
            <a:xfrm>
              <a:off x="7712563" y="4250576"/>
              <a:ext cx="93193" cy="61056"/>
            </a:xfrm>
            <a:custGeom>
              <a:avLst/>
              <a:gdLst/>
              <a:ahLst/>
              <a:cxnLst>
                <a:cxn ang="0">
                  <a:pos x="3" y="12"/>
                </a:cxn>
                <a:cxn ang="0">
                  <a:pos x="6" y="17"/>
                </a:cxn>
                <a:cxn ang="0">
                  <a:pos x="14" y="17"/>
                </a:cxn>
                <a:cxn ang="0">
                  <a:pos x="21" y="17"/>
                </a:cxn>
                <a:cxn ang="0">
                  <a:pos x="26" y="17"/>
                </a:cxn>
                <a:cxn ang="0">
                  <a:pos x="29" y="15"/>
                </a:cxn>
                <a:cxn ang="0">
                  <a:pos x="27" y="11"/>
                </a:cxn>
                <a:cxn ang="0">
                  <a:pos x="24" y="8"/>
                </a:cxn>
                <a:cxn ang="0">
                  <a:pos x="23" y="4"/>
                </a:cxn>
                <a:cxn ang="0">
                  <a:pos x="20" y="4"/>
                </a:cxn>
                <a:cxn ang="0">
                  <a:pos x="15" y="3"/>
                </a:cxn>
                <a:cxn ang="0">
                  <a:pos x="9" y="4"/>
                </a:cxn>
                <a:cxn ang="0">
                  <a:pos x="6" y="8"/>
                </a:cxn>
                <a:cxn ang="0">
                  <a:pos x="3" y="12"/>
                </a:cxn>
              </a:cxnLst>
              <a:rect l="0" t="0" r="r" b="b"/>
              <a:pathLst>
                <a:path w="30" h="20">
                  <a:moveTo>
                    <a:pt x="3" y="12"/>
                  </a:moveTo>
                  <a:cubicBezTo>
                    <a:pt x="0" y="14"/>
                    <a:pt x="5" y="17"/>
                    <a:pt x="6" y="17"/>
                  </a:cubicBezTo>
                  <a:cubicBezTo>
                    <a:pt x="9" y="15"/>
                    <a:pt x="9" y="20"/>
                    <a:pt x="14" y="17"/>
                  </a:cubicBezTo>
                  <a:cubicBezTo>
                    <a:pt x="18" y="15"/>
                    <a:pt x="17" y="20"/>
                    <a:pt x="21" y="17"/>
                  </a:cubicBezTo>
                  <a:cubicBezTo>
                    <a:pt x="26" y="15"/>
                    <a:pt x="24" y="19"/>
                    <a:pt x="26" y="17"/>
                  </a:cubicBezTo>
                  <a:cubicBezTo>
                    <a:pt x="27" y="15"/>
                    <a:pt x="29" y="19"/>
                    <a:pt x="29" y="15"/>
                  </a:cubicBezTo>
                  <a:cubicBezTo>
                    <a:pt x="27" y="12"/>
                    <a:pt x="30" y="9"/>
                    <a:pt x="27" y="11"/>
                  </a:cubicBezTo>
                  <a:cubicBezTo>
                    <a:pt x="24" y="11"/>
                    <a:pt x="24" y="8"/>
                    <a:pt x="24" y="8"/>
                  </a:cubicBezTo>
                  <a:cubicBezTo>
                    <a:pt x="26" y="4"/>
                    <a:pt x="24" y="4"/>
                    <a:pt x="23" y="4"/>
                  </a:cubicBezTo>
                  <a:cubicBezTo>
                    <a:pt x="21" y="3"/>
                    <a:pt x="21" y="6"/>
                    <a:pt x="20" y="4"/>
                  </a:cubicBezTo>
                  <a:cubicBezTo>
                    <a:pt x="18" y="3"/>
                    <a:pt x="14" y="4"/>
                    <a:pt x="15" y="3"/>
                  </a:cubicBezTo>
                  <a:cubicBezTo>
                    <a:pt x="17" y="1"/>
                    <a:pt x="11" y="0"/>
                    <a:pt x="9" y="4"/>
                  </a:cubicBezTo>
                  <a:cubicBezTo>
                    <a:pt x="8" y="8"/>
                    <a:pt x="6" y="4"/>
                    <a:pt x="6" y="8"/>
                  </a:cubicBezTo>
                  <a:cubicBezTo>
                    <a:pt x="5" y="11"/>
                    <a:pt x="5" y="9"/>
                    <a:pt x="3" y="12"/>
                  </a:cubicBezTo>
                </a:path>
              </a:pathLst>
            </a:custGeom>
            <a:solidFill>
              <a:schemeClr val="accent5"/>
            </a:solidFill>
            <a:ln w="6350" cmpd="sng">
              <a:solidFill>
                <a:schemeClr val="bg1"/>
              </a:solidFill>
              <a:round/>
              <a:headEnd/>
              <a:tailEnd/>
            </a:ln>
          </p:spPr>
          <p:txBody>
            <a:bodyPr/>
            <a:lstStyle/>
            <a:p>
              <a:endParaRPr lang="en-GB" sz="1633" dirty="0"/>
            </a:p>
          </p:txBody>
        </p:sp>
        <p:sp>
          <p:nvSpPr>
            <p:cNvPr id="94" name="Freeform 44"/>
            <p:cNvSpPr>
              <a:spLocks/>
            </p:cNvSpPr>
            <p:nvPr/>
          </p:nvSpPr>
          <p:spPr bwMode="auto">
            <a:xfrm>
              <a:off x="7694888" y="4308419"/>
              <a:ext cx="120509" cy="197631"/>
            </a:xfrm>
            <a:custGeom>
              <a:avLst/>
              <a:gdLst/>
              <a:ahLst/>
              <a:cxnLst>
                <a:cxn ang="0">
                  <a:pos x="9" y="41"/>
                </a:cxn>
                <a:cxn ang="0">
                  <a:pos x="9" y="35"/>
                </a:cxn>
                <a:cxn ang="0">
                  <a:pos x="8" y="31"/>
                </a:cxn>
                <a:cxn ang="0">
                  <a:pos x="8" y="26"/>
                </a:cxn>
                <a:cxn ang="0">
                  <a:pos x="3" y="20"/>
                </a:cxn>
                <a:cxn ang="0">
                  <a:pos x="6" y="15"/>
                </a:cxn>
                <a:cxn ang="0">
                  <a:pos x="9" y="13"/>
                </a:cxn>
                <a:cxn ang="0">
                  <a:pos x="8" y="12"/>
                </a:cxn>
                <a:cxn ang="0">
                  <a:pos x="3" y="9"/>
                </a:cxn>
                <a:cxn ang="0">
                  <a:pos x="6" y="3"/>
                </a:cxn>
                <a:cxn ang="0">
                  <a:pos x="6" y="1"/>
                </a:cxn>
                <a:cxn ang="0">
                  <a:pos x="11" y="3"/>
                </a:cxn>
                <a:cxn ang="0">
                  <a:pos x="15" y="6"/>
                </a:cxn>
                <a:cxn ang="0">
                  <a:pos x="17" y="13"/>
                </a:cxn>
                <a:cxn ang="0">
                  <a:pos x="38" y="17"/>
                </a:cxn>
                <a:cxn ang="0">
                  <a:pos x="35" y="20"/>
                </a:cxn>
                <a:cxn ang="0">
                  <a:pos x="27" y="31"/>
                </a:cxn>
                <a:cxn ang="0">
                  <a:pos x="33" y="32"/>
                </a:cxn>
                <a:cxn ang="0">
                  <a:pos x="36" y="32"/>
                </a:cxn>
                <a:cxn ang="0">
                  <a:pos x="38" y="48"/>
                </a:cxn>
                <a:cxn ang="0">
                  <a:pos x="35" y="57"/>
                </a:cxn>
                <a:cxn ang="0">
                  <a:pos x="35" y="57"/>
                </a:cxn>
                <a:cxn ang="0">
                  <a:pos x="33" y="52"/>
                </a:cxn>
                <a:cxn ang="0">
                  <a:pos x="33" y="48"/>
                </a:cxn>
                <a:cxn ang="0">
                  <a:pos x="29" y="40"/>
                </a:cxn>
                <a:cxn ang="0">
                  <a:pos x="24" y="38"/>
                </a:cxn>
                <a:cxn ang="0">
                  <a:pos x="23" y="32"/>
                </a:cxn>
                <a:cxn ang="0">
                  <a:pos x="21" y="34"/>
                </a:cxn>
                <a:cxn ang="0">
                  <a:pos x="23" y="41"/>
                </a:cxn>
                <a:cxn ang="0">
                  <a:pos x="18" y="49"/>
                </a:cxn>
                <a:cxn ang="0">
                  <a:pos x="15" y="49"/>
                </a:cxn>
                <a:cxn ang="0">
                  <a:pos x="11" y="48"/>
                </a:cxn>
                <a:cxn ang="0">
                  <a:pos x="9" y="41"/>
                </a:cxn>
              </a:cxnLst>
              <a:rect l="0" t="0" r="r" b="b"/>
              <a:pathLst>
                <a:path w="39" h="63">
                  <a:moveTo>
                    <a:pt x="9" y="41"/>
                  </a:moveTo>
                  <a:cubicBezTo>
                    <a:pt x="9" y="35"/>
                    <a:pt x="11" y="35"/>
                    <a:pt x="9" y="35"/>
                  </a:cubicBezTo>
                  <a:cubicBezTo>
                    <a:pt x="6" y="35"/>
                    <a:pt x="9" y="34"/>
                    <a:pt x="8" y="31"/>
                  </a:cubicBezTo>
                  <a:cubicBezTo>
                    <a:pt x="5" y="29"/>
                    <a:pt x="9" y="31"/>
                    <a:pt x="8" y="26"/>
                  </a:cubicBezTo>
                  <a:cubicBezTo>
                    <a:pt x="8" y="21"/>
                    <a:pt x="2" y="24"/>
                    <a:pt x="3" y="20"/>
                  </a:cubicBezTo>
                  <a:cubicBezTo>
                    <a:pt x="3" y="15"/>
                    <a:pt x="6" y="20"/>
                    <a:pt x="6" y="15"/>
                  </a:cubicBezTo>
                  <a:cubicBezTo>
                    <a:pt x="5" y="12"/>
                    <a:pt x="12" y="17"/>
                    <a:pt x="9" y="13"/>
                  </a:cubicBezTo>
                  <a:cubicBezTo>
                    <a:pt x="9" y="12"/>
                    <a:pt x="9" y="12"/>
                    <a:pt x="8" y="12"/>
                  </a:cubicBezTo>
                  <a:cubicBezTo>
                    <a:pt x="6" y="12"/>
                    <a:pt x="6" y="9"/>
                    <a:pt x="3" y="9"/>
                  </a:cubicBezTo>
                  <a:cubicBezTo>
                    <a:pt x="0" y="7"/>
                    <a:pt x="8" y="3"/>
                    <a:pt x="6" y="3"/>
                  </a:cubicBezTo>
                  <a:cubicBezTo>
                    <a:pt x="5" y="1"/>
                    <a:pt x="5" y="0"/>
                    <a:pt x="6" y="1"/>
                  </a:cubicBezTo>
                  <a:cubicBezTo>
                    <a:pt x="8" y="1"/>
                    <a:pt x="6" y="6"/>
                    <a:pt x="11" y="3"/>
                  </a:cubicBezTo>
                  <a:cubicBezTo>
                    <a:pt x="12" y="3"/>
                    <a:pt x="14" y="10"/>
                    <a:pt x="15" y="6"/>
                  </a:cubicBezTo>
                  <a:cubicBezTo>
                    <a:pt x="17" y="3"/>
                    <a:pt x="17" y="9"/>
                    <a:pt x="17" y="13"/>
                  </a:cubicBezTo>
                  <a:cubicBezTo>
                    <a:pt x="17" y="17"/>
                    <a:pt x="35" y="13"/>
                    <a:pt x="38" y="17"/>
                  </a:cubicBezTo>
                  <a:cubicBezTo>
                    <a:pt x="39" y="20"/>
                    <a:pt x="35" y="15"/>
                    <a:pt x="35" y="20"/>
                  </a:cubicBezTo>
                  <a:cubicBezTo>
                    <a:pt x="35" y="26"/>
                    <a:pt x="26" y="24"/>
                    <a:pt x="27" y="31"/>
                  </a:cubicBezTo>
                  <a:cubicBezTo>
                    <a:pt x="29" y="38"/>
                    <a:pt x="32" y="40"/>
                    <a:pt x="33" y="32"/>
                  </a:cubicBezTo>
                  <a:cubicBezTo>
                    <a:pt x="33" y="29"/>
                    <a:pt x="36" y="29"/>
                    <a:pt x="36" y="32"/>
                  </a:cubicBezTo>
                  <a:cubicBezTo>
                    <a:pt x="35" y="38"/>
                    <a:pt x="38" y="38"/>
                    <a:pt x="38" y="48"/>
                  </a:cubicBezTo>
                  <a:cubicBezTo>
                    <a:pt x="39" y="63"/>
                    <a:pt x="35" y="46"/>
                    <a:pt x="35" y="57"/>
                  </a:cubicBezTo>
                  <a:cubicBezTo>
                    <a:pt x="36" y="60"/>
                    <a:pt x="35" y="59"/>
                    <a:pt x="35" y="57"/>
                  </a:cubicBezTo>
                  <a:cubicBezTo>
                    <a:pt x="33" y="55"/>
                    <a:pt x="33" y="54"/>
                    <a:pt x="33" y="52"/>
                  </a:cubicBezTo>
                  <a:cubicBezTo>
                    <a:pt x="35" y="51"/>
                    <a:pt x="33" y="51"/>
                    <a:pt x="33" y="48"/>
                  </a:cubicBezTo>
                  <a:cubicBezTo>
                    <a:pt x="30" y="41"/>
                    <a:pt x="30" y="38"/>
                    <a:pt x="29" y="40"/>
                  </a:cubicBezTo>
                  <a:cubicBezTo>
                    <a:pt x="26" y="43"/>
                    <a:pt x="24" y="41"/>
                    <a:pt x="24" y="38"/>
                  </a:cubicBezTo>
                  <a:cubicBezTo>
                    <a:pt x="23" y="35"/>
                    <a:pt x="23" y="31"/>
                    <a:pt x="23" y="32"/>
                  </a:cubicBezTo>
                  <a:cubicBezTo>
                    <a:pt x="21" y="34"/>
                    <a:pt x="21" y="32"/>
                    <a:pt x="21" y="34"/>
                  </a:cubicBezTo>
                  <a:cubicBezTo>
                    <a:pt x="23" y="37"/>
                    <a:pt x="21" y="38"/>
                    <a:pt x="23" y="41"/>
                  </a:cubicBezTo>
                  <a:cubicBezTo>
                    <a:pt x="23" y="45"/>
                    <a:pt x="20" y="51"/>
                    <a:pt x="18" y="49"/>
                  </a:cubicBezTo>
                  <a:cubicBezTo>
                    <a:pt x="17" y="46"/>
                    <a:pt x="15" y="52"/>
                    <a:pt x="15" y="49"/>
                  </a:cubicBezTo>
                  <a:cubicBezTo>
                    <a:pt x="14" y="48"/>
                    <a:pt x="12" y="52"/>
                    <a:pt x="11" y="48"/>
                  </a:cubicBezTo>
                  <a:cubicBezTo>
                    <a:pt x="11" y="46"/>
                    <a:pt x="11" y="45"/>
                    <a:pt x="9" y="41"/>
                  </a:cubicBezTo>
                </a:path>
              </a:pathLst>
            </a:custGeom>
            <a:solidFill>
              <a:schemeClr val="accent5"/>
            </a:solidFill>
            <a:ln w="6350" cmpd="sng">
              <a:solidFill>
                <a:schemeClr val="bg1"/>
              </a:solidFill>
              <a:round/>
              <a:headEnd/>
              <a:tailEnd/>
            </a:ln>
          </p:spPr>
          <p:txBody>
            <a:bodyPr/>
            <a:lstStyle/>
            <a:p>
              <a:endParaRPr lang="en-GB" sz="1633" dirty="0"/>
            </a:p>
          </p:txBody>
        </p:sp>
        <p:sp>
          <p:nvSpPr>
            <p:cNvPr id="95" name="Freeform 45"/>
            <p:cNvSpPr>
              <a:spLocks/>
            </p:cNvSpPr>
            <p:nvPr/>
          </p:nvSpPr>
          <p:spPr bwMode="auto">
            <a:xfrm>
              <a:off x="7021647" y="3913158"/>
              <a:ext cx="355099" cy="318136"/>
            </a:xfrm>
            <a:custGeom>
              <a:avLst/>
              <a:gdLst/>
              <a:ahLst/>
              <a:cxnLst>
                <a:cxn ang="0">
                  <a:pos x="6" y="33"/>
                </a:cxn>
                <a:cxn ang="0">
                  <a:pos x="0" y="50"/>
                </a:cxn>
                <a:cxn ang="0">
                  <a:pos x="3" y="74"/>
                </a:cxn>
                <a:cxn ang="0">
                  <a:pos x="10" y="80"/>
                </a:cxn>
                <a:cxn ang="0">
                  <a:pos x="3" y="94"/>
                </a:cxn>
                <a:cxn ang="0">
                  <a:pos x="29" y="97"/>
                </a:cxn>
                <a:cxn ang="0">
                  <a:pos x="47" y="88"/>
                </a:cxn>
                <a:cxn ang="0">
                  <a:pos x="59" y="75"/>
                </a:cxn>
                <a:cxn ang="0">
                  <a:pos x="69" y="74"/>
                </a:cxn>
                <a:cxn ang="0">
                  <a:pos x="70" y="64"/>
                </a:cxn>
                <a:cxn ang="0">
                  <a:pos x="76" y="53"/>
                </a:cxn>
                <a:cxn ang="0">
                  <a:pos x="85" y="46"/>
                </a:cxn>
                <a:cxn ang="0">
                  <a:pos x="87" y="33"/>
                </a:cxn>
                <a:cxn ang="0">
                  <a:pos x="96" y="21"/>
                </a:cxn>
                <a:cxn ang="0">
                  <a:pos x="111" y="16"/>
                </a:cxn>
                <a:cxn ang="0">
                  <a:pos x="113" y="15"/>
                </a:cxn>
                <a:cxn ang="0">
                  <a:pos x="108" y="13"/>
                </a:cxn>
                <a:cxn ang="0">
                  <a:pos x="105" y="13"/>
                </a:cxn>
                <a:cxn ang="0">
                  <a:pos x="101" y="13"/>
                </a:cxn>
                <a:cxn ang="0">
                  <a:pos x="97" y="16"/>
                </a:cxn>
                <a:cxn ang="0">
                  <a:pos x="91" y="19"/>
                </a:cxn>
                <a:cxn ang="0">
                  <a:pos x="88" y="10"/>
                </a:cxn>
                <a:cxn ang="0">
                  <a:pos x="85" y="7"/>
                </a:cxn>
                <a:cxn ang="0">
                  <a:pos x="84" y="2"/>
                </a:cxn>
                <a:cxn ang="0">
                  <a:pos x="78" y="7"/>
                </a:cxn>
                <a:cxn ang="0">
                  <a:pos x="78" y="11"/>
                </a:cxn>
                <a:cxn ang="0">
                  <a:pos x="72" y="11"/>
                </a:cxn>
                <a:cxn ang="0">
                  <a:pos x="70" y="16"/>
                </a:cxn>
                <a:cxn ang="0">
                  <a:pos x="67" y="15"/>
                </a:cxn>
                <a:cxn ang="0">
                  <a:pos x="61" y="16"/>
                </a:cxn>
                <a:cxn ang="0">
                  <a:pos x="58" y="16"/>
                </a:cxn>
                <a:cxn ang="0">
                  <a:pos x="55" y="15"/>
                </a:cxn>
                <a:cxn ang="0">
                  <a:pos x="49" y="13"/>
                </a:cxn>
                <a:cxn ang="0">
                  <a:pos x="41" y="13"/>
                </a:cxn>
                <a:cxn ang="0">
                  <a:pos x="33" y="21"/>
                </a:cxn>
                <a:cxn ang="0">
                  <a:pos x="24" y="28"/>
                </a:cxn>
                <a:cxn ang="0">
                  <a:pos x="17" y="36"/>
                </a:cxn>
                <a:cxn ang="0">
                  <a:pos x="10" y="35"/>
                </a:cxn>
                <a:cxn ang="0">
                  <a:pos x="6" y="33"/>
                </a:cxn>
              </a:cxnLst>
              <a:rect l="0" t="0" r="r" b="b"/>
              <a:pathLst>
                <a:path w="114" h="102">
                  <a:moveTo>
                    <a:pt x="6" y="33"/>
                  </a:moveTo>
                  <a:cubicBezTo>
                    <a:pt x="4" y="47"/>
                    <a:pt x="0" y="43"/>
                    <a:pt x="0" y="50"/>
                  </a:cubicBezTo>
                  <a:cubicBezTo>
                    <a:pt x="1" y="58"/>
                    <a:pt x="3" y="66"/>
                    <a:pt x="3" y="74"/>
                  </a:cubicBezTo>
                  <a:cubicBezTo>
                    <a:pt x="1" y="81"/>
                    <a:pt x="10" y="74"/>
                    <a:pt x="10" y="80"/>
                  </a:cubicBezTo>
                  <a:cubicBezTo>
                    <a:pt x="12" y="86"/>
                    <a:pt x="3" y="89"/>
                    <a:pt x="3" y="94"/>
                  </a:cubicBezTo>
                  <a:cubicBezTo>
                    <a:pt x="7" y="92"/>
                    <a:pt x="14" y="102"/>
                    <a:pt x="29" y="97"/>
                  </a:cubicBezTo>
                  <a:cubicBezTo>
                    <a:pt x="46" y="94"/>
                    <a:pt x="47" y="94"/>
                    <a:pt x="47" y="88"/>
                  </a:cubicBezTo>
                  <a:cubicBezTo>
                    <a:pt x="46" y="80"/>
                    <a:pt x="55" y="78"/>
                    <a:pt x="59" y="75"/>
                  </a:cubicBezTo>
                  <a:cubicBezTo>
                    <a:pt x="64" y="70"/>
                    <a:pt x="67" y="77"/>
                    <a:pt x="69" y="74"/>
                  </a:cubicBezTo>
                  <a:cubicBezTo>
                    <a:pt x="70" y="72"/>
                    <a:pt x="69" y="70"/>
                    <a:pt x="70" y="64"/>
                  </a:cubicBezTo>
                  <a:cubicBezTo>
                    <a:pt x="73" y="56"/>
                    <a:pt x="81" y="61"/>
                    <a:pt x="76" y="53"/>
                  </a:cubicBezTo>
                  <a:cubicBezTo>
                    <a:pt x="70" y="44"/>
                    <a:pt x="85" y="55"/>
                    <a:pt x="85" y="46"/>
                  </a:cubicBezTo>
                  <a:cubicBezTo>
                    <a:pt x="85" y="41"/>
                    <a:pt x="90" y="39"/>
                    <a:pt x="87" y="33"/>
                  </a:cubicBezTo>
                  <a:cubicBezTo>
                    <a:pt x="84" y="27"/>
                    <a:pt x="85" y="24"/>
                    <a:pt x="96" y="21"/>
                  </a:cubicBezTo>
                  <a:cubicBezTo>
                    <a:pt x="105" y="16"/>
                    <a:pt x="108" y="22"/>
                    <a:pt x="111" y="16"/>
                  </a:cubicBezTo>
                  <a:cubicBezTo>
                    <a:pt x="110" y="16"/>
                    <a:pt x="110" y="15"/>
                    <a:pt x="113" y="15"/>
                  </a:cubicBezTo>
                  <a:cubicBezTo>
                    <a:pt x="114" y="13"/>
                    <a:pt x="111" y="11"/>
                    <a:pt x="108" y="13"/>
                  </a:cubicBezTo>
                  <a:cubicBezTo>
                    <a:pt x="105" y="16"/>
                    <a:pt x="104" y="16"/>
                    <a:pt x="105" y="13"/>
                  </a:cubicBezTo>
                  <a:cubicBezTo>
                    <a:pt x="107" y="11"/>
                    <a:pt x="102" y="11"/>
                    <a:pt x="101" y="13"/>
                  </a:cubicBezTo>
                  <a:cubicBezTo>
                    <a:pt x="99" y="15"/>
                    <a:pt x="97" y="15"/>
                    <a:pt x="97" y="16"/>
                  </a:cubicBezTo>
                  <a:cubicBezTo>
                    <a:pt x="97" y="18"/>
                    <a:pt x="94" y="18"/>
                    <a:pt x="91" y="19"/>
                  </a:cubicBezTo>
                  <a:cubicBezTo>
                    <a:pt x="88" y="22"/>
                    <a:pt x="87" y="19"/>
                    <a:pt x="88" y="10"/>
                  </a:cubicBezTo>
                  <a:cubicBezTo>
                    <a:pt x="88" y="4"/>
                    <a:pt x="87" y="8"/>
                    <a:pt x="85" y="7"/>
                  </a:cubicBezTo>
                  <a:cubicBezTo>
                    <a:pt x="85" y="5"/>
                    <a:pt x="88" y="4"/>
                    <a:pt x="84" y="2"/>
                  </a:cubicBezTo>
                  <a:cubicBezTo>
                    <a:pt x="79" y="0"/>
                    <a:pt x="81" y="5"/>
                    <a:pt x="78" y="7"/>
                  </a:cubicBezTo>
                  <a:cubicBezTo>
                    <a:pt x="76" y="8"/>
                    <a:pt x="79" y="10"/>
                    <a:pt x="78" y="11"/>
                  </a:cubicBezTo>
                  <a:cubicBezTo>
                    <a:pt x="76" y="13"/>
                    <a:pt x="75" y="10"/>
                    <a:pt x="72" y="11"/>
                  </a:cubicBezTo>
                  <a:cubicBezTo>
                    <a:pt x="70" y="13"/>
                    <a:pt x="72" y="16"/>
                    <a:pt x="70" y="16"/>
                  </a:cubicBezTo>
                  <a:cubicBezTo>
                    <a:pt x="70" y="16"/>
                    <a:pt x="69" y="13"/>
                    <a:pt x="67" y="15"/>
                  </a:cubicBezTo>
                  <a:cubicBezTo>
                    <a:pt x="64" y="15"/>
                    <a:pt x="62" y="15"/>
                    <a:pt x="61" y="16"/>
                  </a:cubicBezTo>
                  <a:cubicBezTo>
                    <a:pt x="61" y="19"/>
                    <a:pt x="59" y="19"/>
                    <a:pt x="58" y="16"/>
                  </a:cubicBezTo>
                  <a:cubicBezTo>
                    <a:pt x="56" y="15"/>
                    <a:pt x="56" y="15"/>
                    <a:pt x="55" y="15"/>
                  </a:cubicBezTo>
                  <a:cubicBezTo>
                    <a:pt x="53" y="16"/>
                    <a:pt x="53" y="11"/>
                    <a:pt x="49" y="13"/>
                  </a:cubicBezTo>
                  <a:cubicBezTo>
                    <a:pt x="44" y="15"/>
                    <a:pt x="43" y="10"/>
                    <a:pt x="41" y="13"/>
                  </a:cubicBezTo>
                  <a:cubicBezTo>
                    <a:pt x="38" y="16"/>
                    <a:pt x="35" y="13"/>
                    <a:pt x="33" y="21"/>
                  </a:cubicBezTo>
                  <a:cubicBezTo>
                    <a:pt x="32" y="28"/>
                    <a:pt x="27" y="27"/>
                    <a:pt x="24" y="28"/>
                  </a:cubicBezTo>
                  <a:cubicBezTo>
                    <a:pt x="21" y="30"/>
                    <a:pt x="21" y="35"/>
                    <a:pt x="17" y="36"/>
                  </a:cubicBezTo>
                  <a:cubicBezTo>
                    <a:pt x="12" y="38"/>
                    <a:pt x="15" y="33"/>
                    <a:pt x="10" y="35"/>
                  </a:cubicBezTo>
                  <a:cubicBezTo>
                    <a:pt x="7" y="35"/>
                    <a:pt x="9" y="33"/>
                    <a:pt x="6" y="33"/>
                  </a:cubicBezTo>
                </a:path>
              </a:pathLst>
            </a:custGeom>
            <a:solidFill>
              <a:schemeClr val="accent5"/>
            </a:solidFill>
            <a:ln w="6350" cmpd="sng">
              <a:solidFill>
                <a:schemeClr val="bg1"/>
              </a:solidFill>
              <a:round/>
              <a:headEnd/>
              <a:tailEnd/>
            </a:ln>
          </p:spPr>
          <p:txBody>
            <a:bodyPr/>
            <a:lstStyle/>
            <a:p>
              <a:endParaRPr lang="en-GB" sz="1633" dirty="0"/>
            </a:p>
          </p:txBody>
        </p:sp>
        <p:sp>
          <p:nvSpPr>
            <p:cNvPr id="96" name="Freeform 46"/>
            <p:cNvSpPr>
              <a:spLocks/>
            </p:cNvSpPr>
            <p:nvPr/>
          </p:nvSpPr>
          <p:spPr bwMode="auto">
            <a:xfrm>
              <a:off x="7029680" y="3962967"/>
              <a:ext cx="417763" cy="441857"/>
            </a:xfrm>
            <a:custGeom>
              <a:avLst/>
              <a:gdLst/>
              <a:ahLst/>
              <a:cxnLst>
                <a:cxn ang="0">
                  <a:pos x="108" y="0"/>
                </a:cxn>
                <a:cxn ang="0">
                  <a:pos x="116" y="3"/>
                </a:cxn>
                <a:cxn ang="0">
                  <a:pos x="120" y="6"/>
                </a:cxn>
                <a:cxn ang="0">
                  <a:pos x="120" y="12"/>
                </a:cxn>
                <a:cxn ang="0">
                  <a:pos x="125" y="14"/>
                </a:cxn>
                <a:cxn ang="0">
                  <a:pos x="134" y="17"/>
                </a:cxn>
                <a:cxn ang="0">
                  <a:pos x="125" y="25"/>
                </a:cxn>
                <a:cxn ang="0">
                  <a:pos x="114" y="28"/>
                </a:cxn>
                <a:cxn ang="0">
                  <a:pos x="103" y="30"/>
                </a:cxn>
                <a:cxn ang="0">
                  <a:pos x="105" y="33"/>
                </a:cxn>
                <a:cxn ang="0">
                  <a:pos x="105" y="37"/>
                </a:cxn>
                <a:cxn ang="0">
                  <a:pos x="105" y="44"/>
                </a:cxn>
                <a:cxn ang="0">
                  <a:pos x="108" y="47"/>
                </a:cxn>
                <a:cxn ang="0">
                  <a:pos x="111" y="50"/>
                </a:cxn>
                <a:cxn ang="0">
                  <a:pos x="111" y="54"/>
                </a:cxn>
                <a:cxn ang="0">
                  <a:pos x="105" y="69"/>
                </a:cxn>
                <a:cxn ang="0">
                  <a:pos x="102" y="75"/>
                </a:cxn>
                <a:cxn ang="0">
                  <a:pos x="94" y="87"/>
                </a:cxn>
                <a:cxn ang="0">
                  <a:pos x="90" y="93"/>
                </a:cxn>
                <a:cxn ang="0">
                  <a:pos x="86" y="98"/>
                </a:cxn>
                <a:cxn ang="0">
                  <a:pos x="77" y="98"/>
                </a:cxn>
                <a:cxn ang="0">
                  <a:pos x="71" y="103"/>
                </a:cxn>
                <a:cxn ang="0">
                  <a:pos x="71" y="110"/>
                </a:cxn>
                <a:cxn ang="0">
                  <a:pos x="76" y="120"/>
                </a:cxn>
                <a:cxn ang="0">
                  <a:pos x="81" y="129"/>
                </a:cxn>
                <a:cxn ang="0">
                  <a:pos x="81" y="134"/>
                </a:cxn>
                <a:cxn ang="0">
                  <a:pos x="77" y="135"/>
                </a:cxn>
                <a:cxn ang="0">
                  <a:pos x="73" y="135"/>
                </a:cxn>
                <a:cxn ang="0">
                  <a:pos x="67" y="135"/>
                </a:cxn>
                <a:cxn ang="0">
                  <a:pos x="62" y="137"/>
                </a:cxn>
                <a:cxn ang="0">
                  <a:pos x="58" y="142"/>
                </a:cxn>
                <a:cxn ang="0">
                  <a:pos x="53" y="140"/>
                </a:cxn>
                <a:cxn ang="0">
                  <a:pos x="52" y="137"/>
                </a:cxn>
                <a:cxn ang="0">
                  <a:pos x="50" y="134"/>
                </a:cxn>
                <a:cxn ang="0">
                  <a:pos x="48" y="129"/>
                </a:cxn>
                <a:cxn ang="0">
                  <a:pos x="45" y="124"/>
                </a:cxn>
                <a:cxn ang="0">
                  <a:pos x="30" y="124"/>
                </a:cxn>
                <a:cxn ang="0">
                  <a:pos x="24" y="124"/>
                </a:cxn>
                <a:cxn ang="0">
                  <a:pos x="18" y="126"/>
                </a:cxn>
                <a:cxn ang="0">
                  <a:pos x="12" y="126"/>
                </a:cxn>
                <a:cxn ang="0">
                  <a:pos x="6" y="126"/>
                </a:cxn>
                <a:cxn ang="0">
                  <a:pos x="7" y="117"/>
                </a:cxn>
                <a:cxn ang="0">
                  <a:pos x="12" y="112"/>
                </a:cxn>
                <a:cxn ang="0">
                  <a:pos x="18" y="110"/>
                </a:cxn>
                <a:cxn ang="0">
                  <a:pos x="20" y="104"/>
                </a:cxn>
                <a:cxn ang="0">
                  <a:pos x="15" y="103"/>
                </a:cxn>
                <a:cxn ang="0">
                  <a:pos x="15" y="95"/>
                </a:cxn>
                <a:cxn ang="0">
                  <a:pos x="13" y="93"/>
                </a:cxn>
                <a:cxn ang="0">
                  <a:pos x="6" y="87"/>
                </a:cxn>
                <a:cxn ang="0">
                  <a:pos x="0" y="78"/>
                </a:cxn>
                <a:cxn ang="0">
                  <a:pos x="26" y="81"/>
                </a:cxn>
                <a:cxn ang="0">
                  <a:pos x="44" y="72"/>
                </a:cxn>
                <a:cxn ang="0">
                  <a:pos x="56" y="59"/>
                </a:cxn>
                <a:cxn ang="0">
                  <a:pos x="65" y="58"/>
                </a:cxn>
                <a:cxn ang="0">
                  <a:pos x="67" y="48"/>
                </a:cxn>
                <a:cxn ang="0">
                  <a:pos x="73" y="37"/>
                </a:cxn>
                <a:cxn ang="0">
                  <a:pos x="82" y="30"/>
                </a:cxn>
                <a:cxn ang="0">
                  <a:pos x="83" y="17"/>
                </a:cxn>
                <a:cxn ang="0">
                  <a:pos x="93" y="5"/>
                </a:cxn>
                <a:cxn ang="0">
                  <a:pos x="108" y="0"/>
                </a:cxn>
              </a:cxnLst>
              <a:rect l="0" t="0" r="r" b="b"/>
              <a:pathLst>
                <a:path w="134" h="142">
                  <a:moveTo>
                    <a:pt x="108" y="0"/>
                  </a:moveTo>
                  <a:cubicBezTo>
                    <a:pt x="111" y="3"/>
                    <a:pt x="114" y="0"/>
                    <a:pt x="116" y="3"/>
                  </a:cubicBezTo>
                  <a:cubicBezTo>
                    <a:pt x="116" y="6"/>
                    <a:pt x="117" y="2"/>
                    <a:pt x="120" y="6"/>
                  </a:cubicBezTo>
                  <a:cubicBezTo>
                    <a:pt x="122" y="11"/>
                    <a:pt x="119" y="9"/>
                    <a:pt x="120" y="12"/>
                  </a:cubicBezTo>
                  <a:cubicBezTo>
                    <a:pt x="123" y="16"/>
                    <a:pt x="125" y="12"/>
                    <a:pt x="125" y="14"/>
                  </a:cubicBezTo>
                  <a:cubicBezTo>
                    <a:pt x="126" y="16"/>
                    <a:pt x="131" y="17"/>
                    <a:pt x="134" y="17"/>
                  </a:cubicBezTo>
                  <a:cubicBezTo>
                    <a:pt x="126" y="22"/>
                    <a:pt x="129" y="27"/>
                    <a:pt x="125" y="25"/>
                  </a:cubicBezTo>
                  <a:cubicBezTo>
                    <a:pt x="122" y="25"/>
                    <a:pt x="120" y="30"/>
                    <a:pt x="114" y="28"/>
                  </a:cubicBezTo>
                  <a:cubicBezTo>
                    <a:pt x="105" y="23"/>
                    <a:pt x="100" y="28"/>
                    <a:pt x="103" y="30"/>
                  </a:cubicBezTo>
                  <a:cubicBezTo>
                    <a:pt x="106" y="33"/>
                    <a:pt x="100" y="33"/>
                    <a:pt x="105" y="33"/>
                  </a:cubicBezTo>
                  <a:cubicBezTo>
                    <a:pt x="111" y="34"/>
                    <a:pt x="100" y="34"/>
                    <a:pt x="105" y="37"/>
                  </a:cubicBezTo>
                  <a:cubicBezTo>
                    <a:pt x="108" y="40"/>
                    <a:pt x="102" y="40"/>
                    <a:pt x="105" y="44"/>
                  </a:cubicBezTo>
                  <a:cubicBezTo>
                    <a:pt x="108" y="45"/>
                    <a:pt x="106" y="47"/>
                    <a:pt x="108" y="47"/>
                  </a:cubicBezTo>
                  <a:cubicBezTo>
                    <a:pt x="112" y="45"/>
                    <a:pt x="108" y="50"/>
                    <a:pt x="111" y="50"/>
                  </a:cubicBezTo>
                  <a:cubicBezTo>
                    <a:pt x="116" y="51"/>
                    <a:pt x="117" y="51"/>
                    <a:pt x="111" y="54"/>
                  </a:cubicBezTo>
                  <a:cubicBezTo>
                    <a:pt x="103" y="58"/>
                    <a:pt x="112" y="58"/>
                    <a:pt x="105" y="69"/>
                  </a:cubicBezTo>
                  <a:cubicBezTo>
                    <a:pt x="102" y="75"/>
                    <a:pt x="108" y="73"/>
                    <a:pt x="102" y="75"/>
                  </a:cubicBezTo>
                  <a:cubicBezTo>
                    <a:pt x="96" y="78"/>
                    <a:pt x="99" y="86"/>
                    <a:pt x="94" y="87"/>
                  </a:cubicBezTo>
                  <a:cubicBezTo>
                    <a:pt x="90" y="89"/>
                    <a:pt x="91" y="92"/>
                    <a:pt x="90" y="93"/>
                  </a:cubicBezTo>
                  <a:cubicBezTo>
                    <a:pt x="86" y="95"/>
                    <a:pt x="90" y="98"/>
                    <a:pt x="86" y="98"/>
                  </a:cubicBezTo>
                  <a:cubicBezTo>
                    <a:pt x="81" y="98"/>
                    <a:pt x="79" y="101"/>
                    <a:pt x="77" y="98"/>
                  </a:cubicBezTo>
                  <a:cubicBezTo>
                    <a:pt x="74" y="93"/>
                    <a:pt x="74" y="100"/>
                    <a:pt x="71" y="103"/>
                  </a:cubicBezTo>
                  <a:cubicBezTo>
                    <a:pt x="68" y="106"/>
                    <a:pt x="65" y="110"/>
                    <a:pt x="71" y="110"/>
                  </a:cubicBezTo>
                  <a:cubicBezTo>
                    <a:pt x="77" y="112"/>
                    <a:pt x="70" y="120"/>
                    <a:pt x="76" y="120"/>
                  </a:cubicBezTo>
                  <a:cubicBezTo>
                    <a:pt x="81" y="121"/>
                    <a:pt x="74" y="121"/>
                    <a:pt x="81" y="129"/>
                  </a:cubicBezTo>
                  <a:cubicBezTo>
                    <a:pt x="82" y="131"/>
                    <a:pt x="79" y="132"/>
                    <a:pt x="81" y="134"/>
                  </a:cubicBezTo>
                  <a:cubicBezTo>
                    <a:pt x="82" y="134"/>
                    <a:pt x="77" y="137"/>
                    <a:pt x="77" y="135"/>
                  </a:cubicBezTo>
                  <a:cubicBezTo>
                    <a:pt x="76" y="132"/>
                    <a:pt x="74" y="134"/>
                    <a:pt x="73" y="135"/>
                  </a:cubicBezTo>
                  <a:cubicBezTo>
                    <a:pt x="71" y="139"/>
                    <a:pt x="71" y="134"/>
                    <a:pt x="67" y="135"/>
                  </a:cubicBezTo>
                  <a:cubicBezTo>
                    <a:pt x="65" y="135"/>
                    <a:pt x="62" y="134"/>
                    <a:pt x="62" y="137"/>
                  </a:cubicBezTo>
                  <a:cubicBezTo>
                    <a:pt x="64" y="140"/>
                    <a:pt x="58" y="137"/>
                    <a:pt x="58" y="142"/>
                  </a:cubicBezTo>
                  <a:cubicBezTo>
                    <a:pt x="55" y="139"/>
                    <a:pt x="55" y="142"/>
                    <a:pt x="53" y="140"/>
                  </a:cubicBezTo>
                  <a:cubicBezTo>
                    <a:pt x="52" y="139"/>
                    <a:pt x="53" y="139"/>
                    <a:pt x="52" y="137"/>
                  </a:cubicBezTo>
                  <a:cubicBezTo>
                    <a:pt x="50" y="135"/>
                    <a:pt x="52" y="135"/>
                    <a:pt x="50" y="134"/>
                  </a:cubicBezTo>
                  <a:cubicBezTo>
                    <a:pt x="48" y="132"/>
                    <a:pt x="52" y="129"/>
                    <a:pt x="48" y="129"/>
                  </a:cubicBezTo>
                  <a:cubicBezTo>
                    <a:pt x="44" y="129"/>
                    <a:pt x="47" y="128"/>
                    <a:pt x="45" y="124"/>
                  </a:cubicBezTo>
                  <a:cubicBezTo>
                    <a:pt x="45" y="123"/>
                    <a:pt x="32" y="124"/>
                    <a:pt x="30" y="124"/>
                  </a:cubicBezTo>
                  <a:cubicBezTo>
                    <a:pt x="30" y="128"/>
                    <a:pt x="30" y="126"/>
                    <a:pt x="24" y="124"/>
                  </a:cubicBezTo>
                  <a:cubicBezTo>
                    <a:pt x="18" y="123"/>
                    <a:pt x="23" y="128"/>
                    <a:pt x="18" y="126"/>
                  </a:cubicBezTo>
                  <a:cubicBezTo>
                    <a:pt x="12" y="123"/>
                    <a:pt x="13" y="128"/>
                    <a:pt x="12" y="126"/>
                  </a:cubicBezTo>
                  <a:cubicBezTo>
                    <a:pt x="10" y="124"/>
                    <a:pt x="7" y="131"/>
                    <a:pt x="6" y="126"/>
                  </a:cubicBezTo>
                  <a:cubicBezTo>
                    <a:pt x="6" y="123"/>
                    <a:pt x="6" y="120"/>
                    <a:pt x="7" y="117"/>
                  </a:cubicBezTo>
                  <a:cubicBezTo>
                    <a:pt x="9" y="114"/>
                    <a:pt x="12" y="115"/>
                    <a:pt x="12" y="112"/>
                  </a:cubicBezTo>
                  <a:cubicBezTo>
                    <a:pt x="12" y="110"/>
                    <a:pt x="18" y="112"/>
                    <a:pt x="18" y="110"/>
                  </a:cubicBezTo>
                  <a:cubicBezTo>
                    <a:pt x="18" y="107"/>
                    <a:pt x="20" y="106"/>
                    <a:pt x="20" y="104"/>
                  </a:cubicBezTo>
                  <a:cubicBezTo>
                    <a:pt x="18" y="104"/>
                    <a:pt x="13" y="106"/>
                    <a:pt x="15" y="103"/>
                  </a:cubicBezTo>
                  <a:cubicBezTo>
                    <a:pt x="17" y="101"/>
                    <a:pt x="15" y="98"/>
                    <a:pt x="15" y="95"/>
                  </a:cubicBezTo>
                  <a:cubicBezTo>
                    <a:pt x="15" y="92"/>
                    <a:pt x="15" y="97"/>
                    <a:pt x="13" y="93"/>
                  </a:cubicBezTo>
                  <a:cubicBezTo>
                    <a:pt x="12" y="90"/>
                    <a:pt x="7" y="93"/>
                    <a:pt x="6" y="87"/>
                  </a:cubicBezTo>
                  <a:cubicBezTo>
                    <a:pt x="4" y="82"/>
                    <a:pt x="3" y="81"/>
                    <a:pt x="0" y="78"/>
                  </a:cubicBezTo>
                  <a:cubicBezTo>
                    <a:pt x="4" y="76"/>
                    <a:pt x="10" y="86"/>
                    <a:pt x="26" y="81"/>
                  </a:cubicBezTo>
                  <a:cubicBezTo>
                    <a:pt x="42" y="78"/>
                    <a:pt x="44" y="78"/>
                    <a:pt x="44" y="72"/>
                  </a:cubicBezTo>
                  <a:cubicBezTo>
                    <a:pt x="42" y="64"/>
                    <a:pt x="52" y="62"/>
                    <a:pt x="56" y="59"/>
                  </a:cubicBezTo>
                  <a:cubicBezTo>
                    <a:pt x="61" y="54"/>
                    <a:pt x="64" y="61"/>
                    <a:pt x="65" y="58"/>
                  </a:cubicBezTo>
                  <a:cubicBezTo>
                    <a:pt x="67" y="56"/>
                    <a:pt x="65" y="54"/>
                    <a:pt x="67" y="48"/>
                  </a:cubicBezTo>
                  <a:cubicBezTo>
                    <a:pt x="70" y="40"/>
                    <a:pt x="77" y="45"/>
                    <a:pt x="73" y="37"/>
                  </a:cubicBezTo>
                  <a:cubicBezTo>
                    <a:pt x="67" y="28"/>
                    <a:pt x="82" y="39"/>
                    <a:pt x="82" y="30"/>
                  </a:cubicBezTo>
                  <a:cubicBezTo>
                    <a:pt x="82" y="25"/>
                    <a:pt x="86" y="23"/>
                    <a:pt x="83" y="17"/>
                  </a:cubicBezTo>
                  <a:cubicBezTo>
                    <a:pt x="81" y="11"/>
                    <a:pt x="82" y="8"/>
                    <a:pt x="93" y="5"/>
                  </a:cubicBezTo>
                  <a:cubicBezTo>
                    <a:pt x="102" y="0"/>
                    <a:pt x="105" y="6"/>
                    <a:pt x="108" y="0"/>
                  </a:cubicBezTo>
                </a:path>
              </a:pathLst>
            </a:custGeom>
            <a:solidFill>
              <a:schemeClr val="accent5"/>
            </a:solidFill>
            <a:ln w="6350" cmpd="sng">
              <a:solidFill>
                <a:schemeClr val="bg1"/>
              </a:solidFill>
              <a:round/>
              <a:headEnd/>
              <a:tailEnd/>
            </a:ln>
          </p:spPr>
          <p:txBody>
            <a:bodyPr/>
            <a:lstStyle/>
            <a:p>
              <a:endParaRPr lang="en-GB" sz="1633" dirty="0"/>
            </a:p>
          </p:txBody>
        </p:sp>
        <p:sp>
          <p:nvSpPr>
            <p:cNvPr id="97" name="Freeform 47"/>
            <p:cNvSpPr>
              <a:spLocks/>
            </p:cNvSpPr>
            <p:nvPr/>
          </p:nvSpPr>
          <p:spPr bwMode="auto">
            <a:xfrm>
              <a:off x="6611918" y="3866563"/>
              <a:ext cx="477214" cy="491666"/>
            </a:xfrm>
            <a:custGeom>
              <a:avLst/>
              <a:gdLst/>
              <a:ahLst/>
              <a:cxnLst>
                <a:cxn ang="0">
                  <a:pos x="50" y="29"/>
                </a:cxn>
                <a:cxn ang="0">
                  <a:pos x="79" y="33"/>
                </a:cxn>
                <a:cxn ang="0">
                  <a:pos x="79" y="28"/>
                </a:cxn>
                <a:cxn ang="0">
                  <a:pos x="99" y="20"/>
                </a:cxn>
                <a:cxn ang="0">
                  <a:pos x="106" y="20"/>
                </a:cxn>
                <a:cxn ang="0">
                  <a:pos x="118" y="25"/>
                </a:cxn>
                <a:cxn ang="0">
                  <a:pos x="131" y="36"/>
                </a:cxn>
                <a:cxn ang="0">
                  <a:pos x="137" y="40"/>
                </a:cxn>
                <a:cxn ang="0">
                  <a:pos x="137" y="48"/>
                </a:cxn>
                <a:cxn ang="0">
                  <a:pos x="134" y="88"/>
                </a:cxn>
                <a:cxn ang="0">
                  <a:pos x="134" y="108"/>
                </a:cxn>
                <a:cxn ang="0">
                  <a:pos x="147" y="124"/>
                </a:cxn>
                <a:cxn ang="0">
                  <a:pos x="149" y="133"/>
                </a:cxn>
                <a:cxn ang="0">
                  <a:pos x="152" y="141"/>
                </a:cxn>
                <a:cxn ang="0">
                  <a:pos x="141" y="147"/>
                </a:cxn>
                <a:cxn ang="0">
                  <a:pos x="137" y="157"/>
                </a:cxn>
                <a:cxn ang="0">
                  <a:pos x="131" y="155"/>
                </a:cxn>
                <a:cxn ang="0">
                  <a:pos x="115" y="152"/>
                </a:cxn>
                <a:cxn ang="0">
                  <a:pos x="105" y="149"/>
                </a:cxn>
                <a:cxn ang="0">
                  <a:pos x="94" y="138"/>
                </a:cxn>
                <a:cxn ang="0">
                  <a:pos x="83" y="143"/>
                </a:cxn>
                <a:cxn ang="0">
                  <a:pos x="68" y="133"/>
                </a:cxn>
                <a:cxn ang="0">
                  <a:pos x="55" y="119"/>
                </a:cxn>
                <a:cxn ang="0">
                  <a:pos x="45" y="105"/>
                </a:cxn>
                <a:cxn ang="0">
                  <a:pos x="36" y="107"/>
                </a:cxn>
                <a:cxn ang="0">
                  <a:pos x="30" y="96"/>
                </a:cxn>
                <a:cxn ang="0">
                  <a:pos x="18" y="73"/>
                </a:cxn>
                <a:cxn ang="0">
                  <a:pos x="17" y="50"/>
                </a:cxn>
                <a:cxn ang="0">
                  <a:pos x="11" y="42"/>
                </a:cxn>
                <a:cxn ang="0">
                  <a:pos x="4" y="25"/>
                </a:cxn>
                <a:cxn ang="0">
                  <a:pos x="4" y="19"/>
                </a:cxn>
                <a:cxn ang="0">
                  <a:pos x="3" y="12"/>
                </a:cxn>
                <a:cxn ang="0">
                  <a:pos x="1" y="9"/>
                </a:cxn>
                <a:cxn ang="0">
                  <a:pos x="3" y="6"/>
                </a:cxn>
                <a:cxn ang="0">
                  <a:pos x="6" y="3"/>
                </a:cxn>
                <a:cxn ang="0">
                  <a:pos x="18" y="12"/>
                </a:cxn>
                <a:cxn ang="0">
                  <a:pos x="20" y="12"/>
                </a:cxn>
                <a:cxn ang="0">
                  <a:pos x="23" y="9"/>
                </a:cxn>
                <a:cxn ang="0">
                  <a:pos x="27" y="6"/>
                </a:cxn>
                <a:cxn ang="0">
                  <a:pos x="35" y="6"/>
                </a:cxn>
                <a:cxn ang="0">
                  <a:pos x="35" y="9"/>
                </a:cxn>
                <a:cxn ang="0">
                  <a:pos x="32" y="12"/>
                </a:cxn>
                <a:cxn ang="0">
                  <a:pos x="35" y="15"/>
                </a:cxn>
                <a:cxn ang="0">
                  <a:pos x="39" y="17"/>
                </a:cxn>
              </a:cxnLst>
              <a:rect l="0" t="0" r="r" b="b"/>
              <a:pathLst>
                <a:path w="153" h="158">
                  <a:moveTo>
                    <a:pt x="39" y="17"/>
                  </a:moveTo>
                  <a:cubicBezTo>
                    <a:pt x="39" y="33"/>
                    <a:pt x="47" y="23"/>
                    <a:pt x="50" y="29"/>
                  </a:cubicBezTo>
                  <a:cubicBezTo>
                    <a:pt x="52" y="34"/>
                    <a:pt x="62" y="37"/>
                    <a:pt x="64" y="37"/>
                  </a:cubicBezTo>
                  <a:cubicBezTo>
                    <a:pt x="67" y="36"/>
                    <a:pt x="77" y="33"/>
                    <a:pt x="79" y="33"/>
                  </a:cubicBezTo>
                  <a:cubicBezTo>
                    <a:pt x="79" y="34"/>
                    <a:pt x="74" y="34"/>
                    <a:pt x="79" y="34"/>
                  </a:cubicBezTo>
                  <a:cubicBezTo>
                    <a:pt x="82" y="34"/>
                    <a:pt x="79" y="31"/>
                    <a:pt x="79" y="28"/>
                  </a:cubicBezTo>
                  <a:cubicBezTo>
                    <a:pt x="90" y="28"/>
                    <a:pt x="82" y="25"/>
                    <a:pt x="90" y="22"/>
                  </a:cubicBezTo>
                  <a:cubicBezTo>
                    <a:pt x="94" y="19"/>
                    <a:pt x="97" y="23"/>
                    <a:pt x="99" y="20"/>
                  </a:cubicBezTo>
                  <a:cubicBezTo>
                    <a:pt x="99" y="19"/>
                    <a:pt x="102" y="17"/>
                    <a:pt x="103" y="19"/>
                  </a:cubicBezTo>
                  <a:cubicBezTo>
                    <a:pt x="103" y="20"/>
                    <a:pt x="105" y="17"/>
                    <a:pt x="106" y="20"/>
                  </a:cubicBezTo>
                  <a:cubicBezTo>
                    <a:pt x="106" y="23"/>
                    <a:pt x="112" y="22"/>
                    <a:pt x="112" y="25"/>
                  </a:cubicBezTo>
                  <a:cubicBezTo>
                    <a:pt x="114" y="26"/>
                    <a:pt x="114" y="23"/>
                    <a:pt x="118" y="25"/>
                  </a:cubicBezTo>
                  <a:cubicBezTo>
                    <a:pt x="124" y="26"/>
                    <a:pt x="120" y="29"/>
                    <a:pt x="124" y="31"/>
                  </a:cubicBezTo>
                  <a:cubicBezTo>
                    <a:pt x="129" y="33"/>
                    <a:pt x="127" y="36"/>
                    <a:pt x="131" y="36"/>
                  </a:cubicBezTo>
                  <a:cubicBezTo>
                    <a:pt x="134" y="36"/>
                    <a:pt x="135" y="36"/>
                    <a:pt x="137" y="37"/>
                  </a:cubicBezTo>
                  <a:cubicBezTo>
                    <a:pt x="137" y="39"/>
                    <a:pt x="135" y="37"/>
                    <a:pt x="137" y="40"/>
                  </a:cubicBezTo>
                  <a:cubicBezTo>
                    <a:pt x="137" y="42"/>
                    <a:pt x="135" y="43"/>
                    <a:pt x="137" y="43"/>
                  </a:cubicBezTo>
                  <a:cubicBezTo>
                    <a:pt x="138" y="45"/>
                    <a:pt x="137" y="46"/>
                    <a:pt x="137" y="48"/>
                  </a:cubicBezTo>
                  <a:cubicBezTo>
                    <a:pt x="135" y="62"/>
                    <a:pt x="131" y="57"/>
                    <a:pt x="131" y="65"/>
                  </a:cubicBezTo>
                  <a:cubicBezTo>
                    <a:pt x="132" y="73"/>
                    <a:pt x="134" y="81"/>
                    <a:pt x="134" y="88"/>
                  </a:cubicBezTo>
                  <a:cubicBezTo>
                    <a:pt x="132" y="96"/>
                    <a:pt x="141" y="88"/>
                    <a:pt x="141" y="95"/>
                  </a:cubicBezTo>
                  <a:cubicBezTo>
                    <a:pt x="143" y="101"/>
                    <a:pt x="134" y="104"/>
                    <a:pt x="134" y="108"/>
                  </a:cubicBezTo>
                  <a:cubicBezTo>
                    <a:pt x="137" y="112"/>
                    <a:pt x="138" y="113"/>
                    <a:pt x="140" y="118"/>
                  </a:cubicBezTo>
                  <a:cubicBezTo>
                    <a:pt x="141" y="124"/>
                    <a:pt x="146" y="121"/>
                    <a:pt x="147" y="124"/>
                  </a:cubicBezTo>
                  <a:cubicBezTo>
                    <a:pt x="149" y="127"/>
                    <a:pt x="149" y="122"/>
                    <a:pt x="149" y="126"/>
                  </a:cubicBezTo>
                  <a:cubicBezTo>
                    <a:pt x="149" y="129"/>
                    <a:pt x="150" y="132"/>
                    <a:pt x="149" y="133"/>
                  </a:cubicBezTo>
                  <a:cubicBezTo>
                    <a:pt x="147" y="136"/>
                    <a:pt x="152" y="135"/>
                    <a:pt x="153" y="135"/>
                  </a:cubicBezTo>
                  <a:cubicBezTo>
                    <a:pt x="153" y="136"/>
                    <a:pt x="152" y="138"/>
                    <a:pt x="152" y="141"/>
                  </a:cubicBezTo>
                  <a:cubicBezTo>
                    <a:pt x="152" y="143"/>
                    <a:pt x="146" y="141"/>
                    <a:pt x="146" y="143"/>
                  </a:cubicBezTo>
                  <a:cubicBezTo>
                    <a:pt x="146" y="146"/>
                    <a:pt x="143" y="144"/>
                    <a:pt x="141" y="147"/>
                  </a:cubicBezTo>
                  <a:cubicBezTo>
                    <a:pt x="140" y="150"/>
                    <a:pt x="140" y="153"/>
                    <a:pt x="140" y="157"/>
                  </a:cubicBezTo>
                  <a:cubicBezTo>
                    <a:pt x="138" y="155"/>
                    <a:pt x="140" y="158"/>
                    <a:pt x="137" y="157"/>
                  </a:cubicBezTo>
                  <a:cubicBezTo>
                    <a:pt x="134" y="155"/>
                    <a:pt x="132" y="157"/>
                    <a:pt x="132" y="155"/>
                  </a:cubicBezTo>
                  <a:cubicBezTo>
                    <a:pt x="131" y="153"/>
                    <a:pt x="131" y="153"/>
                    <a:pt x="131" y="155"/>
                  </a:cubicBezTo>
                  <a:cubicBezTo>
                    <a:pt x="131" y="157"/>
                    <a:pt x="123" y="153"/>
                    <a:pt x="121" y="153"/>
                  </a:cubicBezTo>
                  <a:cubicBezTo>
                    <a:pt x="118" y="155"/>
                    <a:pt x="120" y="153"/>
                    <a:pt x="115" y="152"/>
                  </a:cubicBezTo>
                  <a:cubicBezTo>
                    <a:pt x="112" y="152"/>
                    <a:pt x="114" y="153"/>
                    <a:pt x="111" y="152"/>
                  </a:cubicBezTo>
                  <a:cubicBezTo>
                    <a:pt x="109" y="150"/>
                    <a:pt x="106" y="152"/>
                    <a:pt x="105" y="149"/>
                  </a:cubicBezTo>
                  <a:cubicBezTo>
                    <a:pt x="105" y="147"/>
                    <a:pt x="105" y="138"/>
                    <a:pt x="100" y="136"/>
                  </a:cubicBezTo>
                  <a:cubicBezTo>
                    <a:pt x="96" y="135"/>
                    <a:pt x="96" y="138"/>
                    <a:pt x="94" y="138"/>
                  </a:cubicBezTo>
                  <a:cubicBezTo>
                    <a:pt x="91" y="138"/>
                    <a:pt x="93" y="139"/>
                    <a:pt x="91" y="139"/>
                  </a:cubicBezTo>
                  <a:cubicBezTo>
                    <a:pt x="88" y="139"/>
                    <a:pt x="86" y="144"/>
                    <a:pt x="83" y="143"/>
                  </a:cubicBezTo>
                  <a:cubicBezTo>
                    <a:pt x="80" y="139"/>
                    <a:pt x="79" y="143"/>
                    <a:pt x="74" y="138"/>
                  </a:cubicBezTo>
                  <a:cubicBezTo>
                    <a:pt x="73" y="136"/>
                    <a:pt x="68" y="135"/>
                    <a:pt x="68" y="133"/>
                  </a:cubicBezTo>
                  <a:cubicBezTo>
                    <a:pt x="70" y="130"/>
                    <a:pt x="61" y="130"/>
                    <a:pt x="58" y="127"/>
                  </a:cubicBezTo>
                  <a:cubicBezTo>
                    <a:pt x="55" y="122"/>
                    <a:pt x="58" y="122"/>
                    <a:pt x="55" y="119"/>
                  </a:cubicBezTo>
                  <a:cubicBezTo>
                    <a:pt x="53" y="116"/>
                    <a:pt x="55" y="113"/>
                    <a:pt x="52" y="110"/>
                  </a:cubicBezTo>
                  <a:cubicBezTo>
                    <a:pt x="47" y="107"/>
                    <a:pt x="50" y="102"/>
                    <a:pt x="45" y="105"/>
                  </a:cubicBezTo>
                  <a:cubicBezTo>
                    <a:pt x="42" y="108"/>
                    <a:pt x="39" y="101"/>
                    <a:pt x="39" y="104"/>
                  </a:cubicBezTo>
                  <a:cubicBezTo>
                    <a:pt x="39" y="107"/>
                    <a:pt x="38" y="105"/>
                    <a:pt x="36" y="107"/>
                  </a:cubicBezTo>
                  <a:cubicBezTo>
                    <a:pt x="36" y="104"/>
                    <a:pt x="35" y="104"/>
                    <a:pt x="33" y="102"/>
                  </a:cubicBezTo>
                  <a:cubicBezTo>
                    <a:pt x="32" y="102"/>
                    <a:pt x="32" y="99"/>
                    <a:pt x="30" y="96"/>
                  </a:cubicBezTo>
                  <a:cubicBezTo>
                    <a:pt x="29" y="93"/>
                    <a:pt x="32" y="90"/>
                    <a:pt x="29" y="84"/>
                  </a:cubicBezTo>
                  <a:cubicBezTo>
                    <a:pt x="26" y="79"/>
                    <a:pt x="18" y="77"/>
                    <a:pt x="18" y="73"/>
                  </a:cubicBezTo>
                  <a:cubicBezTo>
                    <a:pt x="17" y="67"/>
                    <a:pt x="11" y="68"/>
                    <a:pt x="12" y="62"/>
                  </a:cubicBezTo>
                  <a:cubicBezTo>
                    <a:pt x="12" y="56"/>
                    <a:pt x="20" y="54"/>
                    <a:pt x="17" y="50"/>
                  </a:cubicBezTo>
                  <a:cubicBezTo>
                    <a:pt x="15" y="45"/>
                    <a:pt x="20" y="46"/>
                    <a:pt x="20" y="45"/>
                  </a:cubicBezTo>
                  <a:cubicBezTo>
                    <a:pt x="18" y="43"/>
                    <a:pt x="11" y="45"/>
                    <a:pt x="11" y="42"/>
                  </a:cubicBezTo>
                  <a:cubicBezTo>
                    <a:pt x="11" y="39"/>
                    <a:pt x="8" y="36"/>
                    <a:pt x="6" y="31"/>
                  </a:cubicBezTo>
                  <a:cubicBezTo>
                    <a:pt x="6" y="28"/>
                    <a:pt x="4" y="28"/>
                    <a:pt x="4" y="25"/>
                  </a:cubicBezTo>
                  <a:cubicBezTo>
                    <a:pt x="6" y="23"/>
                    <a:pt x="1" y="23"/>
                    <a:pt x="1" y="22"/>
                  </a:cubicBezTo>
                  <a:cubicBezTo>
                    <a:pt x="1" y="20"/>
                    <a:pt x="4" y="20"/>
                    <a:pt x="4" y="19"/>
                  </a:cubicBezTo>
                  <a:cubicBezTo>
                    <a:pt x="4" y="17"/>
                    <a:pt x="3" y="17"/>
                    <a:pt x="3" y="17"/>
                  </a:cubicBezTo>
                  <a:cubicBezTo>
                    <a:pt x="3" y="15"/>
                    <a:pt x="3" y="14"/>
                    <a:pt x="3" y="12"/>
                  </a:cubicBezTo>
                  <a:cubicBezTo>
                    <a:pt x="3" y="11"/>
                    <a:pt x="1" y="11"/>
                    <a:pt x="1" y="11"/>
                  </a:cubicBezTo>
                  <a:cubicBezTo>
                    <a:pt x="1" y="9"/>
                    <a:pt x="1" y="9"/>
                    <a:pt x="1" y="9"/>
                  </a:cubicBezTo>
                  <a:cubicBezTo>
                    <a:pt x="1" y="8"/>
                    <a:pt x="0" y="8"/>
                    <a:pt x="0" y="6"/>
                  </a:cubicBezTo>
                  <a:cubicBezTo>
                    <a:pt x="0" y="5"/>
                    <a:pt x="3" y="6"/>
                    <a:pt x="3" y="6"/>
                  </a:cubicBezTo>
                  <a:cubicBezTo>
                    <a:pt x="4" y="5"/>
                    <a:pt x="3" y="0"/>
                    <a:pt x="6" y="3"/>
                  </a:cubicBezTo>
                  <a:cubicBezTo>
                    <a:pt x="6" y="3"/>
                    <a:pt x="6" y="3"/>
                    <a:pt x="6" y="3"/>
                  </a:cubicBezTo>
                  <a:cubicBezTo>
                    <a:pt x="9" y="6"/>
                    <a:pt x="11" y="11"/>
                    <a:pt x="15" y="12"/>
                  </a:cubicBezTo>
                  <a:cubicBezTo>
                    <a:pt x="17" y="12"/>
                    <a:pt x="17" y="12"/>
                    <a:pt x="18" y="12"/>
                  </a:cubicBezTo>
                  <a:cubicBezTo>
                    <a:pt x="18" y="12"/>
                    <a:pt x="18" y="11"/>
                    <a:pt x="20" y="11"/>
                  </a:cubicBezTo>
                  <a:cubicBezTo>
                    <a:pt x="20" y="12"/>
                    <a:pt x="20" y="12"/>
                    <a:pt x="20" y="12"/>
                  </a:cubicBezTo>
                  <a:cubicBezTo>
                    <a:pt x="21" y="12"/>
                    <a:pt x="21" y="12"/>
                    <a:pt x="21" y="11"/>
                  </a:cubicBezTo>
                  <a:cubicBezTo>
                    <a:pt x="23" y="9"/>
                    <a:pt x="23" y="9"/>
                    <a:pt x="23" y="9"/>
                  </a:cubicBezTo>
                  <a:cubicBezTo>
                    <a:pt x="24" y="8"/>
                    <a:pt x="24" y="8"/>
                    <a:pt x="24" y="8"/>
                  </a:cubicBezTo>
                  <a:cubicBezTo>
                    <a:pt x="24" y="8"/>
                    <a:pt x="26" y="6"/>
                    <a:pt x="27" y="6"/>
                  </a:cubicBezTo>
                  <a:cubicBezTo>
                    <a:pt x="27" y="5"/>
                    <a:pt x="30" y="2"/>
                    <a:pt x="32" y="3"/>
                  </a:cubicBezTo>
                  <a:cubicBezTo>
                    <a:pt x="35" y="6"/>
                    <a:pt x="35" y="6"/>
                    <a:pt x="35" y="6"/>
                  </a:cubicBezTo>
                  <a:cubicBezTo>
                    <a:pt x="35" y="6"/>
                    <a:pt x="33" y="6"/>
                    <a:pt x="33" y="8"/>
                  </a:cubicBezTo>
                  <a:cubicBezTo>
                    <a:pt x="33" y="9"/>
                    <a:pt x="35" y="9"/>
                    <a:pt x="35" y="9"/>
                  </a:cubicBezTo>
                  <a:cubicBezTo>
                    <a:pt x="35" y="11"/>
                    <a:pt x="32" y="11"/>
                    <a:pt x="32" y="11"/>
                  </a:cubicBezTo>
                  <a:cubicBezTo>
                    <a:pt x="32" y="12"/>
                    <a:pt x="32" y="12"/>
                    <a:pt x="32" y="12"/>
                  </a:cubicBezTo>
                  <a:cubicBezTo>
                    <a:pt x="33" y="12"/>
                    <a:pt x="33" y="12"/>
                    <a:pt x="33" y="14"/>
                  </a:cubicBezTo>
                  <a:cubicBezTo>
                    <a:pt x="33" y="14"/>
                    <a:pt x="33" y="15"/>
                    <a:pt x="35" y="15"/>
                  </a:cubicBezTo>
                  <a:cubicBezTo>
                    <a:pt x="35" y="14"/>
                    <a:pt x="35" y="14"/>
                    <a:pt x="35" y="14"/>
                  </a:cubicBezTo>
                  <a:cubicBezTo>
                    <a:pt x="36" y="15"/>
                    <a:pt x="35" y="19"/>
                    <a:pt x="39" y="17"/>
                  </a:cubicBezTo>
                </a:path>
              </a:pathLst>
            </a:custGeom>
            <a:solidFill>
              <a:schemeClr val="accent5"/>
            </a:solidFill>
            <a:ln w="6350" cmpd="sng">
              <a:solidFill>
                <a:schemeClr val="bg1"/>
              </a:solidFill>
              <a:round/>
              <a:headEnd/>
              <a:tailEnd/>
            </a:ln>
          </p:spPr>
          <p:txBody>
            <a:bodyPr/>
            <a:lstStyle/>
            <a:p>
              <a:endParaRPr lang="en-GB" sz="1633" dirty="0"/>
            </a:p>
          </p:txBody>
        </p:sp>
        <p:sp>
          <p:nvSpPr>
            <p:cNvPr id="98" name="Freeform 48"/>
            <p:cNvSpPr>
              <a:spLocks/>
            </p:cNvSpPr>
            <p:nvPr/>
          </p:nvSpPr>
          <p:spPr bwMode="auto">
            <a:xfrm>
              <a:off x="6170052" y="3783011"/>
              <a:ext cx="461146" cy="223339"/>
            </a:xfrm>
            <a:custGeom>
              <a:avLst/>
              <a:gdLst/>
              <a:ahLst/>
              <a:cxnLst>
                <a:cxn ang="0">
                  <a:pos x="139" y="14"/>
                </a:cxn>
                <a:cxn ang="0">
                  <a:pos x="140" y="19"/>
                </a:cxn>
                <a:cxn ang="0">
                  <a:pos x="140" y="24"/>
                </a:cxn>
                <a:cxn ang="0">
                  <a:pos x="146" y="27"/>
                </a:cxn>
                <a:cxn ang="0">
                  <a:pos x="148" y="30"/>
                </a:cxn>
                <a:cxn ang="0">
                  <a:pos x="142" y="33"/>
                </a:cxn>
                <a:cxn ang="0">
                  <a:pos x="143" y="38"/>
                </a:cxn>
                <a:cxn ang="0">
                  <a:pos x="145" y="44"/>
                </a:cxn>
                <a:cxn ang="0">
                  <a:pos x="143" y="49"/>
                </a:cxn>
                <a:cxn ang="0">
                  <a:pos x="148" y="58"/>
                </a:cxn>
                <a:cxn ang="0">
                  <a:pos x="145" y="60"/>
                </a:cxn>
                <a:cxn ang="0">
                  <a:pos x="139" y="56"/>
                </a:cxn>
                <a:cxn ang="0">
                  <a:pos x="134" y="55"/>
                </a:cxn>
                <a:cxn ang="0">
                  <a:pos x="133" y="55"/>
                </a:cxn>
                <a:cxn ang="0">
                  <a:pos x="133" y="55"/>
                </a:cxn>
                <a:cxn ang="0">
                  <a:pos x="130" y="56"/>
                </a:cxn>
                <a:cxn ang="0">
                  <a:pos x="124" y="58"/>
                </a:cxn>
                <a:cxn ang="0">
                  <a:pos x="104" y="63"/>
                </a:cxn>
                <a:cxn ang="0">
                  <a:pos x="90" y="63"/>
                </a:cxn>
                <a:cxn ang="0">
                  <a:pos x="84" y="61"/>
                </a:cxn>
                <a:cxn ang="0">
                  <a:pos x="84" y="67"/>
                </a:cxn>
                <a:cxn ang="0">
                  <a:pos x="79" y="72"/>
                </a:cxn>
                <a:cxn ang="0">
                  <a:pos x="78" y="67"/>
                </a:cxn>
                <a:cxn ang="0">
                  <a:pos x="75" y="63"/>
                </a:cxn>
                <a:cxn ang="0">
                  <a:pos x="55" y="70"/>
                </a:cxn>
                <a:cxn ang="0">
                  <a:pos x="35" y="67"/>
                </a:cxn>
                <a:cxn ang="0">
                  <a:pos x="24" y="64"/>
                </a:cxn>
                <a:cxn ang="0">
                  <a:pos x="15" y="63"/>
                </a:cxn>
                <a:cxn ang="0">
                  <a:pos x="15" y="60"/>
                </a:cxn>
                <a:cxn ang="0">
                  <a:pos x="11" y="56"/>
                </a:cxn>
                <a:cxn ang="0">
                  <a:pos x="9" y="50"/>
                </a:cxn>
                <a:cxn ang="0">
                  <a:pos x="3" y="46"/>
                </a:cxn>
                <a:cxn ang="0">
                  <a:pos x="6" y="42"/>
                </a:cxn>
                <a:cxn ang="0">
                  <a:pos x="5" y="35"/>
                </a:cxn>
                <a:cxn ang="0">
                  <a:pos x="0" y="28"/>
                </a:cxn>
                <a:cxn ang="0">
                  <a:pos x="11" y="22"/>
                </a:cxn>
                <a:cxn ang="0">
                  <a:pos x="15" y="21"/>
                </a:cxn>
                <a:cxn ang="0">
                  <a:pos x="26" y="19"/>
                </a:cxn>
                <a:cxn ang="0">
                  <a:pos x="24" y="14"/>
                </a:cxn>
                <a:cxn ang="0">
                  <a:pos x="37" y="13"/>
                </a:cxn>
                <a:cxn ang="0">
                  <a:pos x="55" y="5"/>
                </a:cxn>
                <a:cxn ang="0">
                  <a:pos x="76" y="7"/>
                </a:cxn>
                <a:cxn ang="0">
                  <a:pos x="89" y="14"/>
                </a:cxn>
                <a:cxn ang="0">
                  <a:pos x="108" y="14"/>
                </a:cxn>
                <a:cxn ang="0">
                  <a:pos x="127" y="10"/>
                </a:cxn>
                <a:cxn ang="0">
                  <a:pos x="131" y="8"/>
                </a:cxn>
                <a:cxn ang="0">
                  <a:pos x="136" y="11"/>
                </a:cxn>
                <a:cxn ang="0">
                  <a:pos x="139" y="13"/>
                </a:cxn>
              </a:cxnLst>
              <a:rect l="0" t="0" r="r" b="b"/>
              <a:pathLst>
                <a:path w="148" h="72">
                  <a:moveTo>
                    <a:pt x="139" y="14"/>
                  </a:moveTo>
                  <a:cubicBezTo>
                    <a:pt x="139" y="14"/>
                    <a:pt x="139" y="14"/>
                    <a:pt x="139" y="14"/>
                  </a:cubicBezTo>
                  <a:cubicBezTo>
                    <a:pt x="139" y="14"/>
                    <a:pt x="137" y="14"/>
                    <a:pt x="139" y="14"/>
                  </a:cubicBezTo>
                  <a:cubicBezTo>
                    <a:pt x="139" y="16"/>
                    <a:pt x="140" y="18"/>
                    <a:pt x="140" y="19"/>
                  </a:cubicBezTo>
                  <a:cubicBezTo>
                    <a:pt x="140" y="21"/>
                    <a:pt x="139" y="21"/>
                    <a:pt x="139" y="22"/>
                  </a:cubicBezTo>
                  <a:cubicBezTo>
                    <a:pt x="139" y="24"/>
                    <a:pt x="140" y="24"/>
                    <a:pt x="140" y="24"/>
                  </a:cubicBezTo>
                  <a:cubicBezTo>
                    <a:pt x="140" y="25"/>
                    <a:pt x="139" y="25"/>
                    <a:pt x="139" y="25"/>
                  </a:cubicBezTo>
                  <a:cubicBezTo>
                    <a:pt x="142" y="27"/>
                    <a:pt x="145" y="25"/>
                    <a:pt x="146" y="27"/>
                  </a:cubicBezTo>
                  <a:cubicBezTo>
                    <a:pt x="148" y="28"/>
                    <a:pt x="148" y="28"/>
                    <a:pt x="148" y="30"/>
                  </a:cubicBezTo>
                  <a:cubicBezTo>
                    <a:pt x="148" y="30"/>
                    <a:pt x="148" y="30"/>
                    <a:pt x="148" y="30"/>
                  </a:cubicBezTo>
                  <a:cubicBezTo>
                    <a:pt x="145" y="27"/>
                    <a:pt x="146" y="32"/>
                    <a:pt x="145" y="33"/>
                  </a:cubicBezTo>
                  <a:cubicBezTo>
                    <a:pt x="145" y="33"/>
                    <a:pt x="142" y="32"/>
                    <a:pt x="142" y="33"/>
                  </a:cubicBezTo>
                  <a:cubicBezTo>
                    <a:pt x="142" y="35"/>
                    <a:pt x="143" y="35"/>
                    <a:pt x="143" y="36"/>
                  </a:cubicBezTo>
                  <a:cubicBezTo>
                    <a:pt x="143" y="38"/>
                    <a:pt x="143" y="38"/>
                    <a:pt x="143" y="38"/>
                  </a:cubicBezTo>
                  <a:cubicBezTo>
                    <a:pt x="143" y="38"/>
                    <a:pt x="145" y="38"/>
                    <a:pt x="145" y="39"/>
                  </a:cubicBezTo>
                  <a:cubicBezTo>
                    <a:pt x="145" y="41"/>
                    <a:pt x="145" y="42"/>
                    <a:pt x="145" y="44"/>
                  </a:cubicBezTo>
                  <a:cubicBezTo>
                    <a:pt x="145" y="44"/>
                    <a:pt x="146" y="44"/>
                    <a:pt x="146" y="46"/>
                  </a:cubicBezTo>
                  <a:cubicBezTo>
                    <a:pt x="146" y="47"/>
                    <a:pt x="143" y="47"/>
                    <a:pt x="143" y="49"/>
                  </a:cubicBezTo>
                  <a:cubicBezTo>
                    <a:pt x="143" y="50"/>
                    <a:pt x="148" y="50"/>
                    <a:pt x="146" y="52"/>
                  </a:cubicBezTo>
                  <a:cubicBezTo>
                    <a:pt x="146" y="55"/>
                    <a:pt x="148" y="55"/>
                    <a:pt x="148" y="58"/>
                  </a:cubicBezTo>
                  <a:cubicBezTo>
                    <a:pt x="148" y="58"/>
                    <a:pt x="148" y="58"/>
                    <a:pt x="146" y="58"/>
                  </a:cubicBezTo>
                  <a:cubicBezTo>
                    <a:pt x="145" y="60"/>
                    <a:pt x="145" y="60"/>
                    <a:pt x="145" y="60"/>
                  </a:cubicBezTo>
                  <a:cubicBezTo>
                    <a:pt x="143" y="58"/>
                    <a:pt x="145" y="56"/>
                    <a:pt x="143" y="56"/>
                  </a:cubicBezTo>
                  <a:cubicBezTo>
                    <a:pt x="142" y="55"/>
                    <a:pt x="142" y="58"/>
                    <a:pt x="139" y="56"/>
                  </a:cubicBezTo>
                  <a:cubicBezTo>
                    <a:pt x="137" y="56"/>
                    <a:pt x="137" y="55"/>
                    <a:pt x="136" y="55"/>
                  </a:cubicBezTo>
                  <a:cubicBezTo>
                    <a:pt x="136" y="55"/>
                    <a:pt x="136" y="55"/>
                    <a:pt x="134" y="55"/>
                  </a:cubicBezTo>
                  <a:cubicBezTo>
                    <a:pt x="134" y="56"/>
                    <a:pt x="134" y="56"/>
                    <a:pt x="134" y="56"/>
                  </a:cubicBezTo>
                  <a:cubicBezTo>
                    <a:pt x="134" y="56"/>
                    <a:pt x="134" y="55"/>
                    <a:pt x="133" y="55"/>
                  </a:cubicBezTo>
                  <a:cubicBezTo>
                    <a:pt x="133" y="55"/>
                    <a:pt x="133" y="55"/>
                    <a:pt x="133" y="55"/>
                  </a:cubicBezTo>
                  <a:cubicBezTo>
                    <a:pt x="133" y="55"/>
                    <a:pt x="133" y="55"/>
                    <a:pt x="133" y="55"/>
                  </a:cubicBezTo>
                  <a:cubicBezTo>
                    <a:pt x="131" y="56"/>
                    <a:pt x="131" y="58"/>
                    <a:pt x="130" y="58"/>
                  </a:cubicBezTo>
                  <a:cubicBezTo>
                    <a:pt x="130" y="56"/>
                    <a:pt x="130" y="56"/>
                    <a:pt x="130" y="56"/>
                  </a:cubicBezTo>
                  <a:cubicBezTo>
                    <a:pt x="130" y="56"/>
                    <a:pt x="128" y="55"/>
                    <a:pt x="128" y="56"/>
                  </a:cubicBezTo>
                  <a:cubicBezTo>
                    <a:pt x="127" y="58"/>
                    <a:pt x="125" y="58"/>
                    <a:pt x="124" y="58"/>
                  </a:cubicBezTo>
                  <a:cubicBezTo>
                    <a:pt x="121" y="58"/>
                    <a:pt x="119" y="58"/>
                    <a:pt x="117" y="58"/>
                  </a:cubicBezTo>
                  <a:cubicBezTo>
                    <a:pt x="113" y="60"/>
                    <a:pt x="110" y="63"/>
                    <a:pt x="104" y="63"/>
                  </a:cubicBezTo>
                  <a:cubicBezTo>
                    <a:pt x="101" y="63"/>
                    <a:pt x="101" y="61"/>
                    <a:pt x="98" y="60"/>
                  </a:cubicBezTo>
                  <a:cubicBezTo>
                    <a:pt x="95" y="60"/>
                    <a:pt x="93" y="63"/>
                    <a:pt x="90" y="63"/>
                  </a:cubicBezTo>
                  <a:cubicBezTo>
                    <a:pt x="89" y="63"/>
                    <a:pt x="89" y="63"/>
                    <a:pt x="89" y="63"/>
                  </a:cubicBezTo>
                  <a:cubicBezTo>
                    <a:pt x="87" y="63"/>
                    <a:pt x="84" y="61"/>
                    <a:pt x="84" y="61"/>
                  </a:cubicBezTo>
                  <a:cubicBezTo>
                    <a:pt x="84" y="61"/>
                    <a:pt x="82" y="64"/>
                    <a:pt x="84" y="66"/>
                  </a:cubicBezTo>
                  <a:cubicBezTo>
                    <a:pt x="84" y="67"/>
                    <a:pt x="84" y="67"/>
                    <a:pt x="84" y="67"/>
                  </a:cubicBezTo>
                  <a:cubicBezTo>
                    <a:pt x="82" y="67"/>
                    <a:pt x="82" y="67"/>
                    <a:pt x="82" y="67"/>
                  </a:cubicBezTo>
                  <a:cubicBezTo>
                    <a:pt x="81" y="67"/>
                    <a:pt x="81" y="72"/>
                    <a:pt x="79" y="72"/>
                  </a:cubicBezTo>
                  <a:cubicBezTo>
                    <a:pt x="79" y="72"/>
                    <a:pt x="79" y="70"/>
                    <a:pt x="78" y="70"/>
                  </a:cubicBezTo>
                  <a:cubicBezTo>
                    <a:pt x="79" y="69"/>
                    <a:pt x="78" y="69"/>
                    <a:pt x="78" y="67"/>
                  </a:cubicBezTo>
                  <a:cubicBezTo>
                    <a:pt x="76" y="66"/>
                    <a:pt x="81" y="64"/>
                    <a:pt x="81" y="61"/>
                  </a:cubicBezTo>
                  <a:cubicBezTo>
                    <a:pt x="79" y="60"/>
                    <a:pt x="79" y="60"/>
                    <a:pt x="75" y="63"/>
                  </a:cubicBezTo>
                  <a:cubicBezTo>
                    <a:pt x="72" y="67"/>
                    <a:pt x="72" y="56"/>
                    <a:pt x="64" y="64"/>
                  </a:cubicBezTo>
                  <a:cubicBezTo>
                    <a:pt x="60" y="70"/>
                    <a:pt x="60" y="67"/>
                    <a:pt x="55" y="70"/>
                  </a:cubicBezTo>
                  <a:cubicBezTo>
                    <a:pt x="50" y="72"/>
                    <a:pt x="50" y="64"/>
                    <a:pt x="41" y="61"/>
                  </a:cubicBezTo>
                  <a:cubicBezTo>
                    <a:pt x="32" y="58"/>
                    <a:pt x="37" y="66"/>
                    <a:pt x="35" y="67"/>
                  </a:cubicBezTo>
                  <a:cubicBezTo>
                    <a:pt x="34" y="69"/>
                    <a:pt x="34" y="66"/>
                    <a:pt x="31" y="69"/>
                  </a:cubicBezTo>
                  <a:cubicBezTo>
                    <a:pt x="29" y="70"/>
                    <a:pt x="24" y="67"/>
                    <a:pt x="24" y="64"/>
                  </a:cubicBezTo>
                  <a:cubicBezTo>
                    <a:pt x="23" y="60"/>
                    <a:pt x="23" y="64"/>
                    <a:pt x="20" y="63"/>
                  </a:cubicBezTo>
                  <a:cubicBezTo>
                    <a:pt x="18" y="60"/>
                    <a:pt x="15" y="66"/>
                    <a:pt x="15" y="63"/>
                  </a:cubicBezTo>
                  <a:cubicBezTo>
                    <a:pt x="15" y="61"/>
                    <a:pt x="11" y="64"/>
                    <a:pt x="11" y="63"/>
                  </a:cubicBezTo>
                  <a:cubicBezTo>
                    <a:pt x="9" y="61"/>
                    <a:pt x="14" y="63"/>
                    <a:pt x="15" y="60"/>
                  </a:cubicBezTo>
                  <a:cubicBezTo>
                    <a:pt x="17" y="58"/>
                    <a:pt x="11" y="61"/>
                    <a:pt x="9" y="60"/>
                  </a:cubicBezTo>
                  <a:cubicBezTo>
                    <a:pt x="8" y="56"/>
                    <a:pt x="12" y="60"/>
                    <a:pt x="11" y="56"/>
                  </a:cubicBezTo>
                  <a:cubicBezTo>
                    <a:pt x="11" y="55"/>
                    <a:pt x="9" y="56"/>
                    <a:pt x="9" y="55"/>
                  </a:cubicBezTo>
                  <a:cubicBezTo>
                    <a:pt x="9" y="52"/>
                    <a:pt x="8" y="53"/>
                    <a:pt x="9" y="50"/>
                  </a:cubicBezTo>
                  <a:cubicBezTo>
                    <a:pt x="11" y="47"/>
                    <a:pt x="8" y="49"/>
                    <a:pt x="6" y="47"/>
                  </a:cubicBezTo>
                  <a:cubicBezTo>
                    <a:pt x="5" y="46"/>
                    <a:pt x="5" y="49"/>
                    <a:pt x="3" y="46"/>
                  </a:cubicBezTo>
                  <a:cubicBezTo>
                    <a:pt x="2" y="44"/>
                    <a:pt x="3" y="39"/>
                    <a:pt x="5" y="42"/>
                  </a:cubicBezTo>
                  <a:cubicBezTo>
                    <a:pt x="5" y="47"/>
                    <a:pt x="9" y="44"/>
                    <a:pt x="6" y="42"/>
                  </a:cubicBezTo>
                  <a:cubicBezTo>
                    <a:pt x="3" y="41"/>
                    <a:pt x="9" y="39"/>
                    <a:pt x="6" y="38"/>
                  </a:cubicBezTo>
                  <a:cubicBezTo>
                    <a:pt x="5" y="38"/>
                    <a:pt x="8" y="36"/>
                    <a:pt x="5" y="35"/>
                  </a:cubicBezTo>
                  <a:cubicBezTo>
                    <a:pt x="3" y="33"/>
                    <a:pt x="9" y="30"/>
                    <a:pt x="5" y="32"/>
                  </a:cubicBezTo>
                  <a:cubicBezTo>
                    <a:pt x="0" y="33"/>
                    <a:pt x="0" y="33"/>
                    <a:pt x="0" y="28"/>
                  </a:cubicBezTo>
                  <a:cubicBezTo>
                    <a:pt x="2" y="25"/>
                    <a:pt x="2" y="27"/>
                    <a:pt x="3" y="25"/>
                  </a:cubicBezTo>
                  <a:cubicBezTo>
                    <a:pt x="6" y="21"/>
                    <a:pt x="9" y="21"/>
                    <a:pt x="11" y="22"/>
                  </a:cubicBezTo>
                  <a:cubicBezTo>
                    <a:pt x="11" y="24"/>
                    <a:pt x="14" y="24"/>
                    <a:pt x="12" y="22"/>
                  </a:cubicBezTo>
                  <a:cubicBezTo>
                    <a:pt x="11" y="21"/>
                    <a:pt x="17" y="19"/>
                    <a:pt x="15" y="21"/>
                  </a:cubicBezTo>
                  <a:cubicBezTo>
                    <a:pt x="15" y="22"/>
                    <a:pt x="23" y="22"/>
                    <a:pt x="23" y="22"/>
                  </a:cubicBezTo>
                  <a:cubicBezTo>
                    <a:pt x="24" y="21"/>
                    <a:pt x="17" y="21"/>
                    <a:pt x="26" y="19"/>
                  </a:cubicBezTo>
                  <a:cubicBezTo>
                    <a:pt x="34" y="18"/>
                    <a:pt x="28" y="19"/>
                    <a:pt x="26" y="18"/>
                  </a:cubicBezTo>
                  <a:cubicBezTo>
                    <a:pt x="24" y="16"/>
                    <a:pt x="23" y="16"/>
                    <a:pt x="24" y="14"/>
                  </a:cubicBezTo>
                  <a:cubicBezTo>
                    <a:pt x="24" y="13"/>
                    <a:pt x="24" y="13"/>
                    <a:pt x="29" y="13"/>
                  </a:cubicBezTo>
                  <a:cubicBezTo>
                    <a:pt x="32" y="14"/>
                    <a:pt x="32" y="11"/>
                    <a:pt x="37" y="13"/>
                  </a:cubicBezTo>
                  <a:cubicBezTo>
                    <a:pt x="40" y="14"/>
                    <a:pt x="41" y="14"/>
                    <a:pt x="43" y="13"/>
                  </a:cubicBezTo>
                  <a:cubicBezTo>
                    <a:pt x="43" y="11"/>
                    <a:pt x="46" y="8"/>
                    <a:pt x="55" y="5"/>
                  </a:cubicBezTo>
                  <a:cubicBezTo>
                    <a:pt x="63" y="2"/>
                    <a:pt x="66" y="7"/>
                    <a:pt x="70" y="4"/>
                  </a:cubicBezTo>
                  <a:cubicBezTo>
                    <a:pt x="75" y="0"/>
                    <a:pt x="70" y="10"/>
                    <a:pt x="76" y="7"/>
                  </a:cubicBezTo>
                  <a:cubicBezTo>
                    <a:pt x="82" y="5"/>
                    <a:pt x="79" y="13"/>
                    <a:pt x="84" y="11"/>
                  </a:cubicBezTo>
                  <a:cubicBezTo>
                    <a:pt x="87" y="10"/>
                    <a:pt x="84" y="11"/>
                    <a:pt x="89" y="14"/>
                  </a:cubicBezTo>
                  <a:cubicBezTo>
                    <a:pt x="93" y="16"/>
                    <a:pt x="90" y="11"/>
                    <a:pt x="95" y="14"/>
                  </a:cubicBezTo>
                  <a:cubicBezTo>
                    <a:pt x="98" y="19"/>
                    <a:pt x="104" y="11"/>
                    <a:pt x="108" y="14"/>
                  </a:cubicBezTo>
                  <a:cubicBezTo>
                    <a:pt x="113" y="19"/>
                    <a:pt x="122" y="11"/>
                    <a:pt x="122" y="10"/>
                  </a:cubicBezTo>
                  <a:cubicBezTo>
                    <a:pt x="125" y="11"/>
                    <a:pt x="124" y="10"/>
                    <a:pt x="127" y="10"/>
                  </a:cubicBezTo>
                  <a:cubicBezTo>
                    <a:pt x="127" y="10"/>
                    <a:pt x="130" y="11"/>
                    <a:pt x="130" y="10"/>
                  </a:cubicBezTo>
                  <a:cubicBezTo>
                    <a:pt x="131" y="8"/>
                    <a:pt x="131" y="8"/>
                    <a:pt x="131" y="8"/>
                  </a:cubicBezTo>
                  <a:cubicBezTo>
                    <a:pt x="131" y="8"/>
                    <a:pt x="133" y="8"/>
                    <a:pt x="136" y="11"/>
                  </a:cubicBezTo>
                  <a:cubicBezTo>
                    <a:pt x="136" y="11"/>
                    <a:pt x="136" y="11"/>
                    <a:pt x="136" y="11"/>
                  </a:cubicBezTo>
                  <a:cubicBezTo>
                    <a:pt x="136" y="13"/>
                    <a:pt x="136" y="13"/>
                    <a:pt x="136" y="13"/>
                  </a:cubicBezTo>
                  <a:cubicBezTo>
                    <a:pt x="137" y="14"/>
                    <a:pt x="137" y="13"/>
                    <a:pt x="139" y="13"/>
                  </a:cubicBezTo>
                  <a:cubicBezTo>
                    <a:pt x="139" y="14"/>
                    <a:pt x="139" y="14"/>
                    <a:pt x="139" y="14"/>
                  </a:cubicBezTo>
                </a:path>
              </a:pathLst>
            </a:custGeom>
            <a:solidFill>
              <a:schemeClr val="tx2"/>
            </a:solidFill>
            <a:ln w="6350" cmpd="sng">
              <a:solidFill>
                <a:schemeClr val="bg1"/>
              </a:solidFill>
              <a:round/>
              <a:headEnd/>
              <a:tailEnd/>
            </a:ln>
          </p:spPr>
          <p:txBody>
            <a:bodyPr/>
            <a:lstStyle/>
            <a:p>
              <a:endParaRPr lang="en-GB" sz="1633" dirty="0"/>
            </a:p>
          </p:txBody>
        </p:sp>
        <p:sp>
          <p:nvSpPr>
            <p:cNvPr id="99" name="Freeform 49"/>
            <p:cNvSpPr>
              <a:spLocks/>
            </p:cNvSpPr>
            <p:nvPr/>
          </p:nvSpPr>
          <p:spPr bwMode="auto">
            <a:xfrm>
              <a:off x="6817586" y="3763730"/>
              <a:ext cx="359919" cy="268327"/>
            </a:xfrm>
            <a:custGeom>
              <a:avLst/>
              <a:gdLst/>
              <a:ahLst/>
              <a:cxnLst>
                <a:cxn ang="0">
                  <a:pos x="2" y="16"/>
                </a:cxn>
                <a:cxn ang="0">
                  <a:pos x="5" y="14"/>
                </a:cxn>
                <a:cxn ang="0">
                  <a:pos x="13" y="11"/>
                </a:cxn>
                <a:cxn ang="0">
                  <a:pos x="17" y="24"/>
                </a:cxn>
                <a:cxn ang="0">
                  <a:pos x="11" y="24"/>
                </a:cxn>
                <a:cxn ang="0">
                  <a:pos x="7" y="24"/>
                </a:cxn>
                <a:cxn ang="0">
                  <a:pos x="3" y="30"/>
                </a:cxn>
                <a:cxn ang="0">
                  <a:pos x="7" y="33"/>
                </a:cxn>
                <a:cxn ang="0">
                  <a:pos x="9" y="36"/>
                </a:cxn>
                <a:cxn ang="0">
                  <a:pos x="8" y="36"/>
                </a:cxn>
                <a:cxn ang="0">
                  <a:pos x="8" y="39"/>
                </a:cxn>
                <a:cxn ang="0">
                  <a:pos x="13" y="45"/>
                </a:cxn>
                <a:cxn ang="0">
                  <a:pos x="13" y="61"/>
                </a:cxn>
                <a:cxn ang="0">
                  <a:pos x="32" y="53"/>
                </a:cxn>
                <a:cxn ang="0">
                  <a:pos x="40" y="53"/>
                </a:cxn>
                <a:cxn ang="0">
                  <a:pos x="52" y="58"/>
                </a:cxn>
                <a:cxn ang="0">
                  <a:pos x="64" y="68"/>
                </a:cxn>
                <a:cxn ang="0">
                  <a:pos x="71" y="73"/>
                </a:cxn>
                <a:cxn ang="0">
                  <a:pos x="71" y="81"/>
                </a:cxn>
                <a:cxn ang="0">
                  <a:pos x="81" y="84"/>
                </a:cxn>
                <a:cxn ang="0">
                  <a:pos x="98" y="68"/>
                </a:cxn>
                <a:cxn ang="0">
                  <a:pos x="113" y="61"/>
                </a:cxn>
                <a:cxn ang="0">
                  <a:pos x="107" y="51"/>
                </a:cxn>
                <a:cxn ang="0">
                  <a:pos x="84" y="34"/>
                </a:cxn>
                <a:cxn ang="0">
                  <a:pos x="75" y="19"/>
                </a:cxn>
                <a:cxn ang="0">
                  <a:pos x="63" y="17"/>
                </a:cxn>
                <a:cxn ang="0">
                  <a:pos x="63" y="11"/>
                </a:cxn>
                <a:cxn ang="0">
                  <a:pos x="54" y="5"/>
                </a:cxn>
                <a:cxn ang="0">
                  <a:pos x="46" y="4"/>
                </a:cxn>
                <a:cxn ang="0">
                  <a:pos x="37" y="11"/>
                </a:cxn>
                <a:cxn ang="0">
                  <a:pos x="29" y="17"/>
                </a:cxn>
                <a:cxn ang="0">
                  <a:pos x="19" y="10"/>
                </a:cxn>
                <a:cxn ang="0">
                  <a:pos x="5" y="10"/>
                </a:cxn>
              </a:cxnLst>
              <a:rect l="0" t="0" r="r" b="b"/>
              <a:pathLst>
                <a:path w="115" h="86">
                  <a:moveTo>
                    <a:pt x="0" y="13"/>
                  </a:moveTo>
                  <a:cubicBezTo>
                    <a:pt x="3" y="14"/>
                    <a:pt x="2" y="14"/>
                    <a:pt x="2" y="16"/>
                  </a:cubicBezTo>
                  <a:cubicBezTo>
                    <a:pt x="3" y="17"/>
                    <a:pt x="3" y="21"/>
                    <a:pt x="3" y="17"/>
                  </a:cubicBezTo>
                  <a:cubicBezTo>
                    <a:pt x="3" y="16"/>
                    <a:pt x="5" y="14"/>
                    <a:pt x="5" y="14"/>
                  </a:cubicBezTo>
                  <a:cubicBezTo>
                    <a:pt x="3" y="14"/>
                    <a:pt x="3" y="10"/>
                    <a:pt x="8" y="10"/>
                  </a:cubicBezTo>
                  <a:cubicBezTo>
                    <a:pt x="11" y="8"/>
                    <a:pt x="13" y="8"/>
                    <a:pt x="13" y="11"/>
                  </a:cubicBezTo>
                  <a:cubicBezTo>
                    <a:pt x="13" y="13"/>
                    <a:pt x="13" y="16"/>
                    <a:pt x="17" y="19"/>
                  </a:cubicBezTo>
                  <a:cubicBezTo>
                    <a:pt x="22" y="21"/>
                    <a:pt x="17" y="25"/>
                    <a:pt x="17" y="24"/>
                  </a:cubicBezTo>
                  <a:cubicBezTo>
                    <a:pt x="16" y="22"/>
                    <a:pt x="14" y="22"/>
                    <a:pt x="16" y="24"/>
                  </a:cubicBezTo>
                  <a:cubicBezTo>
                    <a:pt x="16" y="25"/>
                    <a:pt x="11" y="27"/>
                    <a:pt x="11" y="24"/>
                  </a:cubicBezTo>
                  <a:cubicBezTo>
                    <a:pt x="11" y="21"/>
                    <a:pt x="9" y="25"/>
                    <a:pt x="8" y="24"/>
                  </a:cubicBezTo>
                  <a:cubicBezTo>
                    <a:pt x="8" y="22"/>
                    <a:pt x="7" y="25"/>
                    <a:pt x="7" y="24"/>
                  </a:cubicBezTo>
                  <a:cubicBezTo>
                    <a:pt x="7" y="22"/>
                    <a:pt x="3" y="19"/>
                    <a:pt x="5" y="22"/>
                  </a:cubicBezTo>
                  <a:cubicBezTo>
                    <a:pt x="5" y="25"/>
                    <a:pt x="2" y="28"/>
                    <a:pt x="3" y="30"/>
                  </a:cubicBezTo>
                  <a:cubicBezTo>
                    <a:pt x="3" y="31"/>
                    <a:pt x="5" y="36"/>
                    <a:pt x="5" y="34"/>
                  </a:cubicBezTo>
                  <a:cubicBezTo>
                    <a:pt x="7" y="34"/>
                    <a:pt x="5" y="33"/>
                    <a:pt x="7" y="33"/>
                  </a:cubicBezTo>
                  <a:cubicBezTo>
                    <a:pt x="8" y="33"/>
                    <a:pt x="9" y="31"/>
                    <a:pt x="9" y="33"/>
                  </a:cubicBezTo>
                  <a:cubicBezTo>
                    <a:pt x="8" y="36"/>
                    <a:pt x="8" y="36"/>
                    <a:pt x="9" y="36"/>
                  </a:cubicBezTo>
                  <a:cubicBezTo>
                    <a:pt x="11" y="36"/>
                    <a:pt x="11" y="38"/>
                    <a:pt x="9" y="38"/>
                  </a:cubicBezTo>
                  <a:cubicBezTo>
                    <a:pt x="7" y="38"/>
                    <a:pt x="8" y="36"/>
                    <a:pt x="8" y="36"/>
                  </a:cubicBezTo>
                  <a:cubicBezTo>
                    <a:pt x="7" y="36"/>
                    <a:pt x="5" y="41"/>
                    <a:pt x="7" y="41"/>
                  </a:cubicBezTo>
                  <a:cubicBezTo>
                    <a:pt x="8" y="42"/>
                    <a:pt x="7" y="39"/>
                    <a:pt x="8" y="39"/>
                  </a:cubicBezTo>
                  <a:cubicBezTo>
                    <a:pt x="9" y="41"/>
                    <a:pt x="9" y="41"/>
                    <a:pt x="11" y="42"/>
                  </a:cubicBezTo>
                  <a:cubicBezTo>
                    <a:pt x="11" y="44"/>
                    <a:pt x="14" y="44"/>
                    <a:pt x="13" y="45"/>
                  </a:cubicBezTo>
                  <a:cubicBezTo>
                    <a:pt x="11" y="47"/>
                    <a:pt x="11" y="51"/>
                    <a:pt x="13" y="61"/>
                  </a:cubicBezTo>
                  <a:cubicBezTo>
                    <a:pt x="13" y="61"/>
                    <a:pt x="13" y="61"/>
                    <a:pt x="13" y="61"/>
                  </a:cubicBezTo>
                  <a:cubicBezTo>
                    <a:pt x="23" y="61"/>
                    <a:pt x="16" y="58"/>
                    <a:pt x="23" y="55"/>
                  </a:cubicBezTo>
                  <a:cubicBezTo>
                    <a:pt x="28" y="51"/>
                    <a:pt x="31" y="56"/>
                    <a:pt x="32" y="53"/>
                  </a:cubicBezTo>
                  <a:cubicBezTo>
                    <a:pt x="32" y="51"/>
                    <a:pt x="35" y="50"/>
                    <a:pt x="37" y="51"/>
                  </a:cubicBezTo>
                  <a:cubicBezTo>
                    <a:pt x="37" y="53"/>
                    <a:pt x="39" y="50"/>
                    <a:pt x="40" y="53"/>
                  </a:cubicBezTo>
                  <a:cubicBezTo>
                    <a:pt x="40" y="56"/>
                    <a:pt x="46" y="55"/>
                    <a:pt x="46" y="58"/>
                  </a:cubicBezTo>
                  <a:cubicBezTo>
                    <a:pt x="48" y="59"/>
                    <a:pt x="48" y="56"/>
                    <a:pt x="52" y="58"/>
                  </a:cubicBezTo>
                  <a:cubicBezTo>
                    <a:pt x="58" y="59"/>
                    <a:pt x="54" y="62"/>
                    <a:pt x="58" y="64"/>
                  </a:cubicBezTo>
                  <a:cubicBezTo>
                    <a:pt x="63" y="65"/>
                    <a:pt x="61" y="68"/>
                    <a:pt x="64" y="68"/>
                  </a:cubicBezTo>
                  <a:cubicBezTo>
                    <a:pt x="67" y="68"/>
                    <a:pt x="69" y="68"/>
                    <a:pt x="71" y="70"/>
                  </a:cubicBezTo>
                  <a:cubicBezTo>
                    <a:pt x="71" y="72"/>
                    <a:pt x="69" y="70"/>
                    <a:pt x="71" y="73"/>
                  </a:cubicBezTo>
                  <a:cubicBezTo>
                    <a:pt x="71" y="75"/>
                    <a:pt x="69" y="76"/>
                    <a:pt x="71" y="76"/>
                  </a:cubicBezTo>
                  <a:cubicBezTo>
                    <a:pt x="72" y="78"/>
                    <a:pt x="71" y="79"/>
                    <a:pt x="71" y="81"/>
                  </a:cubicBezTo>
                  <a:cubicBezTo>
                    <a:pt x="74" y="81"/>
                    <a:pt x="72" y="82"/>
                    <a:pt x="75" y="82"/>
                  </a:cubicBezTo>
                  <a:cubicBezTo>
                    <a:pt x="80" y="81"/>
                    <a:pt x="77" y="86"/>
                    <a:pt x="81" y="84"/>
                  </a:cubicBezTo>
                  <a:cubicBezTo>
                    <a:pt x="86" y="82"/>
                    <a:pt x="86" y="78"/>
                    <a:pt x="89" y="76"/>
                  </a:cubicBezTo>
                  <a:cubicBezTo>
                    <a:pt x="92" y="75"/>
                    <a:pt x="96" y="76"/>
                    <a:pt x="98" y="68"/>
                  </a:cubicBezTo>
                  <a:cubicBezTo>
                    <a:pt x="100" y="61"/>
                    <a:pt x="103" y="64"/>
                    <a:pt x="106" y="61"/>
                  </a:cubicBezTo>
                  <a:cubicBezTo>
                    <a:pt x="107" y="58"/>
                    <a:pt x="109" y="62"/>
                    <a:pt x="113" y="61"/>
                  </a:cubicBezTo>
                  <a:cubicBezTo>
                    <a:pt x="112" y="55"/>
                    <a:pt x="115" y="55"/>
                    <a:pt x="113" y="55"/>
                  </a:cubicBezTo>
                  <a:cubicBezTo>
                    <a:pt x="110" y="53"/>
                    <a:pt x="109" y="50"/>
                    <a:pt x="107" y="51"/>
                  </a:cubicBezTo>
                  <a:cubicBezTo>
                    <a:pt x="104" y="53"/>
                    <a:pt x="96" y="44"/>
                    <a:pt x="95" y="44"/>
                  </a:cubicBezTo>
                  <a:cubicBezTo>
                    <a:pt x="92" y="44"/>
                    <a:pt x="89" y="39"/>
                    <a:pt x="84" y="34"/>
                  </a:cubicBezTo>
                  <a:cubicBezTo>
                    <a:pt x="80" y="31"/>
                    <a:pt x="81" y="28"/>
                    <a:pt x="78" y="27"/>
                  </a:cubicBezTo>
                  <a:cubicBezTo>
                    <a:pt x="77" y="25"/>
                    <a:pt x="78" y="21"/>
                    <a:pt x="75" y="19"/>
                  </a:cubicBezTo>
                  <a:cubicBezTo>
                    <a:pt x="71" y="17"/>
                    <a:pt x="72" y="21"/>
                    <a:pt x="71" y="19"/>
                  </a:cubicBezTo>
                  <a:cubicBezTo>
                    <a:pt x="67" y="17"/>
                    <a:pt x="66" y="21"/>
                    <a:pt x="63" y="17"/>
                  </a:cubicBezTo>
                  <a:cubicBezTo>
                    <a:pt x="60" y="14"/>
                    <a:pt x="63" y="16"/>
                    <a:pt x="61" y="14"/>
                  </a:cubicBezTo>
                  <a:cubicBezTo>
                    <a:pt x="60" y="13"/>
                    <a:pt x="64" y="13"/>
                    <a:pt x="63" y="11"/>
                  </a:cubicBezTo>
                  <a:cubicBezTo>
                    <a:pt x="58" y="8"/>
                    <a:pt x="64" y="7"/>
                    <a:pt x="60" y="7"/>
                  </a:cubicBezTo>
                  <a:cubicBezTo>
                    <a:pt x="52" y="7"/>
                    <a:pt x="57" y="5"/>
                    <a:pt x="54" y="5"/>
                  </a:cubicBezTo>
                  <a:cubicBezTo>
                    <a:pt x="51" y="4"/>
                    <a:pt x="51" y="0"/>
                    <a:pt x="49" y="2"/>
                  </a:cubicBezTo>
                  <a:cubicBezTo>
                    <a:pt x="48" y="4"/>
                    <a:pt x="45" y="2"/>
                    <a:pt x="46" y="4"/>
                  </a:cubicBezTo>
                  <a:cubicBezTo>
                    <a:pt x="51" y="7"/>
                    <a:pt x="45" y="4"/>
                    <a:pt x="45" y="7"/>
                  </a:cubicBezTo>
                  <a:cubicBezTo>
                    <a:pt x="45" y="10"/>
                    <a:pt x="39" y="7"/>
                    <a:pt x="37" y="11"/>
                  </a:cubicBezTo>
                  <a:cubicBezTo>
                    <a:pt x="35" y="16"/>
                    <a:pt x="39" y="16"/>
                    <a:pt x="39" y="17"/>
                  </a:cubicBezTo>
                  <a:cubicBezTo>
                    <a:pt x="37" y="19"/>
                    <a:pt x="32" y="17"/>
                    <a:pt x="29" y="17"/>
                  </a:cubicBezTo>
                  <a:cubicBezTo>
                    <a:pt x="26" y="17"/>
                    <a:pt x="25" y="19"/>
                    <a:pt x="25" y="17"/>
                  </a:cubicBezTo>
                  <a:cubicBezTo>
                    <a:pt x="20" y="11"/>
                    <a:pt x="22" y="11"/>
                    <a:pt x="19" y="10"/>
                  </a:cubicBezTo>
                  <a:cubicBezTo>
                    <a:pt x="17" y="8"/>
                    <a:pt x="16" y="5"/>
                    <a:pt x="13" y="7"/>
                  </a:cubicBezTo>
                  <a:cubicBezTo>
                    <a:pt x="9" y="7"/>
                    <a:pt x="7" y="8"/>
                    <a:pt x="5" y="10"/>
                  </a:cubicBezTo>
                  <a:cubicBezTo>
                    <a:pt x="2" y="11"/>
                    <a:pt x="0" y="13"/>
                    <a:pt x="0" y="13"/>
                  </a:cubicBezTo>
                </a:path>
              </a:pathLst>
            </a:custGeom>
            <a:solidFill>
              <a:schemeClr val="accent5"/>
            </a:solidFill>
            <a:ln w="6350" cmpd="sng">
              <a:solidFill>
                <a:schemeClr val="bg1"/>
              </a:solidFill>
              <a:round/>
              <a:headEnd/>
              <a:tailEnd/>
            </a:ln>
          </p:spPr>
          <p:txBody>
            <a:bodyPr/>
            <a:lstStyle/>
            <a:p>
              <a:endParaRPr lang="en-GB" sz="1633" dirty="0"/>
            </a:p>
          </p:txBody>
        </p:sp>
        <p:sp>
          <p:nvSpPr>
            <p:cNvPr id="100" name="Freeform 50"/>
            <p:cNvSpPr>
              <a:spLocks/>
            </p:cNvSpPr>
            <p:nvPr/>
          </p:nvSpPr>
          <p:spPr bwMode="auto">
            <a:xfrm>
              <a:off x="6905958" y="3667325"/>
              <a:ext cx="435438" cy="295642"/>
            </a:xfrm>
            <a:custGeom>
              <a:avLst/>
              <a:gdLst/>
              <a:ahLst/>
              <a:cxnLst>
                <a:cxn ang="0">
                  <a:pos x="41" y="20"/>
                </a:cxn>
                <a:cxn ang="0">
                  <a:pos x="32" y="25"/>
                </a:cxn>
                <a:cxn ang="0">
                  <a:pos x="20" y="22"/>
                </a:cxn>
                <a:cxn ang="0">
                  <a:pos x="21" y="0"/>
                </a:cxn>
                <a:cxn ang="0">
                  <a:pos x="1" y="11"/>
                </a:cxn>
                <a:cxn ang="0">
                  <a:pos x="11" y="48"/>
                </a:cxn>
                <a:cxn ang="0">
                  <a:pos x="17" y="37"/>
                </a:cxn>
                <a:cxn ang="0">
                  <a:pos x="21" y="33"/>
                </a:cxn>
                <a:cxn ang="0">
                  <a:pos x="32" y="37"/>
                </a:cxn>
                <a:cxn ang="0">
                  <a:pos x="33" y="45"/>
                </a:cxn>
                <a:cxn ang="0">
                  <a:pos x="43" y="50"/>
                </a:cxn>
                <a:cxn ang="0">
                  <a:pos x="50" y="58"/>
                </a:cxn>
                <a:cxn ang="0">
                  <a:pos x="67" y="75"/>
                </a:cxn>
                <a:cxn ang="0">
                  <a:pos x="85" y="86"/>
                </a:cxn>
                <a:cxn ang="0">
                  <a:pos x="91" y="93"/>
                </a:cxn>
                <a:cxn ang="0">
                  <a:pos x="96" y="89"/>
                </a:cxn>
                <a:cxn ang="0">
                  <a:pos x="97" y="75"/>
                </a:cxn>
                <a:cxn ang="0">
                  <a:pos x="91" y="72"/>
                </a:cxn>
                <a:cxn ang="0">
                  <a:pos x="102" y="65"/>
                </a:cxn>
                <a:cxn ang="0">
                  <a:pos x="108" y="54"/>
                </a:cxn>
                <a:cxn ang="0">
                  <a:pos x="116" y="51"/>
                </a:cxn>
                <a:cxn ang="0">
                  <a:pos x="117" y="56"/>
                </a:cxn>
                <a:cxn ang="0">
                  <a:pos x="120" y="61"/>
                </a:cxn>
                <a:cxn ang="0">
                  <a:pos x="130" y="59"/>
                </a:cxn>
                <a:cxn ang="0">
                  <a:pos x="131" y="51"/>
                </a:cxn>
                <a:cxn ang="0">
                  <a:pos x="114" y="47"/>
                </a:cxn>
                <a:cxn ang="0">
                  <a:pos x="119" y="39"/>
                </a:cxn>
                <a:cxn ang="0">
                  <a:pos x="116" y="40"/>
                </a:cxn>
                <a:cxn ang="0">
                  <a:pos x="107" y="47"/>
                </a:cxn>
                <a:cxn ang="0">
                  <a:pos x="101" y="54"/>
                </a:cxn>
                <a:cxn ang="0">
                  <a:pos x="96" y="54"/>
                </a:cxn>
                <a:cxn ang="0">
                  <a:pos x="96" y="51"/>
                </a:cxn>
                <a:cxn ang="0">
                  <a:pos x="85" y="47"/>
                </a:cxn>
                <a:cxn ang="0">
                  <a:pos x="81" y="40"/>
                </a:cxn>
                <a:cxn ang="0">
                  <a:pos x="81" y="31"/>
                </a:cxn>
                <a:cxn ang="0">
                  <a:pos x="70" y="22"/>
                </a:cxn>
                <a:cxn ang="0">
                  <a:pos x="46" y="22"/>
                </a:cxn>
                <a:cxn ang="0">
                  <a:pos x="43" y="14"/>
                </a:cxn>
              </a:cxnLst>
              <a:rect l="0" t="0" r="r" b="b"/>
              <a:pathLst>
                <a:path w="140" h="95">
                  <a:moveTo>
                    <a:pt x="43" y="14"/>
                  </a:moveTo>
                  <a:cubicBezTo>
                    <a:pt x="36" y="20"/>
                    <a:pt x="40" y="19"/>
                    <a:pt x="41" y="20"/>
                  </a:cubicBezTo>
                  <a:cubicBezTo>
                    <a:pt x="43" y="22"/>
                    <a:pt x="38" y="23"/>
                    <a:pt x="36" y="23"/>
                  </a:cubicBezTo>
                  <a:cubicBezTo>
                    <a:pt x="33" y="22"/>
                    <a:pt x="35" y="25"/>
                    <a:pt x="32" y="25"/>
                  </a:cubicBezTo>
                  <a:cubicBezTo>
                    <a:pt x="29" y="25"/>
                    <a:pt x="33" y="22"/>
                    <a:pt x="29" y="20"/>
                  </a:cubicBezTo>
                  <a:cubicBezTo>
                    <a:pt x="23" y="20"/>
                    <a:pt x="20" y="25"/>
                    <a:pt x="20" y="22"/>
                  </a:cubicBezTo>
                  <a:cubicBezTo>
                    <a:pt x="20" y="17"/>
                    <a:pt x="18" y="14"/>
                    <a:pt x="20" y="12"/>
                  </a:cubicBezTo>
                  <a:cubicBezTo>
                    <a:pt x="20" y="11"/>
                    <a:pt x="17" y="11"/>
                    <a:pt x="21" y="0"/>
                  </a:cubicBezTo>
                  <a:cubicBezTo>
                    <a:pt x="20" y="0"/>
                    <a:pt x="6" y="5"/>
                    <a:pt x="3" y="6"/>
                  </a:cubicBezTo>
                  <a:cubicBezTo>
                    <a:pt x="0" y="6"/>
                    <a:pt x="1" y="6"/>
                    <a:pt x="1" y="11"/>
                  </a:cubicBezTo>
                  <a:cubicBezTo>
                    <a:pt x="1" y="14"/>
                    <a:pt x="1" y="48"/>
                    <a:pt x="1" y="48"/>
                  </a:cubicBezTo>
                  <a:cubicBezTo>
                    <a:pt x="4" y="48"/>
                    <a:pt x="9" y="50"/>
                    <a:pt x="11" y="48"/>
                  </a:cubicBezTo>
                  <a:cubicBezTo>
                    <a:pt x="11" y="47"/>
                    <a:pt x="7" y="47"/>
                    <a:pt x="9" y="42"/>
                  </a:cubicBezTo>
                  <a:cubicBezTo>
                    <a:pt x="11" y="37"/>
                    <a:pt x="17" y="40"/>
                    <a:pt x="17" y="37"/>
                  </a:cubicBezTo>
                  <a:cubicBezTo>
                    <a:pt x="17" y="34"/>
                    <a:pt x="23" y="37"/>
                    <a:pt x="18" y="34"/>
                  </a:cubicBezTo>
                  <a:cubicBezTo>
                    <a:pt x="17" y="33"/>
                    <a:pt x="20" y="34"/>
                    <a:pt x="21" y="33"/>
                  </a:cubicBezTo>
                  <a:cubicBezTo>
                    <a:pt x="23" y="31"/>
                    <a:pt x="23" y="34"/>
                    <a:pt x="26" y="36"/>
                  </a:cubicBezTo>
                  <a:cubicBezTo>
                    <a:pt x="29" y="36"/>
                    <a:pt x="24" y="37"/>
                    <a:pt x="32" y="37"/>
                  </a:cubicBezTo>
                  <a:cubicBezTo>
                    <a:pt x="36" y="37"/>
                    <a:pt x="30" y="39"/>
                    <a:pt x="35" y="42"/>
                  </a:cubicBezTo>
                  <a:cubicBezTo>
                    <a:pt x="36" y="44"/>
                    <a:pt x="32" y="44"/>
                    <a:pt x="33" y="45"/>
                  </a:cubicBezTo>
                  <a:cubicBezTo>
                    <a:pt x="35" y="47"/>
                    <a:pt x="32" y="45"/>
                    <a:pt x="35" y="48"/>
                  </a:cubicBezTo>
                  <a:cubicBezTo>
                    <a:pt x="38" y="51"/>
                    <a:pt x="40" y="48"/>
                    <a:pt x="43" y="50"/>
                  </a:cubicBezTo>
                  <a:cubicBezTo>
                    <a:pt x="44" y="51"/>
                    <a:pt x="43" y="48"/>
                    <a:pt x="47" y="50"/>
                  </a:cubicBezTo>
                  <a:cubicBezTo>
                    <a:pt x="50" y="51"/>
                    <a:pt x="49" y="56"/>
                    <a:pt x="50" y="58"/>
                  </a:cubicBezTo>
                  <a:cubicBezTo>
                    <a:pt x="53" y="59"/>
                    <a:pt x="52" y="62"/>
                    <a:pt x="56" y="65"/>
                  </a:cubicBezTo>
                  <a:cubicBezTo>
                    <a:pt x="61" y="70"/>
                    <a:pt x="64" y="75"/>
                    <a:pt x="67" y="75"/>
                  </a:cubicBezTo>
                  <a:cubicBezTo>
                    <a:pt x="68" y="75"/>
                    <a:pt x="76" y="84"/>
                    <a:pt x="79" y="83"/>
                  </a:cubicBezTo>
                  <a:cubicBezTo>
                    <a:pt x="81" y="81"/>
                    <a:pt x="82" y="84"/>
                    <a:pt x="85" y="86"/>
                  </a:cubicBezTo>
                  <a:cubicBezTo>
                    <a:pt x="87" y="86"/>
                    <a:pt x="84" y="86"/>
                    <a:pt x="85" y="92"/>
                  </a:cubicBezTo>
                  <a:cubicBezTo>
                    <a:pt x="90" y="90"/>
                    <a:pt x="90" y="95"/>
                    <a:pt x="91" y="93"/>
                  </a:cubicBezTo>
                  <a:cubicBezTo>
                    <a:pt x="93" y="93"/>
                    <a:pt x="93" y="93"/>
                    <a:pt x="94" y="95"/>
                  </a:cubicBezTo>
                  <a:cubicBezTo>
                    <a:pt x="94" y="93"/>
                    <a:pt x="94" y="92"/>
                    <a:pt x="96" y="89"/>
                  </a:cubicBezTo>
                  <a:cubicBezTo>
                    <a:pt x="99" y="84"/>
                    <a:pt x="101" y="84"/>
                    <a:pt x="97" y="81"/>
                  </a:cubicBezTo>
                  <a:cubicBezTo>
                    <a:pt x="96" y="78"/>
                    <a:pt x="99" y="76"/>
                    <a:pt x="97" y="75"/>
                  </a:cubicBezTo>
                  <a:cubicBezTo>
                    <a:pt x="96" y="73"/>
                    <a:pt x="94" y="76"/>
                    <a:pt x="94" y="73"/>
                  </a:cubicBezTo>
                  <a:cubicBezTo>
                    <a:pt x="94" y="72"/>
                    <a:pt x="93" y="72"/>
                    <a:pt x="91" y="72"/>
                  </a:cubicBezTo>
                  <a:cubicBezTo>
                    <a:pt x="90" y="72"/>
                    <a:pt x="93" y="67"/>
                    <a:pt x="96" y="67"/>
                  </a:cubicBezTo>
                  <a:cubicBezTo>
                    <a:pt x="99" y="69"/>
                    <a:pt x="101" y="69"/>
                    <a:pt x="102" y="65"/>
                  </a:cubicBezTo>
                  <a:cubicBezTo>
                    <a:pt x="105" y="61"/>
                    <a:pt x="101" y="61"/>
                    <a:pt x="105" y="61"/>
                  </a:cubicBezTo>
                  <a:cubicBezTo>
                    <a:pt x="108" y="61"/>
                    <a:pt x="105" y="56"/>
                    <a:pt x="108" y="54"/>
                  </a:cubicBezTo>
                  <a:cubicBezTo>
                    <a:pt x="108" y="53"/>
                    <a:pt x="108" y="56"/>
                    <a:pt x="113" y="54"/>
                  </a:cubicBezTo>
                  <a:cubicBezTo>
                    <a:pt x="116" y="53"/>
                    <a:pt x="114" y="51"/>
                    <a:pt x="116" y="51"/>
                  </a:cubicBezTo>
                  <a:cubicBezTo>
                    <a:pt x="117" y="51"/>
                    <a:pt x="117" y="54"/>
                    <a:pt x="117" y="54"/>
                  </a:cubicBezTo>
                  <a:cubicBezTo>
                    <a:pt x="119" y="54"/>
                    <a:pt x="119" y="54"/>
                    <a:pt x="117" y="56"/>
                  </a:cubicBezTo>
                  <a:cubicBezTo>
                    <a:pt x="116" y="58"/>
                    <a:pt x="114" y="59"/>
                    <a:pt x="116" y="59"/>
                  </a:cubicBezTo>
                  <a:cubicBezTo>
                    <a:pt x="117" y="59"/>
                    <a:pt x="116" y="62"/>
                    <a:pt x="120" y="61"/>
                  </a:cubicBezTo>
                  <a:cubicBezTo>
                    <a:pt x="122" y="59"/>
                    <a:pt x="122" y="59"/>
                    <a:pt x="125" y="62"/>
                  </a:cubicBezTo>
                  <a:cubicBezTo>
                    <a:pt x="128" y="64"/>
                    <a:pt x="128" y="58"/>
                    <a:pt x="130" y="59"/>
                  </a:cubicBezTo>
                  <a:cubicBezTo>
                    <a:pt x="133" y="59"/>
                    <a:pt x="133" y="58"/>
                    <a:pt x="136" y="54"/>
                  </a:cubicBezTo>
                  <a:cubicBezTo>
                    <a:pt x="140" y="53"/>
                    <a:pt x="136" y="54"/>
                    <a:pt x="131" y="51"/>
                  </a:cubicBezTo>
                  <a:cubicBezTo>
                    <a:pt x="125" y="48"/>
                    <a:pt x="126" y="44"/>
                    <a:pt x="123" y="48"/>
                  </a:cubicBezTo>
                  <a:cubicBezTo>
                    <a:pt x="122" y="53"/>
                    <a:pt x="117" y="48"/>
                    <a:pt x="114" y="47"/>
                  </a:cubicBezTo>
                  <a:cubicBezTo>
                    <a:pt x="111" y="45"/>
                    <a:pt x="126" y="39"/>
                    <a:pt x="120" y="37"/>
                  </a:cubicBezTo>
                  <a:cubicBezTo>
                    <a:pt x="119" y="39"/>
                    <a:pt x="119" y="39"/>
                    <a:pt x="119" y="39"/>
                  </a:cubicBezTo>
                  <a:cubicBezTo>
                    <a:pt x="117" y="39"/>
                    <a:pt x="119" y="40"/>
                    <a:pt x="117" y="40"/>
                  </a:cubicBezTo>
                  <a:cubicBezTo>
                    <a:pt x="116" y="40"/>
                    <a:pt x="117" y="39"/>
                    <a:pt x="116" y="40"/>
                  </a:cubicBezTo>
                  <a:cubicBezTo>
                    <a:pt x="113" y="42"/>
                    <a:pt x="111" y="44"/>
                    <a:pt x="110" y="45"/>
                  </a:cubicBezTo>
                  <a:cubicBezTo>
                    <a:pt x="108" y="47"/>
                    <a:pt x="108" y="47"/>
                    <a:pt x="107" y="47"/>
                  </a:cubicBezTo>
                  <a:cubicBezTo>
                    <a:pt x="104" y="48"/>
                    <a:pt x="105" y="50"/>
                    <a:pt x="104" y="50"/>
                  </a:cubicBezTo>
                  <a:cubicBezTo>
                    <a:pt x="102" y="51"/>
                    <a:pt x="101" y="53"/>
                    <a:pt x="101" y="54"/>
                  </a:cubicBezTo>
                  <a:cubicBezTo>
                    <a:pt x="102" y="56"/>
                    <a:pt x="101" y="58"/>
                    <a:pt x="99" y="56"/>
                  </a:cubicBezTo>
                  <a:cubicBezTo>
                    <a:pt x="96" y="54"/>
                    <a:pt x="96" y="54"/>
                    <a:pt x="96" y="54"/>
                  </a:cubicBezTo>
                  <a:cubicBezTo>
                    <a:pt x="97" y="51"/>
                    <a:pt x="97" y="51"/>
                    <a:pt x="97" y="51"/>
                  </a:cubicBezTo>
                  <a:cubicBezTo>
                    <a:pt x="97" y="51"/>
                    <a:pt x="97" y="53"/>
                    <a:pt x="96" y="51"/>
                  </a:cubicBezTo>
                  <a:cubicBezTo>
                    <a:pt x="96" y="50"/>
                    <a:pt x="96" y="50"/>
                    <a:pt x="90" y="50"/>
                  </a:cubicBezTo>
                  <a:cubicBezTo>
                    <a:pt x="85" y="51"/>
                    <a:pt x="85" y="50"/>
                    <a:pt x="85" y="47"/>
                  </a:cubicBezTo>
                  <a:cubicBezTo>
                    <a:pt x="85" y="44"/>
                    <a:pt x="85" y="40"/>
                    <a:pt x="84" y="40"/>
                  </a:cubicBezTo>
                  <a:cubicBezTo>
                    <a:pt x="81" y="40"/>
                    <a:pt x="81" y="40"/>
                    <a:pt x="81" y="40"/>
                  </a:cubicBezTo>
                  <a:cubicBezTo>
                    <a:pt x="81" y="40"/>
                    <a:pt x="81" y="39"/>
                    <a:pt x="81" y="36"/>
                  </a:cubicBezTo>
                  <a:cubicBezTo>
                    <a:pt x="82" y="31"/>
                    <a:pt x="82" y="28"/>
                    <a:pt x="81" y="31"/>
                  </a:cubicBezTo>
                  <a:cubicBezTo>
                    <a:pt x="78" y="33"/>
                    <a:pt x="79" y="26"/>
                    <a:pt x="76" y="25"/>
                  </a:cubicBezTo>
                  <a:cubicBezTo>
                    <a:pt x="73" y="23"/>
                    <a:pt x="73" y="20"/>
                    <a:pt x="70" y="22"/>
                  </a:cubicBezTo>
                  <a:cubicBezTo>
                    <a:pt x="65" y="25"/>
                    <a:pt x="62" y="22"/>
                    <a:pt x="55" y="23"/>
                  </a:cubicBezTo>
                  <a:cubicBezTo>
                    <a:pt x="49" y="25"/>
                    <a:pt x="49" y="25"/>
                    <a:pt x="46" y="22"/>
                  </a:cubicBezTo>
                  <a:cubicBezTo>
                    <a:pt x="44" y="19"/>
                    <a:pt x="43" y="17"/>
                    <a:pt x="43" y="16"/>
                  </a:cubicBezTo>
                  <a:cubicBezTo>
                    <a:pt x="41" y="16"/>
                    <a:pt x="43" y="14"/>
                    <a:pt x="43" y="14"/>
                  </a:cubicBezTo>
                </a:path>
              </a:pathLst>
            </a:custGeom>
            <a:solidFill>
              <a:schemeClr val="accent5"/>
            </a:solidFill>
            <a:ln w="6350" cmpd="sng">
              <a:solidFill>
                <a:schemeClr val="bg1"/>
              </a:solidFill>
              <a:round/>
              <a:headEnd/>
              <a:tailEnd/>
            </a:ln>
          </p:spPr>
          <p:txBody>
            <a:bodyPr/>
            <a:lstStyle/>
            <a:p>
              <a:endParaRPr lang="en-GB" sz="1633" dirty="0"/>
            </a:p>
          </p:txBody>
        </p:sp>
        <p:sp>
          <p:nvSpPr>
            <p:cNvPr id="101" name="Freeform 51"/>
            <p:cNvSpPr>
              <a:spLocks/>
            </p:cNvSpPr>
            <p:nvPr/>
          </p:nvSpPr>
          <p:spPr bwMode="auto">
            <a:xfrm>
              <a:off x="7238562" y="3750877"/>
              <a:ext cx="268333" cy="143001"/>
            </a:xfrm>
            <a:custGeom>
              <a:avLst/>
              <a:gdLst/>
              <a:ahLst/>
              <a:cxnLst>
                <a:cxn ang="0">
                  <a:pos x="13" y="10"/>
                </a:cxn>
                <a:cxn ang="0">
                  <a:pos x="7" y="20"/>
                </a:cxn>
                <a:cxn ang="0">
                  <a:pos x="16" y="21"/>
                </a:cxn>
                <a:cxn ang="0">
                  <a:pos x="24" y="24"/>
                </a:cxn>
                <a:cxn ang="0">
                  <a:pos x="29" y="27"/>
                </a:cxn>
                <a:cxn ang="0">
                  <a:pos x="22" y="32"/>
                </a:cxn>
                <a:cxn ang="0">
                  <a:pos x="18" y="35"/>
                </a:cxn>
                <a:cxn ang="0">
                  <a:pos x="13" y="34"/>
                </a:cxn>
                <a:cxn ang="0">
                  <a:pos x="10" y="37"/>
                </a:cxn>
                <a:cxn ang="0">
                  <a:pos x="9" y="35"/>
                </a:cxn>
                <a:cxn ang="0">
                  <a:pos x="1" y="35"/>
                </a:cxn>
                <a:cxn ang="0">
                  <a:pos x="0" y="38"/>
                </a:cxn>
                <a:cxn ang="0">
                  <a:pos x="10" y="41"/>
                </a:cxn>
                <a:cxn ang="0">
                  <a:pos x="18" y="41"/>
                </a:cxn>
                <a:cxn ang="0">
                  <a:pos x="22" y="44"/>
                </a:cxn>
                <a:cxn ang="0">
                  <a:pos x="29" y="43"/>
                </a:cxn>
                <a:cxn ang="0">
                  <a:pos x="35" y="43"/>
                </a:cxn>
                <a:cxn ang="0">
                  <a:pos x="39" y="35"/>
                </a:cxn>
                <a:cxn ang="0">
                  <a:pos x="45" y="31"/>
                </a:cxn>
                <a:cxn ang="0">
                  <a:pos x="50" y="31"/>
                </a:cxn>
                <a:cxn ang="0">
                  <a:pos x="54" y="32"/>
                </a:cxn>
                <a:cxn ang="0">
                  <a:pos x="59" y="26"/>
                </a:cxn>
                <a:cxn ang="0">
                  <a:pos x="71" y="21"/>
                </a:cxn>
                <a:cxn ang="0">
                  <a:pos x="83" y="15"/>
                </a:cxn>
                <a:cxn ang="0">
                  <a:pos x="86" y="12"/>
                </a:cxn>
                <a:cxn ang="0">
                  <a:pos x="79" y="7"/>
                </a:cxn>
                <a:cxn ang="0">
                  <a:pos x="62" y="4"/>
                </a:cxn>
                <a:cxn ang="0">
                  <a:pos x="47" y="4"/>
                </a:cxn>
                <a:cxn ang="0">
                  <a:pos x="36" y="1"/>
                </a:cxn>
                <a:cxn ang="0">
                  <a:pos x="32" y="9"/>
                </a:cxn>
                <a:cxn ang="0">
                  <a:pos x="18" y="4"/>
                </a:cxn>
                <a:cxn ang="0">
                  <a:pos x="13" y="10"/>
                </a:cxn>
              </a:cxnLst>
              <a:rect l="0" t="0" r="r" b="b"/>
              <a:pathLst>
                <a:path w="86" h="46">
                  <a:moveTo>
                    <a:pt x="13" y="10"/>
                  </a:moveTo>
                  <a:cubicBezTo>
                    <a:pt x="19" y="12"/>
                    <a:pt x="4" y="18"/>
                    <a:pt x="7" y="20"/>
                  </a:cubicBezTo>
                  <a:cubicBezTo>
                    <a:pt x="10" y="21"/>
                    <a:pt x="15" y="26"/>
                    <a:pt x="16" y="21"/>
                  </a:cubicBezTo>
                  <a:cubicBezTo>
                    <a:pt x="19" y="17"/>
                    <a:pt x="18" y="21"/>
                    <a:pt x="24" y="24"/>
                  </a:cubicBezTo>
                  <a:cubicBezTo>
                    <a:pt x="29" y="27"/>
                    <a:pt x="33" y="26"/>
                    <a:pt x="29" y="27"/>
                  </a:cubicBezTo>
                  <a:cubicBezTo>
                    <a:pt x="25" y="31"/>
                    <a:pt x="25" y="32"/>
                    <a:pt x="22" y="32"/>
                  </a:cubicBezTo>
                  <a:cubicBezTo>
                    <a:pt x="21" y="31"/>
                    <a:pt x="21" y="37"/>
                    <a:pt x="18" y="35"/>
                  </a:cubicBezTo>
                  <a:cubicBezTo>
                    <a:pt x="15" y="32"/>
                    <a:pt x="15" y="32"/>
                    <a:pt x="13" y="34"/>
                  </a:cubicBezTo>
                  <a:cubicBezTo>
                    <a:pt x="12" y="35"/>
                    <a:pt x="12" y="34"/>
                    <a:pt x="10" y="37"/>
                  </a:cubicBezTo>
                  <a:cubicBezTo>
                    <a:pt x="9" y="38"/>
                    <a:pt x="10" y="35"/>
                    <a:pt x="9" y="35"/>
                  </a:cubicBezTo>
                  <a:cubicBezTo>
                    <a:pt x="6" y="34"/>
                    <a:pt x="1" y="34"/>
                    <a:pt x="1" y="35"/>
                  </a:cubicBezTo>
                  <a:cubicBezTo>
                    <a:pt x="1" y="38"/>
                    <a:pt x="0" y="35"/>
                    <a:pt x="0" y="38"/>
                  </a:cubicBezTo>
                  <a:cubicBezTo>
                    <a:pt x="0" y="43"/>
                    <a:pt x="10" y="40"/>
                    <a:pt x="10" y="41"/>
                  </a:cubicBezTo>
                  <a:cubicBezTo>
                    <a:pt x="12" y="44"/>
                    <a:pt x="16" y="38"/>
                    <a:pt x="18" y="41"/>
                  </a:cubicBezTo>
                  <a:cubicBezTo>
                    <a:pt x="19" y="46"/>
                    <a:pt x="21" y="43"/>
                    <a:pt x="22" y="44"/>
                  </a:cubicBezTo>
                  <a:cubicBezTo>
                    <a:pt x="24" y="46"/>
                    <a:pt x="24" y="41"/>
                    <a:pt x="29" y="43"/>
                  </a:cubicBezTo>
                  <a:cubicBezTo>
                    <a:pt x="33" y="44"/>
                    <a:pt x="32" y="41"/>
                    <a:pt x="35" y="43"/>
                  </a:cubicBezTo>
                  <a:cubicBezTo>
                    <a:pt x="41" y="41"/>
                    <a:pt x="32" y="37"/>
                    <a:pt x="39" y="35"/>
                  </a:cubicBezTo>
                  <a:cubicBezTo>
                    <a:pt x="45" y="34"/>
                    <a:pt x="42" y="31"/>
                    <a:pt x="45" y="31"/>
                  </a:cubicBezTo>
                  <a:cubicBezTo>
                    <a:pt x="50" y="32"/>
                    <a:pt x="48" y="26"/>
                    <a:pt x="50" y="31"/>
                  </a:cubicBezTo>
                  <a:cubicBezTo>
                    <a:pt x="51" y="35"/>
                    <a:pt x="53" y="31"/>
                    <a:pt x="54" y="32"/>
                  </a:cubicBezTo>
                  <a:cubicBezTo>
                    <a:pt x="57" y="34"/>
                    <a:pt x="57" y="31"/>
                    <a:pt x="59" y="26"/>
                  </a:cubicBezTo>
                  <a:cubicBezTo>
                    <a:pt x="60" y="23"/>
                    <a:pt x="69" y="27"/>
                    <a:pt x="71" y="21"/>
                  </a:cubicBezTo>
                  <a:cubicBezTo>
                    <a:pt x="72" y="18"/>
                    <a:pt x="80" y="17"/>
                    <a:pt x="83" y="15"/>
                  </a:cubicBezTo>
                  <a:cubicBezTo>
                    <a:pt x="85" y="13"/>
                    <a:pt x="85" y="15"/>
                    <a:pt x="86" y="12"/>
                  </a:cubicBezTo>
                  <a:cubicBezTo>
                    <a:pt x="83" y="7"/>
                    <a:pt x="80" y="10"/>
                    <a:pt x="79" y="7"/>
                  </a:cubicBezTo>
                  <a:cubicBezTo>
                    <a:pt x="79" y="4"/>
                    <a:pt x="72" y="4"/>
                    <a:pt x="62" y="4"/>
                  </a:cubicBezTo>
                  <a:cubicBezTo>
                    <a:pt x="50" y="3"/>
                    <a:pt x="50" y="6"/>
                    <a:pt x="47" y="4"/>
                  </a:cubicBezTo>
                  <a:cubicBezTo>
                    <a:pt x="45" y="3"/>
                    <a:pt x="41" y="0"/>
                    <a:pt x="36" y="1"/>
                  </a:cubicBezTo>
                  <a:cubicBezTo>
                    <a:pt x="30" y="3"/>
                    <a:pt x="35" y="10"/>
                    <a:pt x="32" y="9"/>
                  </a:cubicBezTo>
                  <a:cubicBezTo>
                    <a:pt x="29" y="7"/>
                    <a:pt x="22" y="4"/>
                    <a:pt x="18" y="4"/>
                  </a:cubicBezTo>
                  <a:cubicBezTo>
                    <a:pt x="13" y="6"/>
                    <a:pt x="13" y="9"/>
                    <a:pt x="13" y="10"/>
                  </a:cubicBezTo>
                </a:path>
              </a:pathLst>
            </a:custGeom>
            <a:solidFill>
              <a:schemeClr val="accent5"/>
            </a:solidFill>
            <a:ln w="6350" cmpd="sng">
              <a:solidFill>
                <a:schemeClr val="bg1"/>
              </a:solidFill>
              <a:round/>
              <a:headEnd/>
              <a:tailEnd/>
            </a:ln>
          </p:spPr>
          <p:txBody>
            <a:bodyPr/>
            <a:lstStyle/>
            <a:p>
              <a:endParaRPr lang="en-GB" sz="1633" dirty="0"/>
            </a:p>
          </p:txBody>
        </p:sp>
        <p:sp>
          <p:nvSpPr>
            <p:cNvPr id="102" name="Freeform 52"/>
            <p:cNvSpPr>
              <a:spLocks/>
            </p:cNvSpPr>
            <p:nvPr/>
          </p:nvSpPr>
          <p:spPr bwMode="auto">
            <a:xfrm>
              <a:off x="7185538" y="3826394"/>
              <a:ext cx="199241" cy="155855"/>
            </a:xfrm>
            <a:custGeom>
              <a:avLst/>
              <a:gdLst/>
              <a:ahLst/>
              <a:cxnLst>
                <a:cxn ang="0">
                  <a:pos x="31" y="9"/>
                </a:cxn>
                <a:cxn ang="0">
                  <a:pos x="26" y="8"/>
                </a:cxn>
                <a:cxn ang="0">
                  <a:pos x="27" y="5"/>
                </a:cxn>
                <a:cxn ang="0">
                  <a:pos x="27" y="3"/>
                </a:cxn>
                <a:cxn ang="0">
                  <a:pos x="26" y="0"/>
                </a:cxn>
                <a:cxn ang="0">
                  <a:pos x="23" y="3"/>
                </a:cxn>
                <a:cxn ang="0">
                  <a:pos x="18" y="3"/>
                </a:cxn>
                <a:cxn ang="0">
                  <a:pos x="15" y="9"/>
                </a:cxn>
                <a:cxn ang="0">
                  <a:pos x="12" y="14"/>
                </a:cxn>
                <a:cxn ang="0">
                  <a:pos x="6" y="16"/>
                </a:cxn>
                <a:cxn ang="0">
                  <a:pos x="1" y="20"/>
                </a:cxn>
                <a:cxn ang="0">
                  <a:pos x="4" y="22"/>
                </a:cxn>
                <a:cxn ang="0">
                  <a:pos x="7" y="23"/>
                </a:cxn>
                <a:cxn ang="0">
                  <a:pos x="7" y="30"/>
                </a:cxn>
                <a:cxn ang="0">
                  <a:pos x="6" y="37"/>
                </a:cxn>
                <a:cxn ang="0">
                  <a:pos x="4" y="44"/>
                </a:cxn>
                <a:cxn ang="0">
                  <a:pos x="7" y="44"/>
                </a:cxn>
                <a:cxn ang="0">
                  <a:pos x="14" y="42"/>
                </a:cxn>
                <a:cxn ang="0">
                  <a:pos x="17" y="44"/>
                </a:cxn>
                <a:cxn ang="0">
                  <a:pos x="18" y="39"/>
                </a:cxn>
                <a:cxn ang="0">
                  <a:pos x="24" y="39"/>
                </a:cxn>
                <a:cxn ang="0">
                  <a:pos x="24" y="34"/>
                </a:cxn>
                <a:cxn ang="0">
                  <a:pos x="31" y="30"/>
                </a:cxn>
                <a:cxn ang="0">
                  <a:pos x="32" y="34"/>
                </a:cxn>
                <a:cxn ang="0">
                  <a:pos x="35" y="37"/>
                </a:cxn>
                <a:cxn ang="0">
                  <a:pos x="38" y="47"/>
                </a:cxn>
                <a:cxn ang="0">
                  <a:pos x="44" y="44"/>
                </a:cxn>
                <a:cxn ang="0">
                  <a:pos x="47" y="41"/>
                </a:cxn>
                <a:cxn ang="0">
                  <a:pos x="52" y="41"/>
                </a:cxn>
                <a:cxn ang="0">
                  <a:pos x="55" y="41"/>
                </a:cxn>
                <a:cxn ang="0">
                  <a:pos x="60" y="42"/>
                </a:cxn>
                <a:cxn ang="0">
                  <a:pos x="63" y="39"/>
                </a:cxn>
                <a:cxn ang="0">
                  <a:pos x="61" y="33"/>
                </a:cxn>
                <a:cxn ang="0">
                  <a:pos x="61" y="28"/>
                </a:cxn>
                <a:cxn ang="0">
                  <a:pos x="55" y="28"/>
                </a:cxn>
                <a:cxn ang="0">
                  <a:pos x="54" y="23"/>
                </a:cxn>
                <a:cxn ang="0">
                  <a:pos x="52" y="19"/>
                </a:cxn>
                <a:cxn ang="0">
                  <a:pos x="46" y="19"/>
                </a:cxn>
                <a:cxn ang="0">
                  <a:pos x="40" y="20"/>
                </a:cxn>
                <a:cxn ang="0">
                  <a:pos x="35" y="17"/>
                </a:cxn>
                <a:cxn ang="0">
                  <a:pos x="27" y="17"/>
                </a:cxn>
                <a:cxn ang="0">
                  <a:pos x="17" y="14"/>
                </a:cxn>
                <a:cxn ang="0">
                  <a:pos x="18" y="11"/>
                </a:cxn>
                <a:cxn ang="0">
                  <a:pos x="26" y="11"/>
                </a:cxn>
                <a:cxn ang="0">
                  <a:pos x="27" y="13"/>
                </a:cxn>
                <a:cxn ang="0">
                  <a:pos x="31" y="9"/>
                </a:cxn>
              </a:cxnLst>
              <a:rect l="0" t="0" r="r" b="b"/>
              <a:pathLst>
                <a:path w="64" h="50">
                  <a:moveTo>
                    <a:pt x="31" y="9"/>
                  </a:moveTo>
                  <a:cubicBezTo>
                    <a:pt x="26" y="11"/>
                    <a:pt x="27" y="8"/>
                    <a:pt x="26" y="8"/>
                  </a:cubicBezTo>
                  <a:cubicBezTo>
                    <a:pt x="24" y="8"/>
                    <a:pt x="26" y="6"/>
                    <a:pt x="27" y="5"/>
                  </a:cubicBezTo>
                  <a:cubicBezTo>
                    <a:pt x="29" y="3"/>
                    <a:pt x="29" y="3"/>
                    <a:pt x="27" y="3"/>
                  </a:cubicBezTo>
                  <a:cubicBezTo>
                    <a:pt x="27" y="3"/>
                    <a:pt x="27" y="0"/>
                    <a:pt x="26" y="0"/>
                  </a:cubicBezTo>
                  <a:cubicBezTo>
                    <a:pt x="24" y="0"/>
                    <a:pt x="26" y="2"/>
                    <a:pt x="23" y="3"/>
                  </a:cubicBezTo>
                  <a:cubicBezTo>
                    <a:pt x="18" y="5"/>
                    <a:pt x="18" y="2"/>
                    <a:pt x="18" y="3"/>
                  </a:cubicBezTo>
                  <a:cubicBezTo>
                    <a:pt x="15" y="5"/>
                    <a:pt x="18" y="9"/>
                    <a:pt x="15" y="9"/>
                  </a:cubicBezTo>
                  <a:cubicBezTo>
                    <a:pt x="10" y="9"/>
                    <a:pt x="15" y="9"/>
                    <a:pt x="12" y="14"/>
                  </a:cubicBezTo>
                  <a:cubicBezTo>
                    <a:pt x="10" y="17"/>
                    <a:pt x="9" y="17"/>
                    <a:pt x="6" y="16"/>
                  </a:cubicBezTo>
                  <a:cubicBezTo>
                    <a:pt x="3" y="16"/>
                    <a:pt x="0" y="20"/>
                    <a:pt x="1" y="20"/>
                  </a:cubicBezTo>
                  <a:cubicBezTo>
                    <a:pt x="3" y="20"/>
                    <a:pt x="4" y="20"/>
                    <a:pt x="4" y="22"/>
                  </a:cubicBezTo>
                  <a:cubicBezTo>
                    <a:pt x="4" y="25"/>
                    <a:pt x="6" y="22"/>
                    <a:pt x="7" y="23"/>
                  </a:cubicBezTo>
                  <a:cubicBezTo>
                    <a:pt x="9" y="25"/>
                    <a:pt x="6" y="27"/>
                    <a:pt x="7" y="30"/>
                  </a:cubicBezTo>
                  <a:cubicBezTo>
                    <a:pt x="10" y="33"/>
                    <a:pt x="9" y="33"/>
                    <a:pt x="6" y="37"/>
                  </a:cubicBezTo>
                  <a:cubicBezTo>
                    <a:pt x="4" y="41"/>
                    <a:pt x="4" y="42"/>
                    <a:pt x="4" y="44"/>
                  </a:cubicBezTo>
                  <a:cubicBezTo>
                    <a:pt x="6" y="47"/>
                    <a:pt x="7" y="47"/>
                    <a:pt x="7" y="44"/>
                  </a:cubicBezTo>
                  <a:cubicBezTo>
                    <a:pt x="9" y="42"/>
                    <a:pt x="10" y="42"/>
                    <a:pt x="14" y="42"/>
                  </a:cubicBezTo>
                  <a:cubicBezTo>
                    <a:pt x="15" y="41"/>
                    <a:pt x="17" y="44"/>
                    <a:pt x="17" y="44"/>
                  </a:cubicBezTo>
                  <a:cubicBezTo>
                    <a:pt x="18" y="44"/>
                    <a:pt x="17" y="41"/>
                    <a:pt x="18" y="39"/>
                  </a:cubicBezTo>
                  <a:cubicBezTo>
                    <a:pt x="21" y="37"/>
                    <a:pt x="23" y="41"/>
                    <a:pt x="24" y="39"/>
                  </a:cubicBezTo>
                  <a:cubicBezTo>
                    <a:pt x="26" y="37"/>
                    <a:pt x="23" y="36"/>
                    <a:pt x="24" y="34"/>
                  </a:cubicBezTo>
                  <a:cubicBezTo>
                    <a:pt x="27" y="33"/>
                    <a:pt x="26" y="28"/>
                    <a:pt x="31" y="30"/>
                  </a:cubicBezTo>
                  <a:cubicBezTo>
                    <a:pt x="35" y="31"/>
                    <a:pt x="32" y="33"/>
                    <a:pt x="32" y="34"/>
                  </a:cubicBezTo>
                  <a:cubicBezTo>
                    <a:pt x="33" y="36"/>
                    <a:pt x="35" y="31"/>
                    <a:pt x="35" y="37"/>
                  </a:cubicBezTo>
                  <a:cubicBezTo>
                    <a:pt x="33" y="47"/>
                    <a:pt x="35" y="50"/>
                    <a:pt x="38" y="47"/>
                  </a:cubicBezTo>
                  <a:cubicBezTo>
                    <a:pt x="41" y="45"/>
                    <a:pt x="44" y="45"/>
                    <a:pt x="44" y="44"/>
                  </a:cubicBezTo>
                  <a:cubicBezTo>
                    <a:pt x="44" y="42"/>
                    <a:pt x="46" y="42"/>
                    <a:pt x="47" y="41"/>
                  </a:cubicBezTo>
                  <a:cubicBezTo>
                    <a:pt x="49" y="39"/>
                    <a:pt x="54" y="39"/>
                    <a:pt x="52" y="41"/>
                  </a:cubicBezTo>
                  <a:cubicBezTo>
                    <a:pt x="50" y="44"/>
                    <a:pt x="52" y="44"/>
                    <a:pt x="55" y="41"/>
                  </a:cubicBezTo>
                  <a:cubicBezTo>
                    <a:pt x="58" y="39"/>
                    <a:pt x="61" y="41"/>
                    <a:pt x="60" y="42"/>
                  </a:cubicBezTo>
                  <a:cubicBezTo>
                    <a:pt x="63" y="42"/>
                    <a:pt x="64" y="41"/>
                    <a:pt x="63" y="39"/>
                  </a:cubicBezTo>
                  <a:cubicBezTo>
                    <a:pt x="60" y="37"/>
                    <a:pt x="63" y="34"/>
                    <a:pt x="61" y="33"/>
                  </a:cubicBezTo>
                  <a:cubicBezTo>
                    <a:pt x="60" y="31"/>
                    <a:pt x="61" y="30"/>
                    <a:pt x="61" y="28"/>
                  </a:cubicBezTo>
                  <a:cubicBezTo>
                    <a:pt x="60" y="27"/>
                    <a:pt x="55" y="25"/>
                    <a:pt x="55" y="28"/>
                  </a:cubicBezTo>
                  <a:cubicBezTo>
                    <a:pt x="55" y="30"/>
                    <a:pt x="52" y="27"/>
                    <a:pt x="54" y="23"/>
                  </a:cubicBezTo>
                  <a:cubicBezTo>
                    <a:pt x="54" y="22"/>
                    <a:pt x="50" y="22"/>
                    <a:pt x="52" y="19"/>
                  </a:cubicBezTo>
                  <a:cubicBezTo>
                    <a:pt x="49" y="17"/>
                    <a:pt x="50" y="20"/>
                    <a:pt x="46" y="19"/>
                  </a:cubicBezTo>
                  <a:cubicBezTo>
                    <a:pt x="41" y="17"/>
                    <a:pt x="41" y="22"/>
                    <a:pt x="40" y="20"/>
                  </a:cubicBezTo>
                  <a:cubicBezTo>
                    <a:pt x="38" y="19"/>
                    <a:pt x="37" y="22"/>
                    <a:pt x="35" y="17"/>
                  </a:cubicBezTo>
                  <a:cubicBezTo>
                    <a:pt x="33" y="14"/>
                    <a:pt x="29" y="20"/>
                    <a:pt x="27" y="17"/>
                  </a:cubicBezTo>
                  <a:cubicBezTo>
                    <a:pt x="27" y="16"/>
                    <a:pt x="17" y="19"/>
                    <a:pt x="17" y="14"/>
                  </a:cubicBezTo>
                  <a:cubicBezTo>
                    <a:pt x="17" y="11"/>
                    <a:pt x="18" y="14"/>
                    <a:pt x="18" y="11"/>
                  </a:cubicBezTo>
                  <a:cubicBezTo>
                    <a:pt x="18" y="9"/>
                    <a:pt x="23" y="9"/>
                    <a:pt x="26" y="11"/>
                  </a:cubicBezTo>
                  <a:cubicBezTo>
                    <a:pt x="27" y="11"/>
                    <a:pt x="26" y="14"/>
                    <a:pt x="27" y="13"/>
                  </a:cubicBezTo>
                  <a:cubicBezTo>
                    <a:pt x="29" y="9"/>
                    <a:pt x="29" y="11"/>
                    <a:pt x="31" y="9"/>
                  </a:cubicBezTo>
                </a:path>
              </a:pathLst>
            </a:custGeom>
            <a:solidFill>
              <a:schemeClr val="accent5"/>
            </a:solidFill>
            <a:ln w="6350" cmpd="sng">
              <a:solidFill>
                <a:schemeClr val="bg1"/>
              </a:solidFill>
              <a:round/>
              <a:headEnd/>
              <a:tailEnd/>
            </a:ln>
          </p:spPr>
          <p:txBody>
            <a:bodyPr/>
            <a:lstStyle/>
            <a:p>
              <a:endParaRPr lang="en-GB" sz="1633" dirty="0"/>
            </a:p>
          </p:txBody>
        </p:sp>
        <p:sp>
          <p:nvSpPr>
            <p:cNvPr id="103" name="Freeform 53"/>
            <p:cNvSpPr>
              <a:spLocks/>
            </p:cNvSpPr>
            <p:nvPr/>
          </p:nvSpPr>
          <p:spPr bwMode="auto">
            <a:xfrm>
              <a:off x="8488638" y="4346981"/>
              <a:ext cx="53024" cy="126933"/>
            </a:xfrm>
            <a:custGeom>
              <a:avLst/>
              <a:gdLst/>
              <a:ahLst/>
              <a:cxnLst>
                <a:cxn ang="0">
                  <a:pos x="3" y="12"/>
                </a:cxn>
                <a:cxn ang="0">
                  <a:pos x="11" y="3"/>
                </a:cxn>
                <a:cxn ang="0">
                  <a:pos x="14" y="3"/>
                </a:cxn>
                <a:cxn ang="0">
                  <a:pos x="16" y="9"/>
                </a:cxn>
                <a:cxn ang="0">
                  <a:pos x="13" y="22"/>
                </a:cxn>
                <a:cxn ang="0">
                  <a:pos x="8" y="34"/>
                </a:cxn>
                <a:cxn ang="0">
                  <a:pos x="5" y="33"/>
                </a:cxn>
                <a:cxn ang="0">
                  <a:pos x="2" y="26"/>
                </a:cxn>
                <a:cxn ang="0">
                  <a:pos x="3" y="12"/>
                </a:cxn>
              </a:cxnLst>
              <a:rect l="0" t="0" r="r" b="b"/>
              <a:pathLst>
                <a:path w="17" h="41">
                  <a:moveTo>
                    <a:pt x="3" y="12"/>
                  </a:moveTo>
                  <a:cubicBezTo>
                    <a:pt x="8" y="6"/>
                    <a:pt x="10" y="4"/>
                    <a:pt x="11" y="3"/>
                  </a:cubicBezTo>
                  <a:cubicBezTo>
                    <a:pt x="13" y="3"/>
                    <a:pt x="13" y="0"/>
                    <a:pt x="14" y="3"/>
                  </a:cubicBezTo>
                  <a:cubicBezTo>
                    <a:pt x="17" y="6"/>
                    <a:pt x="14" y="6"/>
                    <a:pt x="16" y="9"/>
                  </a:cubicBezTo>
                  <a:cubicBezTo>
                    <a:pt x="16" y="11"/>
                    <a:pt x="14" y="14"/>
                    <a:pt x="13" y="22"/>
                  </a:cubicBezTo>
                  <a:cubicBezTo>
                    <a:pt x="11" y="31"/>
                    <a:pt x="8" y="28"/>
                    <a:pt x="8" y="34"/>
                  </a:cubicBezTo>
                  <a:cubicBezTo>
                    <a:pt x="8" y="41"/>
                    <a:pt x="7" y="36"/>
                    <a:pt x="5" y="33"/>
                  </a:cubicBezTo>
                  <a:cubicBezTo>
                    <a:pt x="5" y="30"/>
                    <a:pt x="3" y="33"/>
                    <a:pt x="2" y="26"/>
                  </a:cubicBezTo>
                  <a:cubicBezTo>
                    <a:pt x="0" y="22"/>
                    <a:pt x="0" y="19"/>
                    <a:pt x="3" y="12"/>
                  </a:cubicBezTo>
                </a:path>
              </a:pathLst>
            </a:custGeom>
            <a:solidFill>
              <a:schemeClr val="accent5"/>
            </a:solidFill>
            <a:ln w="6350" cmpd="sng">
              <a:solidFill>
                <a:schemeClr val="bg1"/>
              </a:solidFill>
              <a:round/>
              <a:headEnd/>
              <a:tailEnd/>
            </a:ln>
          </p:spPr>
          <p:txBody>
            <a:bodyPr/>
            <a:lstStyle/>
            <a:p>
              <a:endParaRPr lang="en-GB" sz="1633" dirty="0"/>
            </a:p>
          </p:txBody>
        </p:sp>
        <p:sp>
          <p:nvSpPr>
            <p:cNvPr id="104" name="Freeform 54"/>
            <p:cNvSpPr>
              <a:spLocks/>
            </p:cNvSpPr>
            <p:nvPr/>
          </p:nvSpPr>
          <p:spPr bwMode="auto">
            <a:xfrm>
              <a:off x="8601113" y="3760517"/>
              <a:ext cx="155858" cy="189597"/>
            </a:xfrm>
            <a:custGeom>
              <a:avLst/>
              <a:gdLst/>
              <a:ahLst/>
              <a:cxnLst>
                <a:cxn ang="0">
                  <a:pos x="0" y="34"/>
                </a:cxn>
                <a:cxn ang="0">
                  <a:pos x="3" y="37"/>
                </a:cxn>
                <a:cxn ang="0">
                  <a:pos x="7" y="42"/>
                </a:cxn>
                <a:cxn ang="0">
                  <a:pos x="6" y="48"/>
                </a:cxn>
                <a:cxn ang="0">
                  <a:pos x="4" y="51"/>
                </a:cxn>
                <a:cxn ang="0">
                  <a:pos x="4" y="54"/>
                </a:cxn>
                <a:cxn ang="0">
                  <a:pos x="6" y="57"/>
                </a:cxn>
                <a:cxn ang="0">
                  <a:pos x="9" y="59"/>
                </a:cxn>
                <a:cxn ang="0">
                  <a:pos x="12" y="57"/>
                </a:cxn>
                <a:cxn ang="0">
                  <a:pos x="14" y="57"/>
                </a:cxn>
                <a:cxn ang="0">
                  <a:pos x="18" y="57"/>
                </a:cxn>
                <a:cxn ang="0">
                  <a:pos x="21" y="53"/>
                </a:cxn>
                <a:cxn ang="0">
                  <a:pos x="30" y="51"/>
                </a:cxn>
                <a:cxn ang="0">
                  <a:pos x="32" y="48"/>
                </a:cxn>
                <a:cxn ang="0">
                  <a:pos x="27" y="45"/>
                </a:cxn>
                <a:cxn ang="0">
                  <a:pos x="24" y="42"/>
                </a:cxn>
                <a:cxn ang="0">
                  <a:pos x="24" y="39"/>
                </a:cxn>
                <a:cxn ang="0">
                  <a:pos x="27" y="34"/>
                </a:cxn>
                <a:cxn ang="0">
                  <a:pos x="33" y="31"/>
                </a:cxn>
                <a:cxn ang="0">
                  <a:pos x="41" y="25"/>
                </a:cxn>
                <a:cxn ang="0">
                  <a:pos x="43" y="19"/>
                </a:cxn>
                <a:cxn ang="0">
                  <a:pos x="43" y="14"/>
                </a:cxn>
                <a:cxn ang="0">
                  <a:pos x="47" y="8"/>
                </a:cxn>
                <a:cxn ang="0">
                  <a:pos x="50" y="8"/>
                </a:cxn>
                <a:cxn ang="0">
                  <a:pos x="49" y="6"/>
                </a:cxn>
                <a:cxn ang="0">
                  <a:pos x="47" y="5"/>
                </a:cxn>
                <a:cxn ang="0">
                  <a:pos x="44" y="0"/>
                </a:cxn>
                <a:cxn ang="0">
                  <a:pos x="41" y="6"/>
                </a:cxn>
                <a:cxn ang="0">
                  <a:pos x="36" y="11"/>
                </a:cxn>
                <a:cxn ang="0">
                  <a:pos x="33" y="11"/>
                </a:cxn>
                <a:cxn ang="0">
                  <a:pos x="29" y="12"/>
                </a:cxn>
                <a:cxn ang="0">
                  <a:pos x="30" y="17"/>
                </a:cxn>
                <a:cxn ang="0">
                  <a:pos x="27" y="17"/>
                </a:cxn>
                <a:cxn ang="0">
                  <a:pos x="23" y="17"/>
                </a:cxn>
                <a:cxn ang="0">
                  <a:pos x="20" y="14"/>
                </a:cxn>
                <a:cxn ang="0">
                  <a:pos x="18" y="15"/>
                </a:cxn>
                <a:cxn ang="0">
                  <a:pos x="17" y="19"/>
                </a:cxn>
                <a:cxn ang="0">
                  <a:pos x="12" y="23"/>
                </a:cxn>
                <a:cxn ang="0">
                  <a:pos x="9" y="25"/>
                </a:cxn>
                <a:cxn ang="0">
                  <a:pos x="7" y="26"/>
                </a:cxn>
                <a:cxn ang="0">
                  <a:pos x="4" y="28"/>
                </a:cxn>
                <a:cxn ang="0">
                  <a:pos x="0" y="33"/>
                </a:cxn>
                <a:cxn ang="0">
                  <a:pos x="0" y="34"/>
                </a:cxn>
              </a:cxnLst>
              <a:rect l="0" t="0" r="r" b="b"/>
              <a:pathLst>
                <a:path w="50" h="61">
                  <a:moveTo>
                    <a:pt x="0" y="34"/>
                  </a:moveTo>
                  <a:cubicBezTo>
                    <a:pt x="0" y="36"/>
                    <a:pt x="1" y="39"/>
                    <a:pt x="3" y="37"/>
                  </a:cubicBezTo>
                  <a:cubicBezTo>
                    <a:pt x="4" y="36"/>
                    <a:pt x="9" y="39"/>
                    <a:pt x="7" y="42"/>
                  </a:cubicBezTo>
                  <a:cubicBezTo>
                    <a:pt x="7" y="45"/>
                    <a:pt x="4" y="47"/>
                    <a:pt x="6" y="48"/>
                  </a:cubicBezTo>
                  <a:cubicBezTo>
                    <a:pt x="7" y="50"/>
                    <a:pt x="4" y="48"/>
                    <a:pt x="4" y="51"/>
                  </a:cubicBezTo>
                  <a:cubicBezTo>
                    <a:pt x="3" y="54"/>
                    <a:pt x="0" y="54"/>
                    <a:pt x="4" y="54"/>
                  </a:cubicBezTo>
                  <a:cubicBezTo>
                    <a:pt x="7" y="56"/>
                    <a:pt x="1" y="56"/>
                    <a:pt x="6" y="57"/>
                  </a:cubicBezTo>
                  <a:cubicBezTo>
                    <a:pt x="9" y="57"/>
                    <a:pt x="6" y="61"/>
                    <a:pt x="9" y="59"/>
                  </a:cubicBezTo>
                  <a:cubicBezTo>
                    <a:pt x="11" y="57"/>
                    <a:pt x="9" y="54"/>
                    <a:pt x="12" y="57"/>
                  </a:cubicBezTo>
                  <a:cubicBezTo>
                    <a:pt x="14" y="59"/>
                    <a:pt x="14" y="59"/>
                    <a:pt x="14" y="57"/>
                  </a:cubicBezTo>
                  <a:cubicBezTo>
                    <a:pt x="15" y="56"/>
                    <a:pt x="17" y="57"/>
                    <a:pt x="18" y="57"/>
                  </a:cubicBezTo>
                  <a:cubicBezTo>
                    <a:pt x="18" y="56"/>
                    <a:pt x="18" y="54"/>
                    <a:pt x="21" y="53"/>
                  </a:cubicBezTo>
                  <a:cubicBezTo>
                    <a:pt x="26" y="51"/>
                    <a:pt x="27" y="53"/>
                    <a:pt x="30" y="51"/>
                  </a:cubicBezTo>
                  <a:cubicBezTo>
                    <a:pt x="32" y="51"/>
                    <a:pt x="29" y="50"/>
                    <a:pt x="32" y="48"/>
                  </a:cubicBezTo>
                  <a:cubicBezTo>
                    <a:pt x="30" y="47"/>
                    <a:pt x="30" y="48"/>
                    <a:pt x="27" y="45"/>
                  </a:cubicBezTo>
                  <a:cubicBezTo>
                    <a:pt x="26" y="42"/>
                    <a:pt x="24" y="43"/>
                    <a:pt x="24" y="42"/>
                  </a:cubicBezTo>
                  <a:cubicBezTo>
                    <a:pt x="23" y="40"/>
                    <a:pt x="26" y="43"/>
                    <a:pt x="24" y="39"/>
                  </a:cubicBezTo>
                  <a:cubicBezTo>
                    <a:pt x="24" y="34"/>
                    <a:pt x="26" y="37"/>
                    <a:pt x="27" y="34"/>
                  </a:cubicBezTo>
                  <a:cubicBezTo>
                    <a:pt x="29" y="31"/>
                    <a:pt x="29" y="36"/>
                    <a:pt x="33" y="31"/>
                  </a:cubicBezTo>
                  <a:cubicBezTo>
                    <a:pt x="38" y="28"/>
                    <a:pt x="40" y="25"/>
                    <a:pt x="41" y="25"/>
                  </a:cubicBezTo>
                  <a:cubicBezTo>
                    <a:pt x="43" y="25"/>
                    <a:pt x="43" y="20"/>
                    <a:pt x="43" y="19"/>
                  </a:cubicBezTo>
                  <a:cubicBezTo>
                    <a:pt x="43" y="17"/>
                    <a:pt x="41" y="17"/>
                    <a:pt x="43" y="14"/>
                  </a:cubicBezTo>
                  <a:cubicBezTo>
                    <a:pt x="46" y="11"/>
                    <a:pt x="46" y="9"/>
                    <a:pt x="47" y="8"/>
                  </a:cubicBezTo>
                  <a:cubicBezTo>
                    <a:pt x="49" y="8"/>
                    <a:pt x="49" y="9"/>
                    <a:pt x="50" y="8"/>
                  </a:cubicBezTo>
                  <a:cubicBezTo>
                    <a:pt x="49" y="6"/>
                    <a:pt x="49" y="6"/>
                    <a:pt x="49" y="6"/>
                  </a:cubicBezTo>
                  <a:cubicBezTo>
                    <a:pt x="49" y="3"/>
                    <a:pt x="49" y="6"/>
                    <a:pt x="47" y="5"/>
                  </a:cubicBezTo>
                  <a:cubicBezTo>
                    <a:pt x="46" y="3"/>
                    <a:pt x="47" y="2"/>
                    <a:pt x="44" y="0"/>
                  </a:cubicBezTo>
                  <a:cubicBezTo>
                    <a:pt x="41" y="0"/>
                    <a:pt x="44" y="8"/>
                    <a:pt x="41" y="6"/>
                  </a:cubicBezTo>
                  <a:cubicBezTo>
                    <a:pt x="38" y="6"/>
                    <a:pt x="40" y="9"/>
                    <a:pt x="36" y="11"/>
                  </a:cubicBezTo>
                  <a:cubicBezTo>
                    <a:pt x="35" y="12"/>
                    <a:pt x="36" y="11"/>
                    <a:pt x="33" y="11"/>
                  </a:cubicBezTo>
                  <a:cubicBezTo>
                    <a:pt x="32" y="12"/>
                    <a:pt x="29" y="9"/>
                    <a:pt x="29" y="12"/>
                  </a:cubicBezTo>
                  <a:cubicBezTo>
                    <a:pt x="29" y="15"/>
                    <a:pt x="32" y="15"/>
                    <a:pt x="30" y="17"/>
                  </a:cubicBezTo>
                  <a:cubicBezTo>
                    <a:pt x="29" y="19"/>
                    <a:pt x="29" y="17"/>
                    <a:pt x="27" y="17"/>
                  </a:cubicBezTo>
                  <a:cubicBezTo>
                    <a:pt x="26" y="19"/>
                    <a:pt x="24" y="17"/>
                    <a:pt x="23" y="17"/>
                  </a:cubicBezTo>
                  <a:cubicBezTo>
                    <a:pt x="21" y="17"/>
                    <a:pt x="21" y="12"/>
                    <a:pt x="20" y="14"/>
                  </a:cubicBezTo>
                  <a:cubicBezTo>
                    <a:pt x="18" y="15"/>
                    <a:pt x="20" y="14"/>
                    <a:pt x="18" y="15"/>
                  </a:cubicBezTo>
                  <a:cubicBezTo>
                    <a:pt x="17" y="17"/>
                    <a:pt x="18" y="17"/>
                    <a:pt x="17" y="19"/>
                  </a:cubicBezTo>
                  <a:cubicBezTo>
                    <a:pt x="15" y="20"/>
                    <a:pt x="14" y="23"/>
                    <a:pt x="12" y="23"/>
                  </a:cubicBezTo>
                  <a:cubicBezTo>
                    <a:pt x="9" y="23"/>
                    <a:pt x="11" y="25"/>
                    <a:pt x="9" y="25"/>
                  </a:cubicBezTo>
                  <a:cubicBezTo>
                    <a:pt x="7" y="25"/>
                    <a:pt x="9" y="26"/>
                    <a:pt x="7" y="26"/>
                  </a:cubicBezTo>
                  <a:cubicBezTo>
                    <a:pt x="4" y="28"/>
                    <a:pt x="6" y="28"/>
                    <a:pt x="4" y="28"/>
                  </a:cubicBezTo>
                  <a:cubicBezTo>
                    <a:pt x="3" y="28"/>
                    <a:pt x="1" y="31"/>
                    <a:pt x="0" y="33"/>
                  </a:cubicBezTo>
                  <a:cubicBezTo>
                    <a:pt x="0" y="34"/>
                    <a:pt x="0" y="34"/>
                    <a:pt x="0" y="34"/>
                  </a:cubicBezTo>
                  <a:close/>
                </a:path>
              </a:pathLst>
            </a:custGeom>
            <a:solidFill>
              <a:schemeClr val="accent5"/>
            </a:solidFill>
            <a:ln w="6350" cmpd="sng">
              <a:solidFill>
                <a:schemeClr val="bg1"/>
              </a:solidFill>
              <a:round/>
              <a:headEnd/>
              <a:tailEnd/>
            </a:ln>
          </p:spPr>
          <p:txBody>
            <a:bodyPr/>
            <a:lstStyle/>
            <a:p>
              <a:endParaRPr lang="en-GB" sz="1633" dirty="0"/>
            </a:p>
          </p:txBody>
        </p:sp>
        <p:sp>
          <p:nvSpPr>
            <p:cNvPr id="105" name="Freeform 55"/>
            <p:cNvSpPr>
              <a:spLocks/>
            </p:cNvSpPr>
            <p:nvPr/>
          </p:nvSpPr>
          <p:spPr bwMode="auto">
            <a:xfrm>
              <a:off x="8641282" y="3909944"/>
              <a:ext cx="88374" cy="149428"/>
            </a:xfrm>
            <a:custGeom>
              <a:avLst/>
              <a:gdLst/>
              <a:ahLst/>
              <a:cxnLst>
                <a:cxn ang="0">
                  <a:pos x="5" y="9"/>
                </a:cxn>
                <a:cxn ang="0">
                  <a:pos x="3" y="10"/>
                </a:cxn>
                <a:cxn ang="0">
                  <a:pos x="5" y="15"/>
                </a:cxn>
                <a:cxn ang="0">
                  <a:pos x="6" y="20"/>
                </a:cxn>
                <a:cxn ang="0">
                  <a:pos x="5" y="18"/>
                </a:cxn>
                <a:cxn ang="0">
                  <a:pos x="2" y="18"/>
                </a:cxn>
                <a:cxn ang="0">
                  <a:pos x="2" y="20"/>
                </a:cxn>
                <a:cxn ang="0">
                  <a:pos x="0" y="21"/>
                </a:cxn>
                <a:cxn ang="0">
                  <a:pos x="3" y="23"/>
                </a:cxn>
                <a:cxn ang="0">
                  <a:pos x="3" y="28"/>
                </a:cxn>
                <a:cxn ang="0">
                  <a:pos x="5" y="31"/>
                </a:cxn>
                <a:cxn ang="0">
                  <a:pos x="3" y="34"/>
                </a:cxn>
                <a:cxn ang="0">
                  <a:pos x="2" y="39"/>
                </a:cxn>
                <a:cxn ang="0">
                  <a:pos x="2" y="42"/>
                </a:cxn>
                <a:cxn ang="0">
                  <a:pos x="2" y="43"/>
                </a:cxn>
                <a:cxn ang="0">
                  <a:pos x="3" y="45"/>
                </a:cxn>
                <a:cxn ang="0">
                  <a:pos x="5" y="45"/>
                </a:cxn>
                <a:cxn ang="0">
                  <a:pos x="6" y="47"/>
                </a:cxn>
                <a:cxn ang="0">
                  <a:pos x="8" y="43"/>
                </a:cxn>
                <a:cxn ang="0">
                  <a:pos x="9" y="43"/>
                </a:cxn>
                <a:cxn ang="0">
                  <a:pos x="11" y="45"/>
                </a:cxn>
                <a:cxn ang="0">
                  <a:pos x="11" y="43"/>
                </a:cxn>
                <a:cxn ang="0">
                  <a:pos x="11" y="42"/>
                </a:cxn>
                <a:cxn ang="0">
                  <a:pos x="13" y="43"/>
                </a:cxn>
                <a:cxn ang="0">
                  <a:pos x="13" y="40"/>
                </a:cxn>
                <a:cxn ang="0">
                  <a:pos x="19" y="42"/>
                </a:cxn>
                <a:cxn ang="0">
                  <a:pos x="20" y="39"/>
                </a:cxn>
                <a:cxn ang="0">
                  <a:pos x="25" y="39"/>
                </a:cxn>
                <a:cxn ang="0">
                  <a:pos x="28" y="29"/>
                </a:cxn>
                <a:cxn ang="0">
                  <a:pos x="26" y="28"/>
                </a:cxn>
                <a:cxn ang="0">
                  <a:pos x="26" y="20"/>
                </a:cxn>
                <a:cxn ang="0">
                  <a:pos x="22" y="7"/>
                </a:cxn>
                <a:cxn ang="0">
                  <a:pos x="19" y="0"/>
                </a:cxn>
                <a:cxn ang="0">
                  <a:pos x="17" y="3"/>
                </a:cxn>
                <a:cxn ang="0">
                  <a:pos x="8" y="4"/>
                </a:cxn>
                <a:cxn ang="0">
                  <a:pos x="5" y="9"/>
                </a:cxn>
              </a:cxnLst>
              <a:rect l="0" t="0" r="r" b="b"/>
              <a:pathLst>
                <a:path w="28" h="48">
                  <a:moveTo>
                    <a:pt x="5" y="9"/>
                  </a:moveTo>
                  <a:cubicBezTo>
                    <a:pt x="5" y="10"/>
                    <a:pt x="5" y="9"/>
                    <a:pt x="3" y="10"/>
                  </a:cubicBezTo>
                  <a:cubicBezTo>
                    <a:pt x="3" y="12"/>
                    <a:pt x="6" y="14"/>
                    <a:pt x="5" y="15"/>
                  </a:cubicBezTo>
                  <a:cubicBezTo>
                    <a:pt x="3" y="17"/>
                    <a:pt x="8" y="17"/>
                    <a:pt x="6" y="20"/>
                  </a:cubicBezTo>
                  <a:cubicBezTo>
                    <a:pt x="6" y="21"/>
                    <a:pt x="6" y="18"/>
                    <a:pt x="5" y="18"/>
                  </a:cubicBezTo>
                  <a:cubicBezTo>
                    <a:pt x="2" y="18"/>
                    <a:pt x="2" y="18"/>
                    <a:pt x="2" y="18"/>
                  </a:cubicBezTo>
                  <a:cubicBezTo>
                    <a:pt x="3" y="20"/>
                    <a:pt x="2" y="20"/>
                    <a:pt x="2" y="20"/>
                  </a:cubicBezTo>
                  <a:cubicBezTo>
                    <a:pt x="0" y="18"/>
                    <a:pt x="0" y="21"/>
                    <a:pt x="0" y="21"/>
                  </a:cubicBezTo>
                  <a:cubicBezTo>
                    <a:pt x="2" y="23"/>
                    <a:pt x="3" y="20"/>
                    <a:pt x="3" y="23"/>
                  </a:cubicBezTo>
                  <a:cubicBezTo>
                    <a:pt x="3" y="25"/>
                    <a:pt x="3" y="28"/>
                    <a:pt x="3" y="28"/>
                  </a:cubicBezTo>
                  <a:cubicBezTo>
                    <a:pt x="5" y="29"/>
                    <a:pt x="3" y="29"/>
                    <a:pt x="5" y="31"/>
                  </a:cubicBezTo>
                  <a:cubicBezTo>
                    <a:pt x="6" y="32"/>
                    <a:pt x="3" y="31"/>
                    <a:pt x="3" y="34"/>
                  </a:cubicBezTo>
                  <a:cubicBezTo>
                    <a:pt x="2" y="37"/>
                    <a:pt x="0" y="39"/>
                    <a:pt x="2" y="39"/>
                  </a:cubicBezTo>
                  <a:cubicBezTo>
                    <a:pt x="2" y="40"/>
                    <a:pt x="2" y="40"/>
                    <a:pt x="2" y="42"/>
                  </a:cubicBezTo>
                  <a:cubicBezTo>
                    <a:pt x="3" y="43"/>
                    <a:pt x="2" y="42"/>
                    <a:pt x="2" y="43"/>
                  </a:cubicBezTo>
                  <a:cubicBezTo>
                    <a:pt x="2" y="45"/>
                    <a:pt x="3" y="43"/>
                    <a:pt x="3" y="45"/>
                  </a:cubicBezTo>
                  <a:cubicBezTo>
                    <a:pt x="3" y="48"/>
                    <a:pt x="3" y="48"/>
                    <a:pt x="5" y="45"/>
                  </a:cubicBezTo>
                  <a:cubicBezTo>
                    <a:pt x="6" y="42"/>
                    <a:pt x="5" y="47"/>
                    <a:pt x="6" y="47"/>
                  </a:cubicBezTo>
                  <a:cubicBezTo>
                    <a:pt x="6" y="47"/>
                    <a:pt x="6" y="45"/>
                    <a:pt x="8" y="43"/>
                  </a:cubicBezTo>
                  <a:cubicBezTo>
                    <a:pt x="9" y="42"/>
                    <a:pt x="11" y="42"/>
                    <a:pt x="9" y="43"/>
                  </a:cubicBezTo>
                  <a:cubicBezTo>
                    <a:pt x="8" y="45"/>
                    <a:pt x="9" y="47"/>
                    <a:pt x="11" y="45"/>
                  </a:cubicBezTo>
                  <a:cubicBezTo>
                    <a:pt x="11" y="43"/>
                    <a:pt x="11" y="43"/>
                    <a:pt x="11" y="43"/>
                  </a:cubicBezTo>
                  <a:cubicBezTo>
                    <a:pt x="11" y="42"/>
                    <a:pt x="11" y="40"/>
                    <a:pt x="11" y="42"/>
                  </a:cubicBezTo>
                  <a:cubicBezTo>
                    <a:pt x="13" y="43"/>
                    <a:pt x="13" y="43"/>
                    <a:pt x="13" y="43"/>
                  </a:cubicBezTo>
                  <a:cubicBezTo>
                    <a:pt x="14" y="42"/>
                    <a:pt x="11" y="42"/>
                    <a:pt x="13" y="40"/>
                  </a:cubicBezTo>
                  <a:cubicBezTo>
                    <a:pt x="16" y="40"/>
                    <a:pt x="17" y="42"/>
                    <a:pt x="19" y="42"/>
                  </a:cubicBezTo>
                  <a:cubicBezTo>
                    <a:pt x="20" y="40"/>
                    <a:pt x="19" y="40"/>
                    <a:pt x="20" y="39"/>
                  </a:cubicBezTo>
                  <a:cubicBezTo>
                    <a:pt x="22" y="39"/>
                    <a:pt x="23" y="40"/>
                    <a:pt x="25" y="39"/>
                  </a:cubicBezTo>
                  <a:cubicBezTo>
                    <a:pt x="25" y="37"/>
                    <a:pt x="28" y="32"/>
                    <a:pt x="28" y="29"/>
                  </a:cubicBezTo>
                  <a:cubicBezTo>
                    <a:pt x="28" y="26"/>
                    <a:pt x="26" y="31"/>
                    <a:pt x="26" y="28"/>
                  </a:cubicBezTo>
                  <a:cubicBezTo>
                    <a:pt x="26" y="23"/>
                    <a:pt x="28" y="23"/>
                    <a:pt x="26" y="20"/>
                  </a:cubicBezTo>
                  <a:cubicBezTo>
                    <a:pt x="26" y="15"/>
                    <a:pt x="23" y="10"/>
                    <a:pt x="22" y="7"/>
                  </a:cubicBezTo>
                  <a:cubicBezTo>
                    <a:pt x="20" y="4"/>
                    <a:pt x="19" y="1"/>
                    <a:pt x="19" y="0"/>
                  </a:cubicBezTo>
                  <a:cubicBezTo>
                    <a:pt x="16" y="1"/>
                    <a:pt x="19" y="3"/>
                    <a:pt x="17" y="3"/>
                  </a:cubicBezTo>
                  <a:cubicBezTo>
                    <a:pt x="14" y="4"/>
                    <a:pt x="13" y="3"/>
                    <a:pt x="8" y="4"/>
                  </a:cubicBezTo>
                  <a:cubicBezTo>
                    <a:pt x="5" y="6"/>
                    <a:pt x="5" y="7"/>
                    <a:pt x="5" y="9"/>
                  </a:cubicBezTo>
                </a:path>
              </a:pathLst>
            </a:custGeom>
            <a:solidFill>
              <a:schemeClr val="accent5"/>
            </a:solidFill>
            <a:ln w="6350" cmpd="sng">
              <a:solidFill>
                <a:schemeClr val="bg1"/>
              </a:solidFill>
              <a:round/>
              <a:headEnd/>
              <a:tailEnd/>
            </a:ln>
          </p:spPr>
          <p:txBody>
            <a:bodyPr/>
            <a:lstStyle/>
            <a:p>
              <a:endParaRPr lang="en-GB" sz="1633" dirty="0"/>
            </a:p>
          </p:txBody>
        </p:sp>
        <p:sp>
          <p:nvSpPr>
            <p:cNvPr id="106" name="Freeform 56"/>
            <p:cNvSpPr>
              <a:spLocks/>
            </p:cNvSpPr>
            <p:nvPr/>
          </p:nvSpPr>
          <p:spPr bwMode="auto">
            <a:xfrm>
              <a:off x="8638069" y="4081867"/>
              <a:ext cx="28922" cy="17674"/>
            </a:xfrm>
            <a:custGeom>
              <a:avLst/>
              <a:gdLst/>
              <a:ahLst/>
              <a:cxnLst>
                <a:cxn ang="0">
                  <a:pos x="1" y="4"/>
                </a:cxn>
                <a:cxn ang="0">
                  <a:pos x="8" y="1"/>
                </a:cxn>
                <a:cxn ang="0">
                  <a:pos x="1" y="4"/>
                </a:cxn>
              </a:cxnLst>
              <a:rect l="0" t="0" r="r" b="b"/>
              <a:pathLst>
                <a:path w="9" h="6">
                  <a:moveTo>
                    <a:pt x="1" y="4"/>
                  </a:moveTo>
                  <a:cubicBezTo>
                    <a:pt x="0" y="1"/>
                    <a:pt x="8" y="0"/>
                    <a:pt x="8" y="1"/>
                  </a:cubicBezTo>
                  <a:cubicBezTo>
                    <a:pt x="9" y="3"/>
                    <a:pt x="3" y="6"/>
                    <a:pt x="1" y="4"/>
                  </a:cubicBezTo>
                </a:path>
              </a:pathLst>
            </a:custGeom>
            <a:grpFill/>
            <a:ln w="6350" cmpd="sng">
              <a:solidFill>
                <a:schemeClr val="bg1"/>
              </a:solidFill>
              <a:round/>
              <a:headEnd/>
              <a:tailEnd/>
            </a:ln>
          </p:spPr>
          <p:txBody>
            <a:bodyPr/>
            <a:lstStyle/>
            <a:p>
              <a:endParaRPr lang="en-GB" sz="1633" dirty="0"/>
            </a:p>
          </p:txBody>
        </p:sp>
        <p:sp>
          <p:nvSpPr>
            <p:cNvPr id="107" name="Freeform 57"/>
            <p:cNvSpPr>
              <a:spLocks/>
            </p:cNvSpPr>
            <p:nvPr/>
          </p:nvSpPr>
          <p:spPr bwMode="auto">
            <a:xfrm>
              <a:off x="8720015" y="4043305"/>
              <a:ext cx="9641" cy="22494"/>
            </a:xfrm>
            <a:custGeom>
              <a:avLst/>
              <a:gdLst/>
              <a:ahLst/>
              <a:cxnLst>
                <a:cxn ang="0">
                  <a:pos x="0" y="7"/>
                </a:cxn>
                <a:cxn ang="0">
                  <a:pos x="0" y="3"/>
                </a:cxn>
                <a:cxn ang="0">
                  <a:pos x="1" y="0"/>
                </a:cxn>
                <a:cxn ang="0">
                  <a:pos x="1" y="3"/>
                </a:cxn>
                <a:cxn ang="0">
                  <a:pos x="0" y="7"/>
                </a:cxn>
              </a:cxnLst>
              <a:rect l="0" t="0" r="r" b="b"/>
              <a:pathLst>
                <a:path w="3" h="7">
                  <a:moveTo>
                    <a:pt x="0" y="7"/>
                  </a:moveTo>
                  <a:cubicBezTo>
                    <a:pt x="0" y="7"/>
                    <a:pt x="0" y="5"/>
                    <a:pt x="0" y="3"/>
                  </a:cubicBezTo>
                  <a:cubicBezTo>
                    <a:pt x="1" y="2"/>
                    <a:pt x="0" y="0"/>
                    <a:pt x="1" y="0"/>
                  </a:cubicBezTo>
                  <a:cubicBezTo>
                    <a:pt x="3" y="0"/>
                    <a:pt x="3" y="2"/>
                    <a:pt x="1" y="3"/>
                  </a:cubicBezTo>
                  <a:cubicBezTo>
                    <a:pt x="0" y="5"/>
                    <a:pt x="1" y="7"/>
                    <a:pt x="0" y="7"/>
                  </a:cubicBezTo>
                </a:path>
              </a:pathLst>
            </a:custGeom>
            <a:grpFill/>
            <a:ln w="6350" cmpd="sng">
              <a:solidFill>
                <a:schemeClr val="bg1"/>
              </a:solidFill>
              <a:round/>
              <a:headEnd/>
              <a:tailEnd/>
            </a:ln>
          </p:spPr>
          <p:txBody>
            <a:bodyPr/>
            <a:lstStyle/>
            <a:p>
              <a:endParaRPr lang="en-GB" sz="1633" dirty="0"/>
            </a:p>
          </p:txBody>
        </p:sp>
        <p:sp>
          <p:nvSpPr>
            <p:cNvPr id="108" name="Freeform 58"/>
            <p:cNvSpPr>
              <a:spLocks/>
            </p:cNvSpPr>
            <p:nvPr/>
          </p:nvSpPr>
          <p:spPr bwMode="auto">
            <a:xfrm>
              <a:off x="8638069" y="4049732"/>
              <a:ext cx="12854" cy="6427"/>
            </a:xfrm>
            <a:custGeom>
              <a:avLst/>
              <a:gdLst/>
              <a:ahLst/>
              <a:cxnLst>
                <a:cxn ang="0">
                  <a:pos x="1" y="2"/>
                </a:cxn>
                <a:cxn ang="0">
                  <a:pos x="3" y="0"/>
                </a:cxn>
                <a:cxn ang="0">
                  <a:pos x="1" y="2"/>
                </a:cxn>
              </a:cxnLst>
              <a:rect l="0" t="0" r="r" b="b"/>
              <a:pathLst>
                <a:path w="4" h="2">
                  <a:moveTo>
                    <a:pt x="1" y="2"/>
                  </a:moveTo>
                  <a:cubicBezTo>
                    <a:pt x="0" y="2"/>
                    <a:pt x="3" y="0"/>
                    <a:pt x="3" y="0"/>
                  </a:cubicBezTo>
                  <a:cubicBezTo>
                    <a:pt x="4" y="2"/>
                    <a:pt x="1" y="2"/>
                    <a:pt x="1" y="2"/>
                  </a:cubicBezTo>
                </a:path>
              </a:pathLst>
            </a:custGeom>
            <a:grpFill/>
            <a:ln w="6350" cmpd="sng">
              <a:solidFill>
                <a:schemeClr val="bg1"/>
              </a:solidFill>
              <a:round/>
              <a:headEnd/>
              <a:tailEnd/>
            </a:ln>
          </p:spPr>
          <p:txBody>
            <a:bodyPr/>
            <a:lstStyle/>
            <a:p>
              <a:endParaRPr lang="en-GB" sz="1633" dirty="0"/>
            </a:p>
          </p:txBody>
        </p:sp>
        <p:sp>
          <p:nvSpPr>
            <p:cNvPr id="109" name="Freeform 59"/>
            <p:cNvSpPr>
              <a:spLocks/>
            </p:cNvSpPr>
            <p:nvPr/>
          </p:nvSpPr>
          <p:spPr bwMode="auto">
            <a:xfrm>
              <a:off x="8638069" y="4035272"/>
              <a:ext cx="3213" cy="8034"/>
            </a:xfrm>
            <a:custGeom>
              <a:avLst/>
              <a:gdLst/>
              <a:ahLst/>
              <a:cxnLst>
                <a:cxn ang="0">
                  <a:pos x="1" y="3"/>
                </a:cxn>
                <a:cxn ang="0">
                  <a:pos x="1" y="0"/>
                </a:cxn>
                <a:cxn ang="0">
                  <a:pos x="1" y="2"/>
                </a:cxn>
                <a:cxn ang="0">
                  <a:pos x="1" y="3"/>
                </a:cxn>
              </a:cxnLst>
              <a:rect l="0" t="0" r="r" b="b"/>
              <a:pathLst>
                <a:path w="1" h="3">
                  <a:moveTo>
                    <a:pt x="1" y="3"/>
                  </a:moveTo>
                  <a:cubicBezTo>
                    <a:pt x="1" y="2"/>
                    <a:pt x="0" y="2"/>
                    <a:pt x="1" y="0"/>
                  </a:cubicBezTo>
                  <a:cubicBezTo>
                    <a:pt x="1" y="2"/>
                    <a:pt x="1" y="2"/>
                    <a:pt x="1" y="2"/>
                  </a:cubicBezTo>
                  <a:cubicBezTo>
                    <a:pt x="1" y="3"/>
                    <a:pt x="1" y="3"/>
                    <a:pt x="1" y="3"/>
                  </a:cubicBezTo>
                </a:path>
              </a:pathLst>
            </a:custGeom>
            <a:grpFill/>
            <a:ln w="6350" cmpd="sng">
              <a:solidFill>
                <a:schemeClr val="bg1"/>
              </a:solidFill>
              <a:round/>
              <a:headEnd/>
              <a:tailEnd/>
            </a:ln>
          </p:spPr>
          <p:txBody>
            <a:bodyPr/>
            <a:lstStyle/>
            <a:p>
              <a:endParaRPr lang="en-GB" sz="1633" dirty="0"/>
            </a:p>
          </p:txBody>
        </p:sp>
        <p:sp>
          <p:nvSpPr>
            <p:cNvPr id="110" name="Freeform 60"/>
            <p:cNvSpPr>
              <a:spLocks/>
            </p:cNvSpPr>
            <p:nvPr/>
          </p:nvSpPr>
          <p:spPr bwMode="auto">
            <a:xfrm>
              <a:off x="8647710" y="3982248"/>
              <a:ext cx="3213" cy="6427"/>
            </a:xfrm>
            <a:custGeom>
              <a:avLst/>
              <a:gdLst/>
              <a:ahLst/>
              <a:cxnLst>
                <a:cxn ang="0">
                  <a:pos x="0" y="2"/>
                </a:cxn>
                <a:cxn ang="0">
                  <a:pos x="0" y="0"/>
                </a:cxn>
                <a:cxn ang="0">
                  <a:pos x="0" y="2"/>
                </a:cxn>
              </a:cxnLst>
              <a:rect l="0" t="0" r="r" b="b"/>
              <a:pathLst>
                <a:path w="1" h="2">
                  <a:moveTo>
                    <a:pt x="0" y="2"/>
                  </a:moveTo>
                  <a:cubicBezTo>
                    <a:pt x="0" y="0"/>
                    <a:pt x="0" y="0"/>
                    <a:pt x="0" y="0"/>
                  </a:cubicBezTo>
                  <a:cubicBezTo>
                    <a:pt x="1" y="0"/>
                    <a:pt x="1" y="2"/>
                    <a:pt x="0" y="2"/>
                  </a:cubicBezTo>
                </a:path>
              </a:pathLst>
            </a:custGeom>
            <a:grpFill/>
            <a:ln w="6350" cmpd="sng">
              <a:solidFill>
                <a:schemeClr val="bg1"/>
              </a:solidFill>
              <a:round/>
              <a:headEnd/>
              <a:tailEnd/>
            </a:ln>
          </p:spPr>
          <p:txBody>
            <a:bodyPr/>
            <a:lstStyle/>
            <a:p>
              <a:endParaRPr lang="en-GB" sz="1633" dirty="0"/>
            </a:p>
          </p:txBody>
        </p:sp>
        <p:sp>
          <p:nvSpPr>
            <p:cNvPr id="111" name="Freeform 61"/>
            <p:cNvSpPr>
              <a:spLocks/>
            </p:cNvSpPr>
            <p:nvPr/>
          </p:nvSpPr>
          <p:spPr bwMode="auto">
            <a:xfrm>
              <a:off x="8700734" y="4035272"/>
              <a:ext cx="9641" cy="8034"/>
            </a:xfrm>
            <a:custGeom>
              <a:avLst/>
              <a:gdLst/>
              <a:ahLst/>
              <a:cxnLst>
                <a:cxn ang="0">
                  <a:pos x="1" y="3"/>
                </a:cxn>
                <a:cxn ang="0">
                  <a:pos x="1" y="0"/>
                </a:cxn>
                <a:cxn ang="0">
                  <a:pos x="1" y="3"/>
                </a:cxn>
              </a:cxnLst>
              <a:rect l="0" t="0" r="r" b="b"/>
              <a:pathLst>
                <a:path w="3" h="3">
                  <a:moveTo>
                    <a:pt x="1" y="3"/>
                  </a:moveTo>
                  <a:cubicBezTo>
                    <a:pt x="0" y="3"/>
                    <a:pt x="0" y="0"/>
                    <a:pt x="1" y="0"/>
                  </a:cubicBezTo>
                  <a:cubicBezTo>
                    <a:pt x="3" y="0"/>
                    <a:pt x="3" y="2"/>
                    <a:pt x="1" y="3"/>
                  </a:cubicBezTo>
                </a:path>
              </a:pathLst>
            </a:custGeom>
            <a:grpFill/>
            <a:ln w="6350" cmpd="sng">
              <a:solidFill>
                <a:schemeClr val="bg1"/>
              </a:solidFill>
              <a:round/>
              <a:headEnd/>
              <a:tailEnd/>
            </a:ln>
          </p:spPr>
          <p:txBody>
            <a:bodyPr/>
            <a:lstStyle/>
            <a:p>
              <a:endParaRPr lang="en-GB" sz="1633" dirty="0"/>
            </a:p>
          </p:txBody>
        </p:sp>
        <p:sp>
          <p:nvSpPr>
            <p:cNvPr id="112" name="Freeform 62"/>
            <p:cNvSpPr>
              <a:spLocks/>
            </p:cNvSpPr>
            <p:nvPr/>
          </p:nvSpPr>
          <p:spPr bwMode="auto">
            <a:xfrm>
              <a:off x="8684666" y="4035272"/>
              <a:ext cx="6427" cy="8034"/>
            </a:xfrm>
            <a:custGeom>
              <a:avLst/>
              <a:gdLst/>
              <a:ahLst/>
              <a:cxnLst>
                <a:cxn ang="0">
                  <a:pos x="2" y="3"/>
                </a:cxn>
                <a:cxn ang="0">
                  <a:pos x="0" y="0"/>
                </a:cxn>
                <a:cxn ang="0">
                  <a:pos x="2" y="2"/>
                </a:cxn>
                <a:cxn ang="0">
                  <a:pos x="2" y="3"/>
                </a:cxn>
              </a:cxnLst>
              <a:rect l="0" t="0" r="r" b="b"/>
              <a:pathLst>
                <a:path w="2" h="3">
                  <a:moveTo>
                    <a:pt x="2" y="3"/>
                  </a:moveTo>
                  <a:cubicBezTo>
                    <a:pt x="0" y="2"/>
                    <a:pt x="0" y="2"/>
                    <a:pt x="0" y="0"/>
                  </a:cubicBezTo>
                  <a:cubicBezTo>
                    <a:pt x="0" y="0"/>
                    <a:pt x="2" y="0"/>
                    <a:pt x="2" y="2"/>
                  </a:cubicBezTo>
                  <a:cubicBezTo>
                    <a:pt x="2" y="3"/>
                    <a:pt x="2" y="3"/>
                    <a:pt x="2" y="3"/>
                  </a:cubicBezTo>
                </a:path>
              </a:pathLst>
            </a:custGeom>
            <a:grpFill/>
            <a:ln w="6350" cmpd="sng">
              <a:solidFill>
                <a:schemeClr val="bg1"/>
              </a:solidFill>
              <a:round/>
              <a:headEnd/>
              <a:tailEnd/>
            </a:ln>
          </p:spPr>
          <p:txBody>
            <a:bodyPr/>
            <a:lstStyle/>
            <a:p>
              <a:endParaRPr lang="en-GB" sz="1633" dirty="0"/>
            </a:p>
          </p:txBody>
        </p:sp>
        <p:sp>
          <p:nvSpPr>
            <p:cNvPr id="113" name="Freeform 63"/>
            <p:cNvSpPr>
              <a:spLocks/>
            </p:cNvSpPr>
            <p:nvPr/>
          </p:nvSpPr>
          <p:spPr bwMode="auto">
            <a:xfrm>
              <a:off x="8650923" y="4059372"/>
              <a:ext cx="6427" cy="6427"/>
            </a:xfrm>
            <a:custGeom>
              <a:avLst/>
              <a:gdLst/>
              <a:ahLst/>
              <a:cxnLst>
                <a:cxn ang="0">
                  <a:pos x="2" y="2"/>
                </a:cxn>
                <a:cxn ang="0">
                  <a:pos x="0" y="0"/>
                </a:cxn>
                <a:cxn ang="0">
                  <a:pos x="2" y="2"/>
                </a:cxn>
              </a:cxnLst>
              <a:rect l="0" t="0" r="r" b="b"/>
              <a:pathLst>
                <a:path w="2" h="2">
                  <a:moveTo>
                    <a:pt x="2" y="2"/>
                  </a:moveTo>
                  <a:cubicBezTo>
                    <a:pt x="0" y="2"/>
                    <a:pt x="0" y="2"/>
                    <a:pt x="0" y="0"/>
                  </a:cubicBezTo>
                  <a:cubicBezTo>
                    <a:pt x="2" y="0"/>
                    <a:pt x="2" y="2"/>
                    <a:pt x="2" y="2"/>
                  </a:cubicBezTo>
                </a:path>
              </a:pathLst>
            </a:custGeom>
            <a:grpFill/>
            <a:ln w="6350" cmpd="sng">
              <a:solidFill>
                <a:schemeClr val="bg1"/>
              </a:solidFill>
              <a:round/>
              <a:headEnd/>
              <a:tailEnd/>
            </a:ln>
          </p:spPr>
          <p:txBody>
            <a:bodyPr/>
            <a:lstStyle/>
            <a:p>
              <a:endParaRPr lang="en-GB" sz="1633" dirty="0"/>
            </a:p>
          </p:txBody>
        </p:sp>
        <p:sp>
          <p:nvSpPr>
            <p:cNvPr id="114" name="Freeform 64"/>
            <p:cNvSpPr>
              <a:spLocks/>
            </p:cNvSpPr>
            <p:nvPr/>
          </p:nvSpPr>
          <p:spPr bwMode="auto">
            <a:xfrm>
              <a:off x="8647710" y="3938866"/>
              <a:ext cx="3213" cy="11247"/>
            </a:xfrm>
            <a:custGeom>
              <a:avLst/>
              <a:gdLst/>
              <a:ahLst/>
              <a:cxnLst>
                <a:cxn ang="0">
                  <a:pos x="1" y="4"/>
                </a:cxn>
                <a:cxn ang="0">
                  <a:pos x="0" y="0"/>
                </a:cxn>
                <a:cxn ang="0">
                  <a:pos x="1" y="4"/>
                </a:cxn>
              </a:cxnLst>
              <a:rect l="0" t="0" r="r" b="b"/>
              <a:pathLst>
                <a:path w="1" h="4">
                  <a:moveTo>
                    <a:pt x="1" y="4"/>
                  </a:moveTo>
                  <a:cubicBezTo>
                    <a:pt x="0" y="4"/>
                    <a:pt x="0" y="0"/>
                    <a:pt x="0" y="0"/>
                  </a:cubicBezTo>
                  <a:cubicBezTo>
                    <a:pt x="1" y="0"/>
                    <a:pt x="1" y="4"/>
                    <a:pt x="1" y="4"/>
                  </a:cubicBezTo>
                </a:path>
              </a:pathLst>
            </a:custGeom>
            <a:grpFill/>
            <a:ln w="6350" cmpd="sng">
              <a:solidFill>
                <a:schemeClr val="bg1"/>
              </a:solidFill>
              <a:round/>
              <a:headEnd/>
              <a:tailEnd/>
            </a:ln>
          </p:spPr>
          <p:txBody>
            <a:bodyPr/>
            <a:lstStyle/>
            <a:p>
              <a:endParaRPr lang="en-GB" sz="1633" dirty="0"/>
            </a:p>
          </p:txBody>
        </p:sp>
        <p:sp>
          <p:nvSpPr>
            <p:cNvPr id="115" name="Freeform 65"/>
            <p:cNvSpPr>
              <a:spLocks/>
            </p:cNvSpPr>
            <p:nvPr/>
          </p:nvSpPr>
          <p:spPr bwMode="auto">
            <a:xfrm>
              <a:off x="8205844" y="4514083"/>
              <a:ext cx="61058" cy="65877"/>
            </a:xfrm>
            <a:custGeom>
              <a:avLst/>
              <a:gdLst/>
              <a:ahLst/>
              <a:cxnLst>
                <a:cxn ang="0">
                  <a:pos x="3" y="6"/>
                </a:cxn>
                <a:cxn ang="0">
                  <a:pos x="6" y="3"/>
                </a:cxn>
                <a:cxn ang="0">
                  <a:pos x="9" y="2"/>
                </a:cxn>
                <a:cxn ang="0">
                  <a:pos x="12" y="2"/>
                </a:cxn>
                <a:cxn ang="0">
                  <a:pos x="17" y="2"/>
                </a:cxn>
                <a:cxn ang="0">
                  <a:pos x="18" y="2"/>
                </a:cxn>
                <a:cxn ang="0">
                  <a:pos x="20" y="6"/>
                </a:cxn>
                <a:cxn ang="0">
                  <a:pos x="17" y="13"/>
                </a:cxn>
                <a:cxn ang="0">
                  <a:pos x="12" y="17"/>
                </a:cxn>
                <a:cxn ang="0">
                  <a:pos x="9" y="19"/>
                </a:cxn>
                <a:cxn ang="0">
                  <a:pos x="8" y="19"/>
                </a:cxn>
                <a:cxn ang="0">
                  <a:pos x="3" y="17"/>
                </a:cxn>
                <a:cxn ang="0">
                  <a:pos x="2" y="13"/>
                </a:cxn>
                <a:cxn ang="0">
                  <a:pos x="3" y="6"/>
                </a:cxn>
              </a:cxnLst>
              <a:rect l="0" t="0" r="r" b="b"/>
              <a:pathLst>
                <a:path w="20" h="21">
                  <a:moveTo>
                    <a:pt x="3" y="6"/>
                  </a:moveTo>
                  <a:cubicBezTo>
                    <a:pt x="6" y="3"/>
                    <a:pt x="5" y="5"/>
                    <a:pt x="6" y="3"/>
                  </a:cubicBezTo>
                  <a:cubicBezTo>
                    <a:pt x="8" y="2"/>
                    <a:pt x="8" y="5"/>
                    <a:pt x="9" y="2"/>
                  </a:cubicBezTo>
                  <a:cubicBezTo>
                    <a:pt x="9" y="0"/>
                    <a:pt x="11" y="3"/>
                    <a:pt x="12" y="2"/>
                  </a:cubicBezTo>
                  <a:cubicBezTo>
                    <a:pt x="14" y="0"/>
                    <a:pt x="15" y="2"/>
                    <a:pt x="17" y="2"/>
                  </a:cubicBezTo>
                  <a:cubicBezTo>
                    <a:pt x="17" y="0"/>
                    <a:pt x="18" y="2"/>
                    <a:pt x="18" y="2"/>
                  </a:cubicBezTo>
                  <a:cubicBezTo>
                    <a:pt x="20" y="2"/>
                    <a:pt x="20" y="5"/>
                    <a:pt x="20" y="6"/>
                  </a:cubicBezTo>
                  <a:cubicBezTo>
                    <a:pt x="18" y="6"/>
                    <a:pt x="17" y="10"/>
                    <a:pt x="17" y="13"/>
                  </a:cubicBezTo>
                  <a:cubicBezTo>
                    <a:pt x="17" y="16"/>
                    <a:pt x="14" y="14"/>
                    <a:pt x="12" y="17"/>
                  </a:cubicBezTo>
                  <a:cubicBezTo>
                    <a:pt x="12" y="19"/>
                    <a:pt x="11" y="17"/>
                    <a:pt x="9" y="19"/>
                  </a:cubicBezTo>
                  <a:cubicBezTo>
                    <a:pt x="9" y="21"/>
                    <a:pt x="8" y="21"/>
                    <a:pt x="8" y="19"/>
                  </a:cubicBezTo>
                  <a:cubicBezTo>
                    <a:pt x="6" y="19"/>
                    <a:pt x="6" y="21"/>
                    <a:pt x="3" y="17"/>
                  </a:cubicBezTo>
                  <a:cubicBezTo>
                    <a:pt x="0" y="16"/>
                    <a:pt x="2" y="16"/>
                    <a:pt x="2" y="13"/>
                  </a:cubicBezTo>
                  <a:cubicBezTo>
                    <a:pt x="0" y="8"/>
                    <a:pt x="3" y="8"/>
                    <a:pt x="3" y="6"/>
                  </a:cubicBezTo>
                </a:path>
              </a:pathLst>
            </a:custGeom>
            <a:solidFill>
              <a:schemeClr val="accent5"/>
            </a:solidFill>
            <a:ln w="6350" cmpd="sng">
              <a:solidFill>
                <a:schemeClr val="bg1"/>
              </a:solidFill>
              <a:round/>
              <a:headEnd/>
              <a:tailEnd/>
            </a:ln>
          </p:spPr>
          <p:txBody>
            <a:bodyPr/>
            <a:lstStyle/>
            <a:p>
              <a:endParaRPr lang="en-GB" sz="1633" dirty="0"/>
            </a:p>
          </p:txBody>
        </p:sp>
        <p:sp>
          <p:nvSpPr>
            <p:cNvPr id="116" name="Freeform 66"/>
            <p:cNvSpPr>
              <a:spLocks/>
            </p:cNvSpPr>
            <p:nvPr/>
          </p:nvSpPr>
          <p:spPr bwMode="auto">
            <a:xfrm>
              <a:off x="7494040" y="4835434"/>
              <a:ext cx="56237" cy="125326"/>
            </a:xfrm>
            <a:custGeom>
              <a:avLst/>
              <a:gdLst/>
              <a:ahLst/>
              <a:cxnLst>
                <a:cxn ang="0">
                  <a:pos x="4" y="37"/>
                </a:cxn>
                <a:cxn ang="0">
                  <a:pos x="0" y="18"/>
                </a:cxn>
                <a:cxn ang="0">
                  <a:pos x="1" y="15"/>
                </a:cxn>
                <a:cxn ang="0">
                  <a:pos x="1" y="9"/>
                </a:cxn>
                <a:cxn ang="0">
                  <a:pos x="3" y="4"/>
                </a:cxn>
                <a:cxn ang="0">
                  <a:pos x="1" y="0"/>
                </a:cxn>
                <a:cxn ang="0">
                  <a:pos x="7" y="1"/>
                </a:cxn>
                <a:cxn ang="0">
                  <a:pos x="11" y="9"/>
                </a:cxn>
                <a:cxn ang="0">
                  <a:pos x="15" y="18"/>
                </a:cxn>
                <a:cxn ang="0">
                  <a:pos x="17" y="21"/>
                </a:cxn>
                <a:cxn ang="0">
                  <a:pos x="13" y="34"/>
                </a:cxn>
                <a:cxn ang="0">
                  <a:pos x="4" y="37"/>
                </a:cxn>
              </a:cxnLst>
              <a:rect l="0" t="0" r="r" b="b"/>
              <a:pathLst>
                <a:path w="18" h="40">
                  <a:moveTo>
                    <a:pt x="4" y="37"/>
                  </a:moveTo>
                  <a:cubicBezTo>
                    <a:pt x="0" y="32"/>
                    <a:pt x="1" y="23"/>
                    <a:pt x="0" y="18"/>
                  </a:cubicBezTo>
                  <a:cubicBezTo>
                    <a:pt x="0" y="14"/>
                    <a:pt x="1" y="14"/>
                    <a:pt x="1" y="15"/>
                  </a:cubicBezTo>
                  <a:cubicBezTo>
                    <a:pt x="1" y="17"/>
                    <a:pt x="1" y="12"/>
                    <a:pt x="1" y="9"/>
                  </a:cubicBezTo>
                  <a:cubicBezTo>
                    <a:pt x="1" y="8"/>
                    <a:pt x="3" y="8"/>
                    <a:pt x="3" y="4"/>
                  </a:cubicBezTo>
                  <a:cubicBezTo>
                    <a:pt x="3" y="1"/>
                    <a:pt x="1" y="1"/>
                    <a:pt x="1" y="0"/>
                  </a:cubicBezTo>
                  <a:cubicBezTo>
                    <a:pt x="1" y="0"/>
                    <a:pt x="4" y="0"/>
                    <a:pt x="7" y="1"/>
                  </a:cubicBezTo>
                  <a:cubicBezTo>
                    <a:pt x="9" y="4"/>
                    <a:pt x="9" y="6"/>
                    <a:pt x="11" y="9"/>
                  </a:cubicBezTo>
                  <a:cubicBezTo>
                    <a:pt x="13" y="11"/>
                    <a:pt x="13" y="17"/>
                    <a:pt x="15" y="18"/>
                  </a:cubicBezTo>
                  <a:cubicBezTo>
                    <a:pt x="17" y="20"/>
                    <a:pt x="15" y="20"/>
                    <a:pt x="17" y="21"/>
                  </a:cubicBezTo>
                  <a:cubicBezTo>
                    <a:pt x="18" y="25"/>
                    <a:pt x="18" y="32"/>
                    <a:pt x="13" y="34"/>
                  </a:cubicBezTo>
                  <a:cubicBezTo>
                    <a:pt x="11" y="37"/>
                    <a:pt x="7" y="40"/>
                    <a:pt x="4" y="37"/>
                  </a:cubicBezTo>
                </a:path>
              </a:pathLst>
            </a:custGeom>
            <a:solidFill>
              <a:schemeClr val="accent5"/>
            </a:solidFill>
            <a:ln w="6350" cmpd="sng">
              <a:solidFill>
                <a:schemeClr val="bg1"/>
              </a:solidFill>
              <a:round/>
              <a:headEnd/>
              <a:tailEnd/>
            </a:ln>
          </p:spPr>
          <p:txBody>
            <a:bodyPr/>
            <a:lstStyle/>
            <a:p>
              <a:endParaRPr lang="en-GB" sz="1633" dirty="0"/>
            </a:p>
          </p:txBody>
        </p:sp>
        <p:sp>
          <p:nvSpPr>
            <p:cNvPr id="117" name="Freeform 67"/>
            <p:cNvSpPr>
              <a:spLocks/>
            </p:cNvSpPr>
            <p:nvPr/>
          </p:nvSpPr>
          <p:spPr bwMode="auto">
            <a:xfrm>
              <a:off x="7802542" y="4240935"/>
              <a:ext cx="224949" cy="594499"/>
            </a:xfrm>
            <a:custGeom>
              <a:avLst/>
              <a:gdLst/>
              <a:ahLst/>
              <a:cxnLst>
                <a:cxn ang="0">
                  <a:pos x="7" y="68"/>
                </a:cxn>
                <a:cxn ang="0">
                  <a:pos x="9" y="52"/>
                </a:cxn>
                <a:cxn ang="0">
                  <a:pos x="16" y="46"/>
                </a:cxn>
                <a:cxn ang="0">
                  <a:pos x="24" y="29"/>
                </a:cxn>
                <a:cxn ang="0">
                  <a:pos x="27" y="20"/>
                </a:cxn>
                <a:cxn ang="0">
                  <a:pos x="38" y="14"/>
                </a:cxn>
                <a:cxn ang="0">
                  <a:pos x="46" y="4"/>
                </a:cxn>
                <a:cxn ang="0">
                  <a:pos x="52" y="15"/>
                </a:cxn>
                <a:cxn ang="0">
                  <a:pos x="52" y="31"/>
                </a:cxn>
                <a:cxn ang="0">
                  <a:pos x="46" y="35"/>
                </a:cxn>
                <a:cxn ang="0">
                  <a:pos x="44" y="48"/>
                </a:cxn>
                <a:cxn ang="0">
                  <a:pos x="52" y="48"/>
                </a:cxn>
                <a:cxn ang="0">
                  <a:pos x="56" y="59"/>
                </a:cxn>
                <a:cxn ang="0">
                  <a:pos x="56" y="66"/>
                </a:cxn>
                <a:cxn ang="0">
                  <a:pos x="62" y="73"/>
                </a:cxn>
                <a:cxn ang="0">
                  <a:pos x="68" y="73"/>
                </a:cxn>
                <a:cxn ang="0">
                  <a:pos x="67" y="79"/>
                </a:cxn>
                <a:cxn ang="0">
                  <a:pos x="59" y="87"/>
                </a:cxn>
                <a:cxn ang="0">
                  <a:pos x="55" y="90"/>
                </a:cxn>
                <a:cxn ang="0">
                  <a:pos x="47" y="93"/>
                </a:cxn>
                <a:cxn ang="0">
                  <a:pos x="44" y="102"/>
                </a:cxn>
                <a:cxn ang="0">
                  <a:pos x="44" y="108"/>
                </a:cxn>
                <a:cxn ang="0">
                  <a:pos x="50" y="121"/>
                </a:cxn>
                <a:cxn ang="0">
                  <a:pos x="52" y="129"/>
                </a:cxn>
                <a:cxn ang="0">
                  <a:pos x="49" y="136"/>
                </a:cxn>
                <a:cxn ang="0">
                  <a:pos x="55" y="158"/>
                </a:cxn>
                <a:cxn ang="0">
                  <a:pos x="59" y="169"/>
                </a:cxn>
                <a:cxn ang="0">
                  <a:pos x="55" y="180"/>
                </a:cxn>
                <a:cxn ang="0">
                  <a:pos x="50" y="188"/>
                </a:cxn>
                <a:cxn ang="0">
                  <a:pos x="52" y="172"/>
                </a:cxn>
                <a:cxn ang="0">
                  <a:pos x="52" y="161"/>
                </a:cxn>
                <a:cxn ang="0">
                  <a:pos x="47" y="149"/>
                </a:cxn>
                <a:cxn ang="0">
                  <a:pos x="42" y="127"/>
                </a:cxn>
                <a:cxn ang="0">
                  <a:pos x="41" y="122"/>
                </a:cxn>
                <a:cxn ang="0">
                  <a:pos x="38" y="115"/>
                </a:cxn>
                <a:cxn ang="0">
                  <a:pos x="24" y="132"/>
                </a:cxn>
                <a:cxn ang="0">
                  <a:pos x="20" y="127"/>
                </a:cxn>
                <a:cxn ang="0">
                  <a:pos x="20" y="116"/>
                </a:cxn>
                <a:cxn ang="0">
                  <a:pos x="13" y="101"/>
                </a:cxn>
                <a:cxn ang="0">
                  <a:pos x="13" y="96"/>
                </a:cxn>
                <a:cxn ang="0">
                  <a:pos x="7" y="90"/>
                </a:cxn>
                <a:cxn ang="0">
                  <a:pos x="0" y="79"/>
                </a:cxn>
              </a:cxnLst>
              <a:rect l="0" t="0" r="r" b="b"/>
              <a:pathLst>
                <a:path w="72" h="191">
                  <a:moveTo>
                    <a:pt x="3" y="69"/>
                  </a:moveTo>
                  <a:cubicBezTo>
                    <a:pt x="6" y="65"/>
                    <a:pt x="4" y="73"/>
                    <a:pt x="7" y="68"/>
                  </a:cubicBezTo>
                  <a:cubicBezTo>
                    <a:pt x="9" y="63"/>
                    <a:pt x="7" y="65"/>
                    <a:pt x="7" y="62"/>
                  </a:cubicBezTo>
                  <a:cubicBezTo>
                    <a:pt x="7" y="54"/>
                    <a:pt x="10" y="65"/>
                    <a:pt x="9" y="52"/>
                  </a:cubicBezTo>
                  <a:cubicBezTo>
                    <a:pt x="9" y="45"/>
                    <a:pt x="9" y="48"/>
                    <a:pt x="12" y="49"/>
                  </a:cubicBezTo>
                  <a:cubicBezTo>
                    <a:pt x="15" y="49"/>
                    <a:pt x="15" y="54"/>
                    <a:pt x="16" y="46"/>
                  </a:cubicBezTo>
                  <a:cubicBezTo>
                    <a:pt x="18" y="40"/>
                    <a:pt x="23" y="40"/>
                    <a:pt x="20" y="37"/>
                  </a:cubicBezTo>
                  <a:cubicBezTo>
                    <a:pt x="18" y="35"/>
                    <a:pt x="21" y="35"/>
                    <a:pt x="24" y="29"/>
                  </a:cubicBezTo>
                  <a:cubicBezTo>
                    <a:pt x="26" y="24"/>
                    <a:pt x="23" y="26"/>
                    <a:pt x="24" y="23"/>
                  </a:cubicBezTo>
                  <a:cubicBezTo>
                    <a:pt x="24" y="20"/>
                    <a:pt x="24" y="23"/>
                    <a:pt x="27" y="20"/>
                  </a:cubicBezTo>
                  <a:cubicBezTo>
                    <a:pt x="30" y="17"/>
                    <a:pt x="35" y="12"/>
                    <a:pt x="38" y="15"/>
                  </a:cubicBezTo>
                  <a:cubicBezTo>
                    <a:pt x="39" y="18"/>
                    <a:pt x="41" y="18"/>
                    <a:pt x="38" y="14"/>
                  </a:cubicBezTo>
                  <a:cubicBezTo>
                    <a:pt x="36" y="11"/>
                    <a:pt x="42" y="11"/>
                    <a:pt x="41" y="6"/>
                  </a:cubicBezTo>
                  <a:cubicBezTo>
                    <a:pt x="42" y="4"/>
                    <a:pt x="41" y="0"/>
                    <a:pt x="46" y="4"/>
                  </a:cubicBezTo>
                  <a:cubicBezTo>
                    <a:pt x="50" y="7"/>
                    <a:pt x="47" y="14"/>
                    <a:pt x="50" y="12"/>
                  </a:cubicBezTo>
                  <a:cubicBezTo>
                    <a:pt x="52" y="11"/>
                    <a:pt x="53" y="14"/>
                    <a:pt x="52" y="15"/>
                  </a:cubicBezTo>
                  <a:cubicBezTo>
                    <a:pt x="50" y="17"/>
                    <a:pt x="53" y="18"/>
                    <a:pt x="52" y="23"/>
                  </a:cubicBezTo>
                  <a:cubicBezTo>
                    <a:pt x="50" y="28"/>
                    <a:pt x="53" y="31"/>
                    <a:pt x="52" y="31"/>
                  </a:cubicBezTo>
                  <a:cubicBezTo>
                    <a:pt x="49" y="31"/>
                    <a:pt x="50" y="34"/>
                    <a:pt x="49" y="32"/>
                  </a:cubicBezTo>
                  <a:cubicBezTo>
                    <a:pt x="47" y="32"/>
                    <a:pt x="49" y="35"/>
                    <a:pt x="46" y="35"/>
                  </a:cubicBezTo>
                  <a:cubicBezTo>
                    <a:pt x="42" y="37"/>
                    <a:pt x="46" y="40"/>
                    <a:pt x="44" y="41"/>
                  </a:cubicBezTo>
                  <a:cubicBezTo>
                    <a:pt x="39" y="43"/>
                    <a:pt x="46" y="46"/>
                    <a:pt x="44" y="48"/>
                  </a:cubicBezTo>
                  <a:cubicBezTo>
                    <a:pt x="42" y="49"/>
                    <a:pt x="42" y="51"/>
                    <a:pt x="46" y="49"/>
                  </a:cubicBezTo>
                  <a:cubicBezTo>
                    <a:pt x="49" y="46"/>
                    <a:pt x="50" y="49"/>
                    <a:pt x="52" y="48"/>
                  </a:cubicBezTo>
                  <a:cubicBezTo>
                    <a:pt x="55" y="46"/>
                    <a:pt x="50" y="49"/>
                    <a:pt x="52" y="52"/>
                  </a:cubicBezTo>
                  <a:cubicBezTo>
                    <a:pt x="53" y="56"/>
                    <a:pt x="52" y="59"/>
                    <a:pt x="56" y="59"/>
                  </a:cubicBezTo>
                  <a:cubicBezTo>
                    <a:pt x="61" y="59"/>
                    <a:pt x="58" y="59"/>
                    <a:pt x="56" y="60"/>
                  </a:cubicBezTo>
                  <a:cubicBezTo>
                    <a:pt x="56" y="63"/>
                    <a:pt x="58" y="62"/>
                    <a:pt x="56" y="66"/>
                  </a:cubicBezTo>
                  <a:cubicBezTo>
                    <a:pt x="55" y="69"/>
                    <a:pt x="59" y="68"/>
                    <a:pt x="61" y="68"/>
                  </a:cubicBezTo>
                  <a:cubicBezTo>
                    <a:pt x="62" y="69"/>
                    <a:pt x="61" y="71"/>
                    <a:pt x="62" y="73"/>
                  </a:cubicBezTo>
                  <a:cubicBezTo>
                    <a:pt x="64" y="73"/>
                    <a:pt x="62" y="76"/>
                    <a:pt x="64" y="74"/>
                  </a:cubicBezTo>
                  <a:cubicBezTo>
                    <a:pt x="65" y="74"/>
                    <a:pt x="65" y="77"/>
                    <a:pt x="68" y="73"/>
                  </a:cubicBezTo>
                  <a:cubicBezTo>
                    <a:pt x="72" y="69"/>
                    <a:pt x="72" y="73"/>
                    <a:pt x="72" y="74"/>
                  </a:cubicBezTo>
                  <a:cubicBezTo>
                    <a:pt x="70" y="76"/>
                    <a:pt x="67" y="74"/>
                    <a:pt x="67" y="79"/>
                  </a:cubicBezTo>
                  <a:cubicBezTo>
                    <a:pt x="65" y="84"/>
                    <a:pt x="64" y="79"/>
                    <a:pt x="64" y="85"/>
                  </a:cubicBezTo>
                  <a:cubicBezTo>
                    <a:pt x="61" y="85"/>
                    <a:pt x="62" y="87"/>
                    <a:pt x="59" y="87"/>
                  </a:cubicBezTo>
                  <a:cubicBezTo>
                    <a:pt x="56" y="85"/>
                    <a:pt x="59" y="88"/>
                    <a:pt x="58" y="88"/>
                  </a:cubicBezTo>
                  <a:cubicBezTo>
                    <a:pt x="56" y="90"/>
                    <a:pt x="56" y="87"/>
                    <a:pt x="55" y="90"/>
                  </a:cubicBezTo>
                  <a:cubicBezTo>
                    <a:pt x="55" y="93"/>
                    <a:pt x="53" y="91"/>
                    <a:pt x="50" y="93"/>
                  </a:cubicBezTo>
                  <a:cubicBezTo>
                    <a:pt x="47" y="94"/>
                    <a:pt x="47" y="90"/>
                    <a:pt x="47" y="93"/>
                  </a:cubicBezTo>
                  <a:cubicBezTo>
                    <a:pt x="46" y="96"/>
                    <a:pt x="44" y="94"/>
                    <a:pt x="46" y="97"/>
                  </a:cubicBezTo>
                  <a:cubicBezTo>
                    <a:pt x="47" y="101"/>
                    <a:pt x="42" y="97"/>
                    <a:pt x="44" y="102"/>
                  </a:cubicBezTo>
                  <a:cubicBezTo>
                    <a:pt x="46" y="107"/>
                    <a:pt x="41" y="102"/>
                    <a:pt x="41" y="105"/>
                  </a:cubicBezTo>
                  <a:cubicBezTo>
                    <a:pt x="42" y="108"/>
                    <a:pt x="44" y="104"/>
                    <a:pt x="44" y="108"/>
                  </a:cubicBezTo>
                  <a:cubicBezTo>
                    <a:pt x="44" y="113"/>
                    <a:pt x="46" y="115"/>
                    <a:pt x="49" y="118"/>
                  </a:cubicBezTo>
                  <a:cubicBezTo>
                    <a:pt x="50" y="121"/>
                    <a:pt x="50" y="118"/>
                    <a:pt x="50" y="121"/>
                  </a:cubicBezTo>
                  <a:cubicBezTo>
                    <a:pt x="50" y="124"/>
                    <a:pt x="52" y="127"/>
                    <a:pt x="52" y="127"/>
                  </a:cubicBezTo>
                  <a:cubicBezTo>
                    <a:pt x="55" y="122"/>
                    <a:pt x="55" y="129"/>
                    <a:pt x="52" y="129"/>
                  </a:cubicBezTo>
                  <a:cubicBezTo>
                    <a:pt x="50" y="129"/>
                    <a:pt x="52" y="136"/>
                    <a:pt x="50" y="136"/>
                  </a:cubicBezTo>
                  <a:cubicBezTo>
                    <a:pt x="49" y="135"/>
                    <a:pt x="50" y="138"/>
                    <a:pt x="49" y="136"/>
                  </a:cubicBezTo>
                  <a:cubicBezTo>
                    <a:pt x="47" y="136"/>
                    <a:pt x="47" y="141"/>
                    <a:pt x="52" y="146"/>
                  </a:cubicBezTo>
                  <a:cubicBezTo>
                    <a:pt x="56" y="150"/>
                    <a:pt x="58" y="153"/>
                    <a:pt x="55" y="158"/>
                  </a:cubicBezTo>
                  <a:cubicBezTo>
                    <a:pt x="58" y="163"/>
                    <a:pt x="58" y="166"/>
                    <a:pt x="58" y="167"/>
                  </a:cubicBezTo>
                  <a:cubicBezTo>
                    <a:pt x="58" y="169"/>
                    <a:pt x="59" y="167"/>
                    <a:pt x="59" y="169"/>
                  </a:cubicBezTo>
                  <a:cubicBezTo>
                    <a:pt x="59" y="172"/>
                    <a:pt x="61" y="170"/>
                    <a:pt x="59" y="172"/>
                  </a:cubicBezTo>
                  <a:cubicBezTo>
                    <a:pt x="56" y="175"/>
                    <a:pt x="58" y="175"/>
                    <a:pt x="55" y="180"/>
                  </a:cubicBezTo>
                  <a:cubicBezTo>
                    <a:pt x="52" y="183"/>
                    <a:pt x="53" y="183"/>
                    <a:pt x="52" y="186"/>
                  </a:cubicBezTo>
                  <a:cubicBezTo>
                    <a:pt x="52" y="189"/>
                    <a:pt x="50" y="191"/>
                    <a:pt x="50" y="188"/>
                  </a:cubicBezTo>
                  <a:cubicBezTo>
                    <a:pt x="50" y="178"/>
                    <a:pt x="52" y="181"/>
                    <a:pt x="52" y="178"/>
                  </a:cubicBezTo>
                  <a:cubicBezTo>
                    <a:pt x="52" y="175"/>
                    <a:pt x="55" y="172"/>
                    <a:pt x="52" y="172"/>
                  </a:cubicBezTo>
                  <a:cubicBezTo>
                    <a:pt x="49" y="172"/>
                    <a:pt x="53" y="169"/>
                    <a:pt x="52" y="167"/>
                  </a:cubicBezTo>
                  <a:cubicBezTo>
                    <a:pt x="50" y="166"/>
                    <a:pt x="52" y="164"/>
                    <a:pt x="52" y="161"/>
                  </a:cubicBezTo>
                  <a:cubicBezTo>
                    <a:pt x="50" y="160"/>
                    <a:pt x="50" y="157"/>
                    <a:pt x="49" y="153"/>
                  </a:cubicBezTo>
                  <a:cubicBezTo>
                    <a:pt x="47" y="149"/>
                    <a:pt x="47" y="158"/>
                    <a:pt x="47" y="149"/>
                  </a:cubicBezTo>
                  <a:cubicBezTo>
                    <a:pt x="47" y="146"/>
                    <a:pt x="44" y="144"/>
                    <a:pt x="44" y="136"/>
                  </a:cubicBezTo>
                  <a:cubicBezTo>
                    <a:pt x="44" y="130"/>
                    <a:pt x="42" y="130"/>
                    <a:pt x="42" y="127"/>
                  </a:cubicBezTo>
                  <a:cubicBezTo>
                    <a:pt x="42" y="125"/>
                    <a:pt x="46" y="124"/>
                    <a:pt x="44" y="124"/>
                  </a:cubicBezTo>
                  <a:cubicBezTo>
                    <a:pt x="42" y="124"/>
                    <a:pt x="41" y="125"/>
                    <a:pt x="41" y="122"/>
                  </a:cubicBezTo>
                  <a:cubicBezTo>
                    <a:pt x="39" y="118"/>
                    <a:pt x="39" y="119"/>
                    <a:pt x="39" y="118"/>
                  </a:cubicBezTo>
                  <a:cubicBezTo>
                    <a:pt x="39" y="116"/>
                    <a:pt x="38" y="116"/>
                    <a:pt x="38" y="115"/>
                  </a:cubicBezTo>
                  <a:cubicBezTo>
                    <a:pt x="39" y="122"/>
                    <a:pt x="35" y="124"/>
                    <a:pt x="32" y="125"/>
                  </a:cubicBezTo>
                  <a:cubicBezTo>
                    <a:pt x="27" y="127"/>
                    <a:pt x="27" y="135"/>
                    <a:pt x="24" y="132"/>
                  </a:cubicBezTo>
                  <a:cubicBezTo>
                    <a:pt x="21" y="129"/>
                    <a:pt x="23" y="133"/>
                    <a:pt x="20" y="130"/>
                  </a:cubicBezTo>
                  <a:cubicBezTo>
                    <a:pt x="18" y="129"/>
                    <a:pt x="21" y="127"/>
                    <a:pt x="20" y="127"/>
                  </a:cubicBezTo>
                  <a:cubicBezTo>
                    <a:pt x="18" y="125"/>
                    <a:pt x="18" y="130"/>
                    <a:pt x="16" y="130"/>
                  </a:cubicBezTo>
                  <a:cubicBezTo>
                    <a:pt x="15" y="130"/>
                    <a:pt x="18" y="122"/>
                    <a:pt x="20" y="116"/>
                  </a:cubicBezTo>
                  <a:cubicBezTo>
                    <a:pt x="21" y="111"/>
                    <a:pt x="16" y="105"/>
                    <a:pt x="15" y="101"/>
                  </a:cubicBezTo>
                  <a:cubicBezTo>
                    <a:pt x="15" y="96"/>
                    <a:pt x="13" y="99"/>
                    <a:pt x="13" y="101"/>
                  </a:cubicBezTo>
                  <a:cubicBezTo>
                    <a:pt x="13" y="102"/>
                    <a:pt x="9" y="97"/>
                    <a:pt x="10" y="96"/>
                  </a:cubicBezTo>
                  <a:cubicBezTo>
                    <a:pt x="12" y="94"/>
                    <a:pt x="12" y="97"/>
                    <a:pt x="13" y="96"/>
                  </a:cubicBezTo>
                  <a:cubicBezTo>
                    <a:pt x="16" y="94"/>
                    <a:pt x="13" y="94"/>
                    <a:pt x="12" y="93"/>
                  </a:cubicBezTo>
                  <a:cubicBezTo>
                    <a:pt x="10" y="90"/>
                    <a:pt x="9" y="87"/>
                    <a:pt x="7" y="90"/>
                  </a:cubicBezTo>
                  <a:cubicBezTo>
                    <a:pt x="7" y="93"/>
                    <a:pt x="7" y="90"/>
                    <a:pt x="4" y="87"/>
                  </a:cubicBezTo>
                  <a:cubicBezTo>
                    <a:pt x="1" y="84"/>
                    <a:pt x="1" y="79"/>
                    <a:pt x="0" y="79"/>
                  </a:cubicBezTo>
                  <a:cubicBezTo>
                    <a:pt x="0" y="68"/>
                    <a:pt x="4" y="85"/>
                    <a:pt x="3" y="69"/>
                  </a:cubicBezTo>
                </a:path>
              </a:pathLst>
            </a:custGeom>
            <a:solidFill>
              <a:schemeClr val="accent5"/>
            </a:solidFill>
            <a:ln w="6350" cmpd="sng">
              <a:solidFill>
                <a:schemeClr val="bg1"/>
              </a:solidFill>
              <a:round/>
              <a:headEnd/>
              <a:tailEnd/>
            </a:ln>
          </p:spPr>
          <p:txBody>
            <a:bodyPr/>
            <a:lstStyle/>
            <a:p>
              <a:endParaRPr lang="en-GB" sz="1633" dirty="0"/>
            </a:p>
          </p:txBody>
        </p:sp>
        <p:sp>
          <p:nvSpPr>
            <p:cNvPr id="118" name="Freeform 68"/>
            <p:cNvSpPr>
              <a:spLocks/>
            </p:cNvSpPr>
            <p:nvPr/>
          </p:nvSpPr>
          <p:spPr bwMode="auto">
            <a:xfrm>
              <a:off x="7931085" y="4506049"/>
              <a:ext cx="208881" cy="461138"/>
            </a:xfrm>
            <a:custGeom>
              <a:avLst/>
              <a:gdLst/>
              <a:ahLst/>
              <a:cxnLst>
                <a:cxn ang="0">
                  <a:pos x="41" y="82"/>
                </a:cxn>
                <a:cxn ang="0">
                  <a:pos x="32" y="78"/>
                </a:cxn>
                <a:cxn ang="0">
                  <a:pos x="26" y="69"/>
                </a:cxn>
                <a:cxn ang="0">
                  <a:pos x="18" y="89"/>
                </a:cxn>
                <a:cxn ang="0">
                  <a:pos x="15" y="110"/>
                </a:cxn>
                <a:cxn ang="0">
                  <a:pos x="23" y="120"/>
                </a:cxn>
                <a:cxn ang="0">
                  <a:pos x="34" y="135"/>
                </a:cxn>
                <a:cxn ang="0">
                  <a:pos x="35" y="145"/>
                </a:cxn>
                <a:cxn ang="0">
                  <a:pos x="30" y="142"/>
                </a:cxn>
                <a:cxn ang="0">
                  <a:pos x="24" y="137"/>
                </a:cxn>
                <a:cxn ang="0">
                  <a:pos x="20" y="135"/>
                </a:cxn>
                <a:cxn ang="0">
                  <a:pos x="15" y="129"/>
                </a:cxn>
                <a:cxn ang="0">
                  <a:pos x="8" y="121"/>
                </a:cxn>
                <a:cxn ang="0">
                  <a:pos x="9" y="109"/>
                </a:cxn>
                <a:cxn ang="0">
                  <a:pos x="11" y="101"/>
                </a:cxn>
                <a:cxn ang="0">
                  <a:pos x="18" y="87"/>
                </a:cxn>
                <a:cxn ang="0">
                  <a:pos x="17" y="82"/>
                </a:cxn>
                <a:cxn ang="0">
                  <a:pos x="11" y="61"/>
                </a:cxn>
                <a:cxn ang="0">
                  <a:pos x="9" y="51"/>
                </a:cxn>
                <a:cxn ang="0">
                  <a:pos x="11" y="42"/>
                </a:cxn>
                <a:cxn ang="0">
                  <a:pos x="8" y="33"/>
                </a:cxn>
                <a:cxn ang="0">
                  <a:pos x="0" y="20"/>
                </a:cxn>
                <a:cxn ang="0">
                  <a:pos x="5" y="13"/>
                </a:cxn>
                <a:cxn ang="0">
                  <a:pos x="9" y="8"/>
                </a:cxn>
                <a:cxn ang="0">
                  <a:pos x="17" y="3"/>
                </a:cxn>
                <a:cxn ang="0">
                  <a:pos x="23" y="0"/>
                </a:cxn>
                <a:cxn ang="0">
                  <a:pos x="26" y="9"/>
                </a:cxn>
                <a:cxn ang="0">
                  <a:pos x="32" y="13"/>
                </a:cxn>
                <a:cxn ang="0">
                  <a:pos x="29" y="30"/>
                </a:cxn>
                <a:cxn ang="0">
                  <a:pos x="41" y="25"/>
                </a:cxn>
                <a:cxn ang="0">
                  <a:pos x="50" y="20"/>
                </a:cxn>
                <a:cxn ang="0">
                  <a:pos x="59" y="36"/>
                </a:cxn>
                <a:cxn ang="0">
                  <a:pos x="65" y="56"/>
                </a:cxn>
                <a:cxn ang="0">
                  <a:pos x="58" y="61"/>
                </a:cxn>
                <a:cxn ang="0">
                  <a:pos x="41" y="69"/>
                </a:cxn>
                <a:cxn ang="0">
                  <a:pos x="43" y="79"/>
                </a:cxn>
              </a:cxnLst>
              <a:rect l="0" t="0" r="r" b="b"/>
              <a:pathLst>
                <a:path w="67" h="148">
                  <a:moveTo>
                    <a:pt x="44" y="87"/>
                  </a:moveTo>
                  <a:cubicBezTo>
                    <a:pt x="43" y="87"/>
                    <a:pt x="44" y="84"/>
                    <a:pt x="41" y="82"/>
                  </a:cubicBezTo>
                  <a:cubicBezTo>
                    <a:pt x="40" y="82"/>
                    <a:pt x="38" y="79"/>
                    <a:pt x="35" y="78"/>
                  </a:cubicBezTo>
                  <a:cubicBezTo>
                    <a:pt x="34" y="76"/>
                    <a:pt x="34" y="79"/>
                    <a:pt x="32" y="78"/>
                  </a:cubicBezTo>
                  <a:cubicBezTo>
                    <a:pt x="29" y="76"/>
                    <a:pt x="27" y="81"/>
                    <a:pt x="27" y="76"/>
                  </a:cubicBezTo>
                  <a:cubicBezTo>
                    <a:pt x="29" y="70"/>
                    <a:pt x="30" y="69"/>
                    <a:pt x="26" y="69"/>
                  </a:cubicBezTo>
                  <a:cubicBezTo>
                    <a:pt x="21" y="69"/>
                    <a:pt x="20" y="72"/>
                    <a:pt x="21" y="73"/>
                  </a:cubicBezTo>
                  <a:cubicBezTo>
                    <a:pt x="23" y="73"/>
                    <a:pt x="20" y="86"/>
                    <a:pt x="18" y="89"/>
                  </a:cubicBezTo>
                  <a:cubicBezTo>
                    <a:pt x="18" y="90"/>
                    <a:pt x="18" y="95"/>
                    <a:pt x="17" y="96"/>
                  </a:cubicBezTo>
                  <a:cubicBezTo>
                    <a:pt x="14" y="100"/>
                    <a:pt x="15" y="109"/>
                    <a:pt x="15" y="110"/>
                  </a:cubicBezTo>
                  <a:cubicBezTo>
                    <a:pt x="15" y="115"/>
                    <a:pt x="20" y="109"/>
                    <a:pt x="20" y="112"/>
                  </a:cubicBezTo>
                  <a:cubicBezTo>
                    <a:pt x="20" y="115"/>
                    <a:pt x="21" y="120"/>
                    <a:pt x="23" y="120"/>
                  </a:cubicBezTo>
                  <a:cubicBezTo>
                    <a:pt x="24" y="118"/>
                    <a:pt x="24" y="129"/>
                    <a:pt x="27" y="132"/>
                  </a:cubicBezTo>
                  <a:cubicBezTo>
                    <a:pt x="32" y="138"/>
                    <a:pt x="30" y="132"/>
                    <a:pt x="34" y="135"/>
                  </a:cubicBezTo>
                  <a:cubicBezTo>
                    <a:pt x="37" y="138"/>
                    <a:pt x="37" y="140"/>
                    <a:pt x="38" y="142"/>
                  </a:cubicBezTo>
                  <a:cubicBezTo>
                    <a:pt x="37" y="146"/>
                    <a:pt x="37" y="146"/>
                    <a:pt x="35" y="145"/>
                  </a:cubicBezTo>
                  <a:cubicBezTo>
                    <a:pt x="32" y="142"/>
                    <a:pt x="32" y="148"/>
                    <a:pt x="30" y="146"/>
                  </a:cubicBezTo>
                  <a:cubicBezTo>
                    <a:pt x="29" y="145"/>
                    <a:pt x="30" y="143"/>
                    <a:pt x="30" y="142"/>
                  </a:cubicBezTo>
                  <a:cubicBezTo>
                    <a:pt x="30" y="138"/>
                    <a:pt x="29" y="142"/>
                    <a:pt x="27" y="140"/>
                  </a:cubicBezTo>
                  <a:cubicBezTo>
                    <a:pt x="27" y="137"/>
                    <a:pt x="26" y="138"/>
                    <a:pt x="24" y="137"/>
                  </a:cubicBezTo>
                  <a:cubicBezTo>
                    <a:pt x="23" y="135"/>
                    <a:pt x="23" y="135"/>
                    <a:pt x="23" y="138"/>
                  </a:cubicBezTo>
                  <a:cubicBezTo>
                    <a:pt x="21" y="137"/>
                    <a:pt x="21" y="137"/>
                    <a:pt x="20" y="135"/>
                  </a:cubicBezTo>
                  <a:cubicBezTo>
                    <a:pt x="18" y="134"/>
                    <a:pt x="18" y="132"/>
                    <a:pt x="18" y="131"/>
                  </a:cubicBezTo>
                  <a:cubicBezTo>
                    <a:pt x="18" y="131"/>
                    <a:pt x="17" y="132"/>
                    <a:pt x="15" y="129"/>
                  </a:cubicBezTo>
                  <a:cubicBezTo>
                    <a:pt x="12" y="126"/>
                    <a:pt x="12" y="121"/>
                    <a:pt x="11" y="120"/>
                  </a:cubicBezTo>
                  <a:cubicBezTo>
                    <a:pt x="9" y="120"/>
                    <a:pt x="9" y="124"/>
                    <a:pt x="8" y="121"/>
                  </a:cubicBezTo>
                  <a:cubicBezTo>
                    <a:pt x="8" y="121"/>
                    <a:pt x="6" y="118"/>
                    <a:pt x="8" y="115"/>
                  </a:cubicBezTo>
                  <a:cubicBezTo>
                    <a:pt x="9" y="112"/>
                    <a:pt x="8" y="114"/>
                    <a:pt x="9" y="109"/>
                  </a:cubicBezTo>
                  <a:cubicBezTo>
                    <a:pt x="11" y="107"/>
                    <a:pt x="8" y="109"/>
                    <a:pt x="9" y="106"/>
                  </a:cubicBezTo>
                  <a:cubicBezTo>
                    <a:pt x="11" y="103"/>
                    <a:pt x="12" y="103"/>
                    <a:pt x="11" y="101"/>
                  </a:cubicBezTo>
                  <a:cubicBezTo>
                    <a:pt x="12" y="98"/>
                    <a:pt x="11" y="98"/>
                    <a:pt x="14" y="95"/>
                  </a:cubicBezTo>
                  <a:cubicBezTo>
                    <a:pt x="17" y="90"/>
                    <a:pt x="15" y="90"/>
                    <a:pt x="18" y="87"/>
                  </a:cubicBezTo>
                  <a:cubicBezTo>
                    <a:pt x="20" y="86"/>
                    <a:pt x="18" y="87"/>
                    <a:pt x="18" y="84"/>
                  </a:cubicBezTo>
                  <a:cubicBezTo>
                    <a:pt x="18" y="82"/>
                    <a:pt x="17" y="84"/>
                    <a:pt x="17" y="82"/>
                  </a:cubicBezTo>
                  <a:cubicBezTo>
                    <a:pt x="17" y="81"/>
                    <a:pt x="17" y="78"/>
                    <a:pt x="14" y="73"/>
                  </a:cubicBezTo>
                  <a:cubicBezTo>
                    <a:pt x="17" y="69"/>
                    <a:pt x="15" y="65"/>
                    <a:pt x="11" y="61"/>
                  </a:cubicBezTo>
                  <a:cubicBezTo>
                    <a:pt x="6" y="56"/>
                    <a:pt x="6" y="51"/>
                    <a:pt x="8" y="51"/>
                  </a:cubicBezTo>
                  <a:cubicBezTo>
                    <a:pt x="9" y="53"/>
                    <a:pt x="8" y="50"/>
                    <a:pt x="9" y="51"/>
                  </a:cubicBezTo>
                  <a:cubicBezTo>
                    <a:pt x="11" y="51"/>
                    <a:pt x="9" y="44"/>
                    <a:pt x="11" y="44"/>
                  </a:cubicBezTo>
                  <a:cubicBezTo>
                    <a:pt x="14" y="44"/>
                    <a:pt x="14" y="37"/>
                    <a:pt x="11" y="42"/>
                  </a:cubicBezTo>
                  <a:cubicBezTo>
                    <a:pt x="11" y="42"/>
                    <a:pt x="9" y="39"/>
                    <a:pt x="9" y="36"/>
                  </a:cubicBezTo>
                  <a:cubicBezTo>
                    <a:pt x="9" y="33"/>
                    <a:pt x="9" y="36"/>
                    <a:pt x="8" y="33"/>
                  </a:cubicBezTo>
                  <a:cubicBezTo>
                    <a:pt x="5" y="30"/>
                    <a:pt x="3" y="28"/>
                    <a:pt x="3" y="23"/>
                  </a:cubicBezTo>
                  <a:cubicBezTo>
                    <a:pt x="3" y="19"/>
                    <a:pt x="2" y="23"/>
                    <a:pt x="0" y="20"/>
                  </a:cubicBezTo>
                  <a:cubicBezTo>
                    <a:pt x="0" y="17"/>
                    <a:pt x="5" y="22"/>
                    <a:pt x="3" y="17"/>
                  </a:cubicBezTo>
                  <a:cubicBezTo>
                    <a:pt x="2" y="13"/>
                    <a:pt x="6" y="16"/>
                    <a:pt x="5" y="13"/>
                  </a:cubicBezTo>
                  <a:cubicBezTo>
                    <a:pt x="3" y="9"/>
                    <a:pt x="5" y="11"/>
                    <a:pt x="6" y="8"/>
                  </a:cubicBezTo>
                  <a:cubicBezTo>
                    <a:pt x="6" y="5"/>
                    <a:pt x="6" y="9"/>
                    <a:pt x="9" y="8"/>
                  </a:cubicBezTo>
                  <a:cubicBezTo>
                    <a:pt x="12" y="6"/>
                    <a:pt x="14" y="8"/>
                    <a:pt x="14" y="5"/>
                  </a:cubicBezTo>
                  <a:cubicBezTo>
                    <a:pt x="15" y="2"/>
                    <a:pt x="15" y="5"/>
                    <a:pt x="17" y="3"/>
                  </a:cubicBezTo>
                  <a:cubicBezTo>
                    <a:pt x="18" y="3"/>
                    <a:pt x="15" y="0"/>
                    <a:pt x="18" y="2"/>
                  </a:cubicBezTo>
                  <a:cubicBezTo>
                    <a:pt x="21" y="2"/>
                    <a:pt x="20" y="0"/>
                    <a:pt x="23" y="0"/>
                  </a:cubicBezTo>
                  <a:cubicBezTo>
                    <a:pt x="23" y="3"/>
                    <a:pt x="23" y="0"/>
                    <a:pt x="24" y="2"/>
                  </a:cubicBezTo>
                  <a:cubicBezTo>
                    <a:pt x="27" y="5"/>
                    <a:pt x="23" y="9"/>
                    <a:pt x="26" y="9"/>
                  </a:cubicBezTo>
                  <a:cubicBezTo>
                    <a:pt x="29" y="9"/>
                    <a:pt x="27" y="8"/>
                    <a:pt x="30" y="8"/>
                  </a:cubicBezTo>
                  <a:cubicBezTo>
                    <a:pt x="34" y="9"/>
                    <a:pt x="30" y="11"/>
                    <a:pt x="32" y="13"/>
                  </a:cubicBezTo>
                  <a:cubicBezTo>
                    <a:pt x="34" y="16"/>
                    <a:pt x="29" y="20"/>
                    <a:pt x="30" y="22"/>
                  </a:cubicBezTo>
                  <a:cubicBezTo>
                    <a:pt x="32" y="23"/>
                    <a:pt x="27" y="28"/>
                    <a:pt x="29" y="30"/>
                  </a:cubicBezTo>
                  <a:cubicBezTo>
                    <a:pt x="30" y="30"/>
                    <a:pt x="30" y="30"/>
                    <a:pt x="35" y="25"/>
                  </a:cubicBezTo>
                  <a:cubicBezTo>
                    <a:pt x="40" y="20"/>
                    <a:pt x="38" y="25"/>
                    <a:pt x="41" y="25"/>
                  </a:cubicBezTo>
                  <a:cubicBezTo>
                    <a:pt x="43" y="25"/>
                    <a:pt x="41" y="26"/>
                    <a:pt x="43" y="25"/>
                  </a:cubicBezTo>
                  <a:cubicBezTo>
                    <a:pt x="47" y="23"/>
                    <a:pt x="46" y="19"/>
                    <a:pt x="50" y="20"/>
                  </a:cubicBezTo>
                  <a:cubicBezTo>
                    <a:pt x="53" y="22"/>
                    <a:pt x="53" y="20"/>
                    <a:pt x="55" y="23"/>
                  </a:cubicBezTo>
                  <a:cubicBezTo>
                    <a:pt x="56" y="30"/>
                    <a:pt x="61" y="28"/>
                    <a:pt x="59" y="36"/>
                  </a:cubicBezTo>
                  <a:cubicBezTo>
                    <a:pt x="58" y="44"/>
                    <a:pt x="64" y="44"/>
                    <a:pt x="64" y="45"/>
                  </a:cubicBezTo>
                  <a:cubicBezTo>
                    <a:pt x="64" y="47"/>
                    <a:pt x="67" y="47"/>
                    <a:pt x="65" y="56"/>
                  </a:cubicBezTo>
                  <a:cubicBezTo>
                    <a:pt x="65" y="58"/>
                    <a:pt x="67" y="59"/>
                    <a:pt x="62" y="61"/>
                  </a:cubicBezTo>
                  <a:cubicBezTo>
                    <a:pt x="61" y="62"/>
                    <a:pt x="62" y="59"/>
                    <a:pt x="58" y="61"/>
                  </a:cubicBezTo>
                  <a:cubicBezTo>
                    <a:pt x="53" y="61"/>
                    <a:pt x="46" y="59"/>
                    <a:pt x="44" y="64"/>
                  </a:cubicBezTo>
                  <a:cubicBezTo>
                    <a:pt x="43" y="69"/>
                    <a:pt x="41" y="67"/>
                    <a:pt x="41" y="69"/>
                  </a:cubicBezTo>
                  <a:cubicBezTo>
                    <a:pt x="41" y="70"/>
                    <a:pt x="38" y="67"/>
                    <a:pt x="40" y="72"/>
                  </a:cubicBezTo>
                  <a:cubicBezTo>
                    <a:pt x="43" y="76"/>
                    <a:pt x="40" y="78"/>
                    <a:pt x="43" y="79"/>
                  </a:cubicBezTo>
                  <a:cubicBezTo>
                    <a:pt x="44" y="81"/>
                    <a:pt x="41" y="82"/>
                    <a:pt x="44" y="87"/>
                  </a:cubicBezTo>
                </a:path>
              </a:pathLst>
            </a:custGeom>
            <a:solidFill>
              <a:schemeClr val="accent5"/>
            </a:solidFill>
            <a:ln w="6350" cmpd="sng">
              <a:solidFill>
                <a:schemeClr val="bg1"/>
              </a:solidFill>
              <a:round/>
              <a:headEnd/>
              <a:tailEnd/>
            </a:ln>
          </p:spPr>
          <p:txBody>
            <a:bodyPr/>
            <a:lstStyle/>
            <a:p>
              <a:endParaRPr lang="en-GB" sz="1633" dirty="0"/>
            </a:p>
          </p:txBody>
        </p:sp>
        <p:sp>
          <p:nvSpPr>
            <p:cNvPr id="119" name="Freeform 69"/>
            <p:cNvSpPr>
              <a:spLocks/>
            </p:cNvSpPr>
            <p:nvPr/>
          </p:nvSpPr>
          <p:spPr bwMode="auto">
            <a:xfrm>
              <a:off x="7812183" y="4719748"/>
              <a:ext cx="16068" cy="72304"/>
            </a:xfrm>
            <a:custGeom>
              <a:avLst/>
              <a:gdLst/>
              <a:ahLst/>
              <a:cxnLst>
                <a:cxn ang="0">
                  <a:pos x="3" y="0"/>
                </a:cxn>
                <a:cxn ang="0">
                  <a:pos x="3" y="6"/>
                </a:cxn>
                <a:cxn ang="0">
                  <a:pos x="3" y="11"/>
                </a:cxn>
                <a:cxn ang="0">
                  <a:pos x="3" y="15"/>
                </a:cxn>
                <a:cxn ang="0">
                  <a:pos x="1" y="20"/>
                </a:cxn>
                <a:cxn ang="0">
                  <a:pos x="1" y="9"/>
                </a:cxn>
                <a:cxn ang="0">
                  <a:pos x="3" y="0"/>
                </a:cxn>
              </a:cxnLst>
              <a:rect l="0" t="0" r="r" b="b"/>
              <a:pathLst>
                <a:path w="5" h="23">
                  <a:moveTo>
                    <a:pt x="3" y="0"/>
                  </a:moveTo>
                  <a:cubicBezTo>
                    <a:pt x="5" y="1"/>
                    <a:pt x="5" y="4"/>
                    <a:pt x="3" y="6"/>
                  </a:cubicBezTo>
                  <a:cubicBezTo>
                    <a:pt x="3" y="6"/>
                    <a:pt x="5" y="11"/>
                    <a:pt x="3" y="11"/>
                  </a:cubicBezTo>
                  <a:cubicBezTo>
                    <a:pt x="1" y="12"/>
                    <a:pt x="3" y="12"/>
                    <a:pt x="3" y="15"/>
                  </a:cubicBezTo>
                  <a:cubicBezTo>
                    <a:pt x="1" y="17"/>
                    <a:pt x="1" y="23"/>
                    <a:pt x="1" y="20"/>
                  </a:cubicBezTo>
                  <a:cubicBezTo>
                    <a:pt x="0" y="15"/>
                    <a:pt x="1" y="17"/>
                    <a:pt x="1" y="9"/>
                  </a:cubicBezTo>
                  <a:cubicBezTo>
                    <a:pt x="1" y="3"/>
                    <a:pt x="3" y="0"/>
                    <a:pt x="3" y="0"/>
                  </a:cubicBezTo>
                </a:path>
              </a:pathLst>
            </a:custGeom>
            <a:grpFill/>
            <a:ln w="6350" cmpd="sng">
              <a:solidFill>
                <a:schemeClr val="bg1"/>
              </a:solidFill>
              <a:round/>
              <a:headEnd/>
              <a:tailEnd/>
            </a:ln>
          </p:spPr>
          <p:txBody>
            <a:bodyPr/>
            <a:lstStyle/>
            <a:p>
              <a:endParaRPr lang="en-GB" sz="1633" dirty="0"/>
            </a:p>
          </p:txBody>
        </p:sp>
        <p:sp>
          <p:nvSpPr>
            <p:cNvPr id="120" name="Freeform 70"/>
            <p:cNvSpPr>
              <a:spLocks/>
            </p:cNvSpPr>
            <p:nvPr/>
          </p:nvSpPr>
          <p:spPr bwMode="auto">
            <a:xfrm>
              <a:off x="7805757" y="4801692"/>
              <a:ext cx="9641" cy="16068"/>
            </a:xfrm>
            <a:custGeom>
              <a:avLst/>
              <a:gdLst/>
              <a:ahLst/>
              <a:cxnLst>
                <a:cxn ang="0">
                  <a:pos x="2" y="0"/>
                </a:cxn>
                <a:cxn ang="0">
                  <a:pos x="0" y="5"/>
                </a:cxn>
                <a:cxn ang="0">
                  <a:pos x="2" y="0"/>
                </a:cxn>
              </a:cxnLst>
              <a:rect l="0" t="0" r="r" b="b"/>
              <a:pathLst>
                <a:path w="3" h="5">
                  <a:moveTo>
                    <a:pt x="2" y="0"/>
                  </a:moveTo>
                  <a:cubicBezTo>
                    <a:pt x="3" y="0"/>
                    <a:pt x="2" y="5"/>
                    <a:pt x="0" y="5"/>
                  </a:cubicBezTo>
                  <a:cubicBezTo>
                    <a:pt x="0" y="3"/>
                    <a:pt x="0" y="0"/>
                    <a:pt x="2" y="0"/>
                  </a:cubicBezTo>
                </a:path>
              </a:pathLst>
            </a:custGeom>
            <a:grpFill/>
            <a:ln w="6350" cmpd="sng">
              <a:solidFill>
                <a:schemeClr val="bg1"/>
              </a:solidFill>
              <a:round/>
              <a:headEnd/>
              <a:tailEnd/>
            </a:ln>
          </p:spPr>
          <p:txBody>
            <a:bodyPr/>
            <a:lstStyle/>
            <a:p>
              <a:endParaRPr lang="en-GB" sz="1633" dirty="0"/>
            </a:p>
          </p:txBody>
        </p:sp>
        <p:sp>
          <p:nvSpPr>
            <p:cNvPr id="121" name="Freeform 71"/>
            <p:cNvSpPr>
              <a:spLocks/>
            </p:cNvSpPr>
            <p:nvPr/>
          </p:nvSpPr>
          <p:spPr bwMode="auto">
            <a:xfrm>
              <a:off x="7837892" y="4914164"/>
              <a:ext cx="12854" cy="17674"/>
            </a:xfrm>
            <a:custGeom>
              <a:avLst/>
              <a:gdLst/>
              <a:ahLst/>
              <a:cxnLst>
                <a:cxn ang="0">
                  <a:pos x="1" y="1"/>
                </a:cxn>
                <a:cxn ang="0">
                  <a:pos x="3" y="4"/>
                </a:cxn>
                <a:cxn ang="0">
                  <a:pos x="1" y="1"/>
                </a:cxn>
              </a:cxnLst>
              <a:rect l="0" t="0" r="r" b="b"/>
              <a:pathLst>
                <a:path w="4" h="6">
                  <a:moveTo>
                    <a:pt x="1" y="1"/>
                  </a:moveTo>
                  <a:cubicBezTo>
                    <a:pt x="3" y="0"/>
                    <a:pt x="4" y="3"/>
                    <a:pt x="3" y="4"/>
                  </a:cubicBezTo>
                  <a:cubicBezTo>
                    <a:pt x="1" y="6"/>
                    <a:pt x="0" y="1"/>
                    <a:pt x="1" y="1"/>
                  </a:cubicBezTo>
                </a:path>
              </a:pathLst>
            </a:custGeom>
            <a:grpFill/>
            <a:ln w="6350" cmpd="sng">
              <a:solidFill>
                <a:schemeClr val="bg1"/>
              </a:solidFill>
              <a:round/>
              <a:headEnd/>
              <a:tailEnd/>
            </a:ln>
          </p:spPr>
          <p:txBody>
            <a:bodyPr/>
            <a:lstStyle/>
            <a:p>
              <a:endParaRPr lang="en-GB" sz="1633" dirty="0"/>
            </a:p>
          </p:txBody>
        </p:sp>
        <p:sp>
          <p:nvSpPr>
            <p:cNvPr id="122" name="Freeform 72"/>
            <p:cNvSpPr>
              <a:spLocks/>
            </p:cNvSpPr>
            <p:nvPr/>
          </p:nvSpPr>
          <p:spPr bwMode="auto">
            <a:xfrm>
              <a:off x="7812183" y="4848287"/>
              <a:ext cx="9641" cy="12854"/>
            </a:xfrm>
            <a:custGeom>
              <a:avLst/>
              <a:gdLst/>
              <a:ahLst/>
              <a:cxnLst>
                <a:cxn ang="0">
                  <a:pos x="1" y="0"/>
                </a:cxn>
                <a:cxn ang="0">
                  <a:pos x="1" y="4"/>
                </a:cxn>
                <a:cxn ang="0">
                  <a:pos x="1" y="0"/>
                </a:cxn>
              </a:cxnLst>
              <a:rect l="0" t="0" r="r" b="b"/>
              <a:pathLst>
                <a:path w="3" h="4">
                  <a:moveTo>
                    <a:pt x="1" y="0"/>
                  </a:moveTo>
                  <a:cubicBezTo>
                    <a:pt x="1" y="0"/>
                    <a:pt x="3" y="2"/>
                    <a:pt x="1" y="4"/>
                  </a:cubicBezTo>
                  <a:cubicBezTo>
                    <a:pt x="1" y="4"/>
                    <a:pt x="0" y="2"/>
                    <a:pt x="1" y="0"/>
                  </a:cubicBezTo>
                </a:path>
              </a:pathLst>
            </a:custGeom>
            <a:grpFill/>
            <a:ln w="6350" cmpd="sng">
              <a:solidFill>
                <a:schemeClr val="bg1"/>
              </a:solidFill>
              <a:round/>
              <a:headEnd/>
              <a:tailEnd/>
            </a:ln>
          </p:spPr>
          <p:txBody>
            <a:bodyPr/>
            <a:lstStyle/>
            <a:p>
              <a:endParaRPr lang="en-GB" sz="1633" dirty="0"/>
            </a:p>
          </p:txBody>
        </p:sp>
        <p:sp>
          <p:nvSpPr>
            <p:cNvPr id="123" name="Freeform 73"/>
            <p:cNvSpPr>
              <a:spLocks/>
            </p:cNvSpPr>
            <p:nvPr/>
          </p:nvSpPr>
          <p:spPr bwMode="auto">
            <a:xfrm>
              <a:off x="7831464" y="4888456"/>
              <a:ext cx="6427" cy="6427"/>
            </a:xfrm>
            <a:custGeom>
              <a:avLst/>
              <a:gdLst/>
              <a:ahLst/>
              <a:cxnLst>
                <a:cxn ang="0">
                  <a:pos x="0" y="2"/>
                </a:cxn>
                <a:cxn ang="0">
                  <a:pos x="2" y="0"/>
                </a:cxn>
                <a:cxn ang="0">
                  <a:pos x="0" y="2"/>
                </a:cxn>
              </a:cxnLst>
              <a:rect l="0" t="0" r="r" b="b"/>
              <a:pathLst>
                <a:path w="2" h="2">
                  <a:moveTo>
                    <a:pt x="0" y="2"/>
                  </a:moveTo>
                  <a:cubicBezTo>
                    <a:pt x="0" y="2"/>
                    <a:pt x="0" y="0"/>
                    <a:pt x="2" y="0"/>
                  </a:cubicBezTo>
                  <a:cubicBezTo>
                    <a:pt x="2" y="2"/>
                    <a:pt x="2" y="2"/>
                    <a:pt x="0" y="2"/>
                  </a:cubicBezTo>
                </a:path>
              </a:pathLst>
            </a:custGeom>
            <a:grpFill/>
            <a:ln w="6350" cmpd="sng">
              <a:solidFill>
                <a:schemeClr val="bg1"/>
              </a:solidFill>
              <a:round/>
              <a:headEnd/>
              <a:tailEnd/>
            </a:ln>
          </p:spPr>
          <p:txBody>
            <a:bodyPr/>
            <a:lstStyle/>
            <a:p>
              <a:endParaRPr lang="en-GB" sz="1633" dirty="0"/>
            </a:p>
          </p:txBody>
        </p:sp>
        <p:sp>
          <p:nvSpPr>
            <p:cNvPr id="124" name="Freeform 74"/>
            <p:cNvSpPr>
              <a:spLocks/>
            </p:cNvSpPr>
            <p:nvPr/>
          </p:nvSpPr>
          <p:spPr bwMode="auto">
            <a:xfrm>
              <a:off x="8049987" y="4408038"/>
              <a:ext cx="183173" cy="473992"/>
            </a:xfrm>
            <a:custGeom>
              <a:avLst/>
              <a:gdLst/>
              <a:ahLst/>
              <a:cxnLst>
                <a:cxn ang="0">
                  <a:pos x="41" y="25"/>
                </a:cxn>
                <a:cxn ang="0">
                  <a:pos x="34" y="34"/>
                </a:cxn>
                <a:cxn ang="0">
                  <a:pos x="35" y="56"/>
                </a:cxn>
                <a:cxn ang="0">
                  <a:pos x="49" y="76"/>
                </a:cxn>
                <a:cxn ang="0">
                  <a:pos x="56" y="104"/>
                </a:cxn>
                <a:cxn ang="0">
                  <a:pos x="56" y="118"/>
                </a:cxn>
                <a:cxn ang="0">
                  <a:pos x="38" y="129"/>
                </a:cxn>
                <a:cxn ang="0">
                  <a:pos x="32" y="141"/>
                </a:cxn>
                <a:cxn ang="0">
                  <a:pos x="21" y="143"/>
                </a:cxn>
                <a:cxn ang="0">
                  <a:pos x="18" y="130"/>
                </a:cxn>
                <a:cxn ang="0">
                  <a:pos x="24" y="126"/>
                </a:cxn>
                <a:cxn ang="0">
                  <a:pos x="31" y="124"/>
                </a:cxn>
                <a:cxn ang="0">
                  <a:pos x="34" y="118"/>
                </a:cxn>
                <a:cxn ang="0">
                  <a:pos x="41" y="112"/>
                </a:cxn>
                <a:cxn ang="0">
                  <a:pos x="43" y="99"/>
                </a:cxn>
                <a:cxn ang="0">
                  <a:pos x="43" y="89"/>
                </a:cxn>
                <a:cxn ang="0">
                  <a:pos x="41" y="76"/>
                </a:cxn>
                <a:cxn ang="0">
                  <a:pos x="37" y="72"/>
                </a:cxn>
                <a:cxn ang="0">
                  <a:pos x="27" y="56"/>
                </a:cxn>
                <a:cxn ang="0">
                  <a:pos x="24" y="48"/>
                </a:cxn>
                <a:cxn ang="0">
                  <a:pos x="15" y="40"/>
                </a:cxn>
                <a:cxn ang="0">
                  <a:pos x="23" y="34"/>
                </a:cxn>
                <a:cxn ang="0">
                  <a:pos x="18" y="31"/>
                </a:cxn>
                <a:cxn ang="0">
                  <a:pos x="14" y="27"/>
                </a:cxn>
                <a:cxn ang="0">
                  <a:pos x="6" y="23"/>
                </a:cxn>
                <a:cxn ang="0">
                  <a:pos x="6" y="19"/>
                </a:cxn>
                <a:cxn ang="0">
                  <a:pos x="0" y="11"/>
                </a:cxn>
                <a:cxn ang="0">
                  <a:pos x="8" y="11"/>
                </a:cxn>
                <a:cxn ang="0">
                  <a:pos x="12" y="8"/>
                </a:cxn>
                <a:cxn ang="0">
                  <a:pos x="17" y="8"/>
                </a:cxn>
                <a:cxn ang="0">
                  <a:pos x="24" y="2"/>
                </a:cxn>
                <a:cxn ang="0">
                  <a:pos x="35" y="6"/>
                </a:cxn>
                <a:cxn ang="0">
                  <a:pos x="37" y="14"/>
                </a:cxn>
                <a:cxn ang="0">
                  <a:pos x="41" y="19"/>
                </a:cxn>
                <a:cxn ang="0">
                  <a:pos x="43" y="22"/>
                </a:cxn>
              </a:cxnLst>
              <a:rect l="0" t="0" r="r" b="b"/>
              <a:pathLst>
                <a:path w="59" h="152">
                  <a:moveTo>
                    <a:pt x="43" y="22"/>
                  </a:moveTo>
                  <a:cubicBezTo>
                    <a:pt x="41" y="23"/>
                    <a:pt x="43" y="25"/>
                    <a:pt x="41" y="25"/>
                  </a:cubicBezTo>
                  <a:cubicBezTo>
                    <a:pt x="40" y="27"/>
                    <a:pt x="40" y="25"/>
                    <a:pt x="38" y="27"/>
                  </a:cubicBezTo>
                  <a:cubicBezTo>
                    <a:pt x="35" y="28"/>
                    <a:pt x="38" y="31"/>
                    <a:pt x="34" y="34"/>
                  </a:cubicBezTo>
                  <a:cubicBezTo>
                    <a:pt x="31" y="37"/>
                    <a:pt x="27" y="44"/>
                    <a:pt x="29" y="50"/>
                  </a:cubicBezTo>
                  <a:cubicBezTo>
                    <a:pt x="32" y="54"/>
                    <a:pt x="34" y="53"/>
                    <a:pt x="35" y="56"/>
                  </a:cubicBezTo>
                  <a:cubicBezTo>
                    <a:pt x="35" y="59"/>
                    <a:pt x="38" y="64"/>
                    <a:pt x="43" y="68"/>
                  </a:cubicBezTo>
                  <a:cubicBezTo>
                    <a:pt x="47" y="73"/>
                    <a:pt x="49" y="72"/>
                    <a:pt x="49" y="76"/>
                  </a:cubicBezTo>
                  <a:cubicBezTo>
                    <a:pt x="50" y="79"/>
                    <a:pt x="53" y="79"/>
                    <a:pt x="56" y="89"/>
                  </a:cubicBezTo>
                  <a:cubicBezTo>
                    <a:pt x="58" y="98"/>
                    <a:pt x="56" y="103"/>
                    <a:pt x="56" y="104"/>
                  </a:cubicBezTo>
                  <a:cubicBezTo>
                    <a:pt x="58" y="106"/>
                    <a:pt x="59" y="109"/>
                    <a:pt x="58" y="109"/>
                  </a:cubicBezTo>
                  <a:cubicBezTo>
                    <a:pt x="56" y="109"/>
                    <a:pt x="58" y="113"/>
                    <a:pt x="56" y="118"/>
                  </a:cubicBezTo>
                  <a:cubicBezTo>
                    <a:pt x="55" y="124"/>
                    <a:pt x="50" y="123"/>
                    <a:pt x="46" y="127"/>
                  </a:cubicBezTo>
                  <a:cubicBezTo>
                    <a:pt x="40" y="134"/>
                    <a:pt x="40" y="130"/>
                    <a:pt x="38" y="129"/>
                  </a:cubicBezTo>
                  <a:cubicBezTo>
                    <a:pt x="37" y="127"/>
                    <a:pt x="37" y="138"/>
                    <a:pt x="34" y="140"/>
                  </a:cubicBezTo>
                  <a:cubicBezTo>
                    <a:pt x="32" y="140"/>
                    <a:pt x="35" y="140"/>
                    <a:pt x="32" y="141"/>
                  </a:cubicBezTo>
                  <a:cubicBezTo>
                    <a:pt x="29" y="143"/>
                    <a:pt x="27" y="144"/>
                    <a:pt x="24" y="148"/>
                  </a:cubicBezTo>
                  <a:cubicBezTo>
                    <a:pt x="21" y="152"/>
                    <a:pt x="21" y="149"/>
                    <a:pt x="21" y="143"/>
                  </a:cubicBezTo>
                  <a:cubicBezTo>
                    <a:pt x="21" y="135"/>
                    <a:pt x="24" y="137"/>
                    <a:pt x="23" y="134"/>
                  </a:cubicBezTo>
                  <a:cubicBezTo>
                    <a:pt x="21" y="130"/>
                    <a:pt x="20" y="135"/>
                    <a:pt x="18" y="130"/>
                  </a:cubicBezTo>
                  <a:cubicBezTo>
                    <a:pt x="20" y="129"/>
                    <a:pt x="24" y="130"/>
                    <a:pt x="23" y="127"/>
                  </a:cubicBezTo>
                  <a:cubicBezTo>
                    <a:pt x="23" y="127"/>
                    <a:pt x="24" y="124"/>
                    <a:pt x="24" y="126"/>
                  </a:cubicBezTo>
                  <a:cubicBezTo>
                    <a:pt x="26" y="127"/>
                    <a:pt x="29" y="123"/>
                    <a:pt x="29" y="126"/>
                  </a:cubicBezTo>
                  <a:cubicBezTo>
                    <a:pt x="31" y="127"/>
                    <a:pt x="35" y="127"/>
                    <a:pt x="31" y="124"/>
                  </a:cubicBezTo>
                  <a:cubicBezTo>
                    <a:pt x="29" y="123"/>
                    <a:pt x="31" y="121"/>
                    <a:pt x="31" y="120"/>
                  </a:cubicBezTo>
                  <a:cubicBezTo>
                    <a:pt x="29" y="118"/>
                    <a:pt x="31" y="117"/>
                    <a:pt x="34" y="118"/>
                  </a:cubicBezTo>
                  <a:cubicBezTo>
                    <a:pt x="37" y="120"/>
                    <a:pt x="32" y="115"/>
                    <a:pt x="37" y="115"/>
                  </a:cubicBezTo>
                  <a:cubicBezTo>
                    <a:pt x="40" y="115"/>
                    <a:pt x="40" y="112"/>
                    <a:pt x="41" y="112"/>
                  </a:cubicBezTo>
                  <a:cubicBezTo>
                    <a:pt x="44" y="113"/>
                    <a:pt x="44" y="110"/>
                    <a:pt x="43" y="107"/>
                  </a:cubicBezTo>
                  <a:cubicBezTo>
                    <a:pt x="43" y="104"/>
                    <a:pt x="44" y="103"/>
                    <a:pt x="43" y="99"/>
                  </a:cubicBezTo>
                  <a:cubicBezTo>
                    <a:pt x="43" y="96"/>
                    <a:pt x="43" y="96"/>
                    <a:pt x="41" y="95"/>
                  </a:cubicBezTo>
                  <a:cubicBezTo>
                    <a:pt x="41" y="95"/>
                    <a:pt x="43" y="90"/>
                    <a:pt x="43" y="89"/>
                  </a:cubicBezTo>
                  <a:cubicBezTo>
                    <a:pt x="43" y="85"/>
                    <a:pt x="46" y="84"/>
                    <a:pt x="43" y="81"/>
                  </a:cubicBezTo>
                  <a:cubicBezTo>
                    <a:pt x="40" y="78"/>
                    <a:pt x="40" y="78"/>
                    <a:pt x="41" y="76"/>
                  </a:cubicBezTo>
                  <a:cubicBezTo>
                    <a:pt x="43" y="76"/>
                    <a:pt x="43" y="75"/>
                    <a:pt x="41" y="75"/>
                  </a:cubicBezTo>
                  <a:cubicBezTo>
                    <a:pt x="41" y="76"/>
                    <a:pt x="38" y="70"/>
                    <a:pt x="37" y="72"/>
                  </a:cubicBezTo>
                  <a:cubicBezTo>
                    <a:pt x="35" y="72"/>
                    <a:pt x="37" y="64"/>
                    <a:pt x="34" y="62"/>
                  </a:cubicBezTo>
                  <a:cubicBezTo>
                    <a:pt x="31" y="62"/>
                    <a:pt x="27" y="59"/>
                    <a:pt x="27" y="56"/>
                  </a:cubicBezTo>
                  <a:cubicBezTo>
                    <a:pt x="26" y="51"/>
                    <a:pt x="26" y="54"/>
                    <a:pt x="24" y="51"/>
                  </a:cubicBezTo>
                  <a:cubicBezTo>
                    <a:pt x="23" y="50"/>
                    <a:pt x="24" y="50"/>
                    <a:pt x="24" y="48"/>
                  </a:cubicBezTo>
                  <a:cubicBezTo>
                    <a:pt x="23" y="48"/>
                    <a:pt x="21" y="48"/>
                    <a:pt x="17" y="45"/>
                  </a:cubicBezTo>
                  <a:cubicBezTo>
                    <a:pt x="12" y="40"/>
                    <a:pt x="17" y="42"/>
                    <a:pt x="15" y="40"/>
                  </a:cubicBezTo>
                  <a:cubicBezTo>
                    <a:pt x="14" y="36"/>
                    <a:pt x="20" y="40"/>
                    <a:pt x="21" y="39"/>
                  </a:cubicBezTo>
                  <a:cubicBezTo>
                    <a:pt x="21" y="36"/>
                    <a:pt x="24" y="36"/>
                    <a:pt x="23" y="34"/>
                  </a:cubicBezTo>
                  <a:cubicBezTo>
                    <a:pt x="21" y="33"/>
                    <a:pt x="21" y="34"/>
                    <a:pt x="20" y="33"/>
                  </a:cubicBezTo>
                  <a:cubicBezTo>
                    <a:pt x="20" y="31"/>
                    <a:pt x="17" y="33"/>
                    <a:pt x="18" y="31"/>
                  </a:cubicBezTo>
                  <a:cubicBezTo>
                    <a:pt x="21" y="30"/>
                    <a:pt x="21" y="28"/>
                    <a:pt x="18" y="27"/>
                  </a:cubicBezTo>
                  <a:cubicBezTo>
                    <a:pt x="15" y="25"/>
                    <a:pt x="15" y="25"/>
                    <a:pt x="14" y="27"/>
                  </a:cubicBezTo>
                  <a:cubicBezTo>
                    <a:pt x="12" y="31"/>
                    <a:pt x="11" y="27"/>
                    <a:pt x="9" y="27"/>
                  </a:cubicBezTo>
                  <a:cubicBezTo>
                    <a:pt x="8" y="28"/>
                    <a:pt x="8" y="25"/>
                    <a:pt x="6" y="23"/>
                  </a:cubicBezTo>
                  <a:cubicBezTo>
                    <a:pt x="6" y="22"/>
                    <a:pt x="8" y="22"/>
                    <a:pt x="6" y="22"/>
                  </a:cubicBezTo>
                  <a:cubicBezTo>
                    <a:pt x="6" y="20"/>
                    <a:pt x="8" y="19"/>
                    <a:pt x="6" y="19"/>
                  </a:cubicBezTo>
                  <a:cubicBezTo>
                    <a:pt x="6" y="19"/>
                    <a:pt x="6" y="16"/>
                    <a:pt x="5" y="19"/>
                  </a:cubicBezTo>
                  <a:cubicBezTo>
                    <a:pt x="5" y="20"/>
                    <a:pt x="6" y="17"/>
                    <a:pt x="0" y="11"/>
                  </a:cubicBezTo>
                  <a:cubicBezTo>
                    <a:pt x="3" y="11"/>
                    <a:pt x="2" y="6"/>
                    <a:pt x="5" y="8"/>
                  </a:cubicBezTo>
                  <a:cubicBezTo>
                    <a:pt x="8" y="9"/>
                    <a:pt x="6" y="11"/>
                    <a:pt x="8" y="11"/>
                  </a:cubicBezTo>
                  <a:cubicBezTo>
                    <a:pt x="9" y="11"/>
                    <a:pt x="9" y="5"/>
                    <a:pt x="11" y="8"/>
                  </a:cubicBezTo>
                  <a:cubicBezTo>
                    <a:pt x="12" y="9"/>
                    <a:pt x="12" y="8"/>
                    <a:pt x="12" y="8"/>
                  </a:cubicBezTo>
                  <a:cubicBezTo>
                    <a:pt x="14" y="9"/>
                    <a:pt x="15" y="13"/>
                    <a:pt x="15" y="9"/>
                  </a:cubicBezTo>
                  <a:cubicBezTo>
                    <a:pt x="15" y="6"/>
                    <a:pt x="17" y="6"/>
                    <a:pt x="17" y="8"/>
                  </a:cubicBezTo>
                  <a:cubicBezTo>
                    <a:pt x="18" y="9"/>
                    <a:pt x="23" y="6"/>
                    <a:pt x="21" y="5"/>
                  </a:cubicBezTo>
                  <a:cubicBezTo>
                    <a:pt x="21" y="3"/>
                    <a:pt x="23" y="5"/>
                    <a:pt x="24" y="2"/>
                  </a:cubicBezTo>
                  <a:cubicBezTo>
                    <a:pt x="26" y="0"/>
                    <a:pt x="27" y="6"/>
                    <a:pt x="31" y="6"/>
                  </a:cubicBezTo>
                  <a:cubicBezTo>
                    <a:pt x="34" y="5"/>
                    <a:pt x="32" y="8"/>
                    <a:pt x="35" y="6"/>
                  </a:cubicBezTo>
                  <a:cubicBezTo>
                    <a:pt x="37" y="6"/>
                    <a:pt x="38" y="6"/>
                    <a:pt x="37" y="9"/>
                  </a:cubicBezTo>
                  <a:cubicBezTo>
                    <a:pt x="34" y="13"/>
                    <a:pt x="37" y="11"/>
                    <a:pt x="37" y="14"/>
                  </a:cubicBezTo>
                  <a:cubicBezTo>
                    <a:pt x="37" y="16"/>
                    <a:pt x="38" y="14"/>
                    <a:pt x="40" y="17"/>
                  </a:cubicBezTo>
                  <a:cubicBezTo>
                    <a:pt x="40" y="19"/>
                    <a:pt x="41" y="17"/>
                    <a:pt x="41" y="19"/>
                  </a:cubicBezTo>
                  <a:cubicBezTo>
                    <a:pt x="43" y="20"/>
                    <a:pt x="44" y="19"/>
                    <a:pt x="47" y="20"/>
                  </a:cubicBezTo>
                  <a:cubicBezTo>
                    <a:pt x="47" y="20"/>
                    <a:pt x="46" y="20"/>
                    <a:pt x="43" y="22"/>
                  </a:cubicBezTo>
                </a:path>
              </a:pathLst>
            </a:custGeom>
            <a:solidFill>
              <a:schemeClr val="accent5"/>
            </a:solidFill>
            <a:ln w="6350" cmpd="sng">
              <a:solidFill>
                <a:schemeClr val="bg1"/>
              </a:solidFill>
              <a:round/>
              <a:headEnd/>
              <a:tailEnd/>
            </a:ln>
          </p:spPr>
          <p:txBody>
            <a:bodyPr/>
            <a:lstStyle/>
            <a:p>
              <a:endParaRPr lang="en-GB" sz="1633" dirty="0"/>
            </a:p>
          </p:txBody>
        </p:sp>
        <p:sp>
          <p:nvSpPr>
            <p:cNvPr id="125" name="Freeform 75"/>
            <p:cNvSpPr>
              <a:spLocks/>
            </p:cNvSpPr>
            <p:nvPr/>
          </p:nvSpPr>
          <p:spPr bwMode="auto">
            <a:xfrm>
              <a:off x="8003390" y="4443387"/>
              <a:ext cx="186387" cy="271541"/>
            </a:xfrm>
            <a:custGeom>
              <a:avLst/>
              <a:gdLst/>
              <a:ahLst/>
              <a:cxnLst>
                <a:cxn ang="0">
                  <a:pos x="0" y="20"/>
                </a:cxn>
                <a:cxn ang="0">
                  <a:pos x="2" y="22"/>
                </a:cxn>
                <a:cxn ang="0">
                  <a:pos x="3" y="29"/>
                </a:cxn>
                <a:cxn ang="0">
                  <a:pos x="8" y="28"/>
                </a:cxn>
                <a:cxn ang="0">
                  <a:pos x="9" y="32"/>
                </a:cxn>
                <a:cxn ang="0">
                  <a:pos x="8" y="42"/>
                </a:cxn>
                <a:cxn ang="0">
                  <a:pos x="6" y="50"/>
                </a:cxn>
                <a:cxn ang="0">
                  <a:pos x="12" y="45"/>
                </a:cxn>
                <a:cxn ang="0">
                  <a:pos x="18" y="45"/>
                </a:cxn>
                <a:cxn ang="0">
                  <a:pos x="20" y="45"/>
                </a:cxn>
                <a:cxn ang="0">
                  <a:pos x="27" y="40"/>
                </a:cxn>
                <a:cxn ang="0">
                  <a:pos x="32" y="43"/>
                </a:cxn>
                <a:cxn ang="0">
                  <a:pos x="36" y="56"/>
                </a:cxn>
                <a:cxn ang="0">
                  <a:pos x="41" y="65"/>
                </a:cxn>
                <a:cxn ang="0">
                  <a:pos x="42" y="76"/>
                </a:cxn>
                <a:cxn ang="0">
                  <a:pos x="39" y="81"/>
                </a:cxn>
                <a:cxn ang="0">
                  <a:pos x="44" y="84"/>
                </a:cxn>
                <a:cxn ang="0">
                  <a:pos x="47" y="83"/>
                </a:cxn>
                <a:cxn ang="0">
                  <a:pos x="50" y="79"/>
                </a:cxn>
                <a:cxn ang="0">
                  <a:pos x="53" y="81"/>
                </a:cxn>
                <a:cxn ang="0">
                  <a:pos x="56" y="79"/>
                </a:cxn>
                <a:cxn ang="0">
                  <a:pos x="57" y="78"/>
                </a:cxn>
                <a:cxn ang="0">
                  <a:pos x="57" y="70"/>
                </a:cxn>
                <a:cxn ang="0">
                  <a:pos x="56" y="65"/>
                </a:cxn>
                <a:cxn ang="0">
                  <a:pos x="56" y="64"/>
                </a:cxn>
                <a:cxn ang="0">
                  <a:pos x="51" y="61"/>
                </a:cxn>
                <a:cxn ang="0">
                  <a:pos x="48" y="51"/>
                </a:cxn>
                <a:cxn ang="0">
                  <a:pos x="42" y="45"/>
                </a:cxn>
                <a:cxn ang="0">
                  <a:pos x="39" y="40"/>
                </a:cxn>
                <a:cxn ang="0">
                  <a:pos x="39" y="37"/>
                </a:cxn>
                <a:cxn ang="0">
                  <a:pos x="32" y="34"/>
                </a:cxn>
                <a:cxn ang="0">
                  <a:pos x="30" y="29"/>
                </a:cxn>
                <a:cxn ang="0">
                  <a:pos x="36" y="28"/>
                </a:cxn>
                <a:cxn ang="0">
                  <a:pos x="38" y="23"/>
                </a:cxn>
                <a:cxn ang="0">
                  <a:pos x="35" y="22"/>
                </a:cxn>
                <a:cxn ang="0">
                  <a:pos x="33" y="20"/>
                </a:cxn>
                <a:cxn ang="0">
                  <a:pos x="33" y="15"/>
                </a:cxn>
                <a:cxn ang="0">
                  <a:pos x="29" y="15"/>
                </a:cxn>
                <a:cxn ang="0">
                  <a:pos x="24" y="15"/>
                </a:cxn>
                <a:cxn ang="0">
                  <a:pos x="21" y="12"/>
                </a:cxn>
                <a:cxn ang="0">
                  <a:pos x="21" y="11"/>
                </a:cxn>
                <a:cxn ang="0">
                  <a:pos x="21" y="7"/>
                </a:cxn>
                <a:cxn ang="0">
                  <a:pos x="20" y="7"/>
                </a:cxn>
                <a:cxn ang="0">
                  <a:pos x="15" y="0"/>
                </a:cxn>
                <a:cxn ang="0">
                  <a:pos x="12" y="4"/>
                </a:cxn>
                <a:cxn ang="0">
                  <a:pos x="12" y="11"/>
                </a:cxn>
                <a:cxn ang="0">
                  <a:pos x="12" y="12"/>
                </a:cxn>
                <a:cxn ang="0">
                  <a:pos x="8" y="9"/>
                </a:cxn>
                <a:cxn ang="0">
                  <a:pos x="3" y="14"/>
                </a:cxn>
                <a:cxn ang="0">
                  <a:pos x="0" y="20"/>
                </a:cxn>
              </a:cxnLst>
              <a:rect l="0" t="0" r="r" b="b"/>
              <a:pathLst>
                <a:path w="60" h="87">
                  <a:moveTo>
                    <a:pt x="0" y="20"/>
                  </a:moveTo>
                  <a:cubicBezTo>
                    <a:pt x="0" y="23"/>
                    <a:pt x="0" y="20"/>
                    <a:pt x="2" y="22"/>
                  </a:cubicBezTo>
                  <a:cubicBezTo>
                    <a:pt x="5" y="25"/>
                    <a:pt x="0" y="29"/>
                    <a:pt x="3" y="29"/>
                  </a:cubicBezTo>
                  <a:cubicBezTo>
                    <a:pt x="6" y="29"/>
                    <a:pt x="5" y="28"/>
                    <a:pt x="8" y="28"/>
                  </a:cubicBezTo>
                  <a:cubicBezTo>
                    <a:pt x="11" y="29"/>
                    <a:pt x="8" y="31"/>
                    <a:pt x="9" y="32"/>
                  </a:cubicBezTo>
                  <a:cubicBezTo>
                    <a:pt x="11" y="36"/>
                    <a:pt x="6" y="40"/>
                    <a:pt x="8" y="42"/>
                  </a:cubicBezTo>
                  <a:cubicBezTo>
                    <a:pt x="9" y="43"/>
                    <a:pt x="5" y="48"/>
                    <a:pt x="6" y="50"/>
                  </a:cubicBezTo>
                  <a:cubicBezTo>
                    <a:pt x="8" y="50"/>
                    <a:pt x="8" y="50"/>
                    <a:pt x="12" y="45"/>
                  </a:cubicBezTo>
                  <a:cubicBezTo>
                    <a:pt x="17" y="40"/>
                    <a:pt x="15" y="45"/>
                    <a:pt x="18" y="45"/>
                  </a:cubicBezTo>
                  <a:cubicBezTo>
                    <a:pt x="20" y="45"/>
                    <a:pt x="18" y="46"/>
                    <a:pt x="20" y="45"/>
                  </a:cubicBezTo>
                  <a:cubicBezTo>
                    <a:pt x="24" y="43"/>
                    <a:pt x="23" y="39"/>
                    <a:pt x="27" y="40"/>
                  </a:cubicBezTo>
                  <a:cubicBezTo>
                    <a:pt x="30" y="42"/>
                    <a:pt x="30" y="40"/>
                    <a:pt x="32" y="43"/>
                  </a:cubicBezTo>
                  <a:cubicBezTo>
                    <a:pt x="33" y="50"/>
                    <a:pt x="38" y="48"/>
                    <a:pt x="36" y="56"/>
                  </a:cubicBezTo>
                  <a:cubicBezTo>
                    <a:pt x="35" y="64"/>
                    <a:pt x="41" y="64"/>
                    <a:pt x="41" y="65"/>
                  </a:cubicBezTo>
                  <a:cubicBezTo>
                    <a:pt x="41" y="67"/>
                    <a:pt x="44" y="67"/>
                    <a:pt x="42" y="76"/>
                  </a:cubicBezTo>
                  <a:cubicBezTo>
                    <a:pt x="42" y="78"/>
                    <a:pt x="44" y="79"/>
                    <a:pt x="39" y="81"/>
                  </a:cubicBezTo>
                  <a:cubicBezTo>
                    <a:pt x="41" y="86"/>
                    <a:pt x="42" y="81"/>
                    <a:pt x="44" y="84"/>
                  </a:cubicBezTo>
                  <a:cubicBezTo>
                    <a:pt x="45" y="87"/>
                    <a:pt x="48" y="86"/>
                    <a:pt x="47" y="83"/>
                  </a:cubicBezTo>
                  <a:cubicBezTo>
                    <a:pt x="44" y="79"/>
                    <a:pt x="48" y="81"/>
                    <a:pt x="50" y="79"/>
                  </a:cubicBezTo>
                  <a:cubicBezTo>
                    <a:pt x="51" y="78"/>
                    <a:pt x="51" y="83"/>
                    <a:pt x="53" y="81"/>
                  </a:cubicBezTo>
                  <a:cubicBezTo>
                    <a:pt x="54" y="81"/>
                    <a:pt x="56" y="78"/>
                    <a:pt x="56" y="79"/>
                  </a:cubicBezTo>
                  <a:cubicBezTo>
                    <a:pt x="57" y="79"/>
                    <a:pt x="57" y="78"/>
                    <a:pt x="57" y="78"/>
                  </a:cubicBezTo>
                  <a:cubicBezTo>
                    <a:pt x="57" y="75"/>
                    <a:pt x="60" y="73"/>
                    <a:pt x="57" y="70"/>
                  </a:cubicBezTo>
                  <a:cubicBezTo>
                    <a:pt x="54" y="67"/>
                    <a:pt x="54" y="67"/>
                    <a:pt x="56" y="65"/>
                  </a:cubicBezTo>
                  <a:cubicBezTo>
                    <a:pt x="57" y="65"/>
                    <a:pt x="57" y="64"/>
                    <a:pt x="56" y="64"/>
                  </a:cubicBezTo>
                  <a:cubicBezTo>
                    <a:pt x="56" y="65"/>
                    <a:pt x="53" y="59"/>
                    <a:pt x="51" y="61"/>
                  </a:cubicBezTo>
                  <a:cubicBezTo>
                    <a:pt x="50" y="61"/>
                    <a:pt x="51" y="53"/>
                    <a:pt x="48" y="51"/>
                  </a:cubicBezTo>
                  <a:cubicBezTo>
                    <a:pt x="45" y="51"/>
                    <a:pt x="42" y="48"/>
                    <a:pt x="42" y="45"/>
                  </a:cubicBezTo>
                  <a:cubicBezTo>
                    <a:pt x="41" y="40"/>
                    <a:pt x="41" y="43"/>
                    <a:pt x="39" y="40"/>
                  </a:cubicBezTo>
                  <a:cubicBezTo>
                    <a:pt x="38" y="39"/>
                    <a:pt x="39" y="39"/>
                    <a:pt x="39" y="37"/>
                  </a:cubicBezTo>
                  <a:cubicBezTo>
                    <a:pt x="38" y="37"/>
                    <a:pt x="36" y="37"/>
                    <a:pt x="32" y="34"/>
                  </a:cubicBezTo>
                  <a:cubicBezTo>
                    <a:pt x="27" y="29"/>
                    <a:pt x="32" y="31"/>
                    <a:pt x="30" y="29"/>
                  </a:cubicBezTo>
                  <a:cubicBezTo>
                    <a:pt x="29" y="25"/>
                    <a:pt x="35" y="29"/>
                    <a:pt x="36" y="28"/>
                  </a:cubicBezTo>
                  <a:cubicBezTo>
                    <a:pt x="36" y="25"/>
                    <a:pt x="39" y="25"/>
                    <a:pt x="38" y="23"/>
                  </a:cubicBezTo>
                  <a:cubicBezTo>
                    <a:pt x="36" y="22"/>
                    <a:pt x="36" y="23"/>
                    <a:pt x="35" y="22"/>
                  </a:cubicBezTo>
                  <a:cubicBezTo>
                    <a:pt x="35" y="20"/>
                    <a:pt x="32" y="22"/>
                    <a:pt x="33" y="20"/>
                  </a:cubicBezTo>
                  <a:cubicBezTo>
                    <a:pt x="36" y="18"/>
                    <a:pt x="36" y="17"/>
                    <a:pt x="33" y="15"/>
                  </a:cubicBezTo>
                  <a:cubicBezTo>
                    <a:pt x="30" y="14"/>
                    <a:pt x="30" y="14"/>
                    <a:pt x="29" y="15"/>
                  </a:cubicBezTo>
                  <a:cubicBezTo>
                    <a:pt x="27" y="20"/>
                    <a:pt x="26" y="15"/>
                    <a:pt x="24" y="15"/>
                  </a:cubicBezTo>
                  <a:cubicBezTo>
                    <a:pt x="23" y="17"/>
                    <a:pt x="23" y="14"/>
                    <a:pt x="21" y="12"/>
                  </a:cubicBezTo>
                  <a:cubicBezTo>
                    <a:pt x="21" y="11"/>
                    <a:pt x="23" y="11"/>
                    <a:pt x="21" y="11"/>
                  </a:cubicBezTo>
                  <a:cubicBezTo>
                    <a:pt x="21" y="9"/>
                    <a:pt x="23" y="7"/>
                    <a:pt x="21" y="7"/>
                  </a:cubicBezTo>
                  <a:cubicBezTo>
                    <a:pt x="21" y="7"/>
                    <a:pt x="21" y="4"/>
                    <a:pt x="20" y="7"/>
                  </a:cubicBezTo>
                  <a:cubicBezTo>
                    <a:pt x="20" y="9"/>
                    <a:pt x="21" y="6"/>
                    <a:pt x="15" y="0"/>
                  </a:cubicBezTo>
                  <a:cubicBezTo>
                    <a:pt x="14" y="0"/>
                    <a:pt x="9" y="0"/>
                    <a:pt x="12" y="4"/>
                  </a:cubicBezTo>
                  <a:cubicBezTo>
                    <a:pt x="14" y="11"/>
                    <a:pt x="12" y="9"/>
                    <a:pt x="12" y="11"/>
                  </a:cubicBezTo>
                  <a:cubicBezTo>
                    <a:pt x="14" y="12"/>
                    <a:pt x="12" y="14"/>
                    <a:pt x="12" y="12"/>
                  </a:cubicBezTo>
                  <a:cubicBezTo>
                    <a:pt x="11" y="11"/>
                    <a:pt x="9" y="15"/>
                    <a:pt x="8" y="9"/>
                  </a:cubicBezTo>
                  <a:cubicBezTo>
                    <a:pt x="6" y="11"/>
                    <a:pt x="3" y="9"/>
                    <a:pt x="3" y="14"/>
                  </a:cubicBezTo>
                  <a:cubicBezTo>
                    <a:pt x="2" y="18"/>
                    <a:pt x="0" y="14"/>
                    <a:pt x="0" y="20"/>
                  </a:cubicBezTo>
                </a:path>
              </a:pathLst>
            </a:custGeom>
            <a:solidFill>
              <a:schemeClr val="accent5"/>
            </a:solidFill>
            <a:ln w="6350" cmpd="sng">
              <a:solidFill>
                <a:schemeClr val="bg1"/>
              </a:solidFill>
              <a:round/>
              <a:headEnd/>
              <a:tailEnd/>
            </a:ln>
          </p:spPr>
          <p:txBody>
            <a:bodyPr/>
            <a:lstStyle/>
            <a:p>
              <a:endParaRPr lang="en-GB" sz="1633" dirty="0"/>
            </a:p>
          </p:txBody>
        </p:sp>
        <p:sp>
          <p:nvSpPr>
            <p:cNvPr id="126" name="Freeform 76"/>
            <p:cNvSpPr>
              <a:spLocks/>
            </p:cNvSpPr>
            <p:nvPr/>
          </p:nvSpPr>
          <p:spPr bwMode="auto">
            <a:xfrm>
              <a:off x="8049987" y="4686006"/>
              <a:ext cx="136577" cy="131754"/>
            </a:xfrm>
            <a:custGeom>
              <a:avLst/>
              <a:gdLst/>
              <a:ahLst/>
              <a:cxnLst>
                <a:cxn ang="0">
                  <a:pos x="42" y="0"/>
                </a:cxn>
                <a:cxn ang="0">
                  <a:pos x="41" y="6"/>
                </a:cxn>
                <a:cxn ang="0">
                  <a:pos x="42" y="11"/>
                </a:cxn>
                <a:cxn ang="0">
                  <a:pos x="42" y="18"/>
                </a:cxn>
                <a:cxn ang="0">
                  <a:pos x="41" y="23"/>
                </a:cxn>
                <a:cxn ang="0">
                  <a:pos x="36" y="26"/>
                </a:cxn>
                <a:cxn ang="0">
                  <a:pos x="33" y="29"/>
                </a:cxn>
                <a:cxn ang="0">
                  <a:pos x="30" y="31"/>
                </a:cxn>
                <a:cxn ang="0">
                  <a:pos x="30" y="35"/>
                </a:cxn>
                <a:cxn ang="0">
                  <a:pos x="29" y="37"/>
                </a:cxn>
                <a:cxn ang="0">
                  <a:pos x="24" y="37"/>
                </a:cxn>
                <a:cxn ang="0">
                  <a:pos x="23" y="39"/>
                </a:cxn>
                <a:cxn ang="0">
                  <a:pos x="18" y="42"/>
                </a:cxn>
                <a:cxn ang="0">
                  <a:pos x="14" y="40"/>
                </a:cxn>
                <a:cxn ang="0">
                  <a:pos x="12" y="40"/>
                </a:cxn>
                <a:cxn ang="0">
                  <a:pos x="12" y="35"/>
                </a:cxn>
                <a:cxn ang="0">
                  <a:pos x="11" y="37"/>
                </a:cxn>
                <a:cxn ang="0">
                  <a:pos x="8" y="35"/>
                </a:cxn>
                <a:cxn ang="0">
                  <a:pos x="6" y="29"/>
                </a:cxn>
                <a:cxn ang="0">
                  <a:pos x="5" y="21"/>
                </a:cxn>
                <a:cxn ang="0">
                  <a:pos x="2" y="14"/>
                </a:cxn>
                <a:cxn ang="0">
                  <a:pos x="3" y="11"/>
                </a:cxn>
                <a:cxn ang="0">
                  <a:pos x="6" y="6"/>
                </a:cxn>
                <a:cxn ang="0">
                  <a:pos x="20" y="3"/>
                </a:cxn>
                <a:cxn ang="0">
                  <a:pos x="24" y="3"/>
                </a:cxn>
                <a:cxn ang="0">
                  <a:pos x="29" y="6"/>
                </a:cxn>
                <a:cxn ang="0">
                  <a:pos x="32" y="4"/>
                </a:cxn>
                <a:cxn ang="0">
                  <a:pos x="35" y="1"/>
                </a:cxn>
                <a:cxn ang="0">
                  <a:pos x="38" y="3"/>
                </a:cxn>
                <a:cxn ang="0">
                  <a:pos x="41" y="1"/>
                </a:cxn>
                <a:cxn ang="0">
                  <a:pos x="42" y="0"/>
                </a:cxn>
              </a:cxnLst>
              <a:rect l="0" t="0" r="r" b="b"/>
              <a:pathLst>
                <a:path w="44" h="42">
                  <a:moveTo>
                    <a:pt x="42" y="0"/>
                  </a:moveTo>
                  <a:cubicBezTo>
                    <a:pt x="42" y="1"/>
                    <a:pt x="41" y="6"/>
                    <a:pt x="41" y="6"/>
                  </a:cubicBezTo>
                  <a:cubicBezTo>
                    <a:pt x="42" y="7"/>
                    <a:pt x="42" y="7"/>
                    <a:pt x="42" y="11"/>
                  </a:cubicBezTo>
                  <a:cubicBezTo>
                    <a:pt x="44" y="14"/>
                    <a:pt x="42" y="15"/>
                    <a:pt x="42" y="18"/>
                  </a:cubicBezTo>
                  <a:cubicBezTo>
                    <a:pt x="44" y="21"/>
                    <a:pt x="44" y="25"/>
                    <a:pt x="41" y="23"/>
                  </a:cubicBezTo>
                  <a:cubicBezTo>
                    <a:pt x="39" y="23"/>
                    <a:pt x="39" y="26"/>
                    <a:pt x="36" y="26"/>
                  </a:cubicBezTo>
                  <a:cubicBezTo>
                    <a:pt x="32" y="26"/>
                    <a:pt x="36" y="31"/>
                    <a:pt x="33" y="29"/>
                  </a:cubicBezTo>
                  <a:cubicBezTo>
                    <a:pt x="30" y="28"/>
                    <a:pt x="29" y="29"/>
                    <a:pt x="30" y="31"/>
                  </a:cubicBezTo>
                  <a:cubicBezTo>
                    <a:pt x="30" y="32"/>
                    <a:pt x="29" y="34"/>
                    <a:pt x="30" y="35"/>
                  </a:cubicBezTo>
                  <a:cubicBezTo>
                    <a:pt x="35" y="39"/>
                    <a:pt x="30" y="39"/>
                    <a:pt x="29" y="37"/>
                  </a:cubicBezTo>
                  <a:cubicBezTo>
                    <a:pt x="29" y="34"/>
                    <a:pt x="26" y="39"/>
                    <a:pt x="24" y="37"/>
                  </a:cubicBezTo>
                  <a:cubicBezTo>
                    <a:pt x="24" y="35"/>
                    <a:pt x="23" y="39"/>
                    <a:pt x="23" y="39"/>
                  </a:cubicBezTo>
                  <a:cubicBezTo>
                    <a:pt x="24" y="42"/>
                    <a:pt x="20" y="40"/>
                    <a:pt x="18" y="42"/>
                  </a:cubicBezTo>
                  <a:cubicBezTo>
                    <a:pt x="17" y="40"/>
                    <a:pt x="15" y="42"/>
                    <a:pt x="14" y="40"/>
                  </a:cubicBezTo>
                  <a:cubicBezTo>
                    <a:pt x="14" y="39"/>
                    <a:pt x="14" y="42"/>
                    <a:pt x="12" y="40"/>
                  </a:cubicBezTo>
                  <a:cubicBezTo>
                    <a:pt x="9" y="39"/>
                    <a:pt x="14" y="39"/>
                    <a:pt x="12" y="35"/>
                  </a:cubicBezTo>
                  <a:cubicBezTo>
                    <a:pt x="9" y="32"/>
                    <a:pt x="11" y="37"/>
                    <a:pt x="11" y="37"/>
                  </a:cubicBezTo>
                  <a:cubicBezTo>
                    <a:pt x="9" y="37"/>
                    <a:pt x="8" y="40"/>
                    <a:pt x="8" y="35"/>
                  </a:cubicBezTo>
                  <a:cubicBezTo>
                    <a:pt x="8" y="32"/>
                    <a:pt x="9" y="34"/>
                    <a:pt x="6" y="29"/>
                  </a:cubicBezTo>
                  <a:cubicBezTo>
                    <a:pt x="3" y="25"/>
                    <a:pt x="6" y="23"/>
                    <a:pt x="5" y="21"/>
                  </a:cubicBezTo>
                  <a:cubicBezTo>
                    <a:pt x="2" y="20"/>
                    <a:pt x="5" y="18"/>
                    <a:pt x="2" y="14"/>
                  </a:cubicBezTo>
                  <a:cubicBezTo>
                    <a:pt x="0" y="9"/>
                    <a:pt x="3" y="12"/>
                    <a:pt x="3" y="11"/>
                  </a:cubicBezTo>
                  <a:cubicBezTo>
                    <a:pt x="3" y="9"/>
                    <a:pt x="5" y="11"/>
                    <a:pt x="6" y="6"/>
                  </a:cubicBezTo>
                  <a:cubicBezTo>
                    <a:pt x="8" y="1"/>
                    <a:pt x="15" y="3"/>
                    <a:pt x="20" y="3"/>
                  </a:cubicBezTo>
                  <a:cubicBezTo>
                    <a:pt x="24" y="1"/>
                    <a:pt x="23" y="4"/>
                    <a:pt x="24" y="3"/>
                  </a:cubicBezTo>
                  <a:cubicBezTo>
                    <a:pt x="26" y="7"/>
                    <a:pt x="27" y="3"/>
                    <a:pt x="29" y="6"/>
                  </a:cubicBezTo>
                  <a:cubicBezTo>
                    <a:pt x="30" y="9"/>
                    <a:pt x="33" y="7"/>
                    <a:pt x="32" y="4"/>
                  </a:cubicBezTo>
                  <a:cubicBezTo>
                    <a:pt x="29" y="1"/>
                    <a:pt x="33" y="3"/>
                    <a:pt x="35" y="1"/>
                  </a:cubicBezTo>
                  <a:cubicBezTo>
                    <a:pt x="36" y="0"/>
                    <a:pt x="36" y="4"/>
                    <a:pt x="38" y="3"/>
                  </a:cubicBezTo>
                  <a:cubicBezTo>
                    <a:pt x="39" y="3"/>
                    <a:pt x="41" y="0"/>
                    <a:pt x="41" y="1"/>
                  </a:cubicBezTo>
                  <a:cubicBezTo>
                    <a:pt x="42" y="1"/>
                    <a:pt x="42" y="0"/>
                    <a:pt x="42" y="0"/>
                  </a:cubicBezTo>
                </a:path>
              </a:pathLst>
            </a:custGeom>
            <a:solidFill>
              <a:schemeClr val="accent5"/>
            </a:solidFill>
            <a:ln w="6350" cmpd="sng">
              <a:solidFill>
                <a:schemeClr val="bg1"/>
              </a:solidFill>
              <a:round/>
              <a:headEnd/>
              <a:tailEnd/>
            </a:ln>
          </p:spPr>
          <p:txBody>
            <a:bodyPr/>
            <a:lstStyle/>
            <a:p>
              <a:endParaRPr lang="en-GB" sz="1633" dirty="0"/>
            </a:p>
          </p:txBody>
        </p:sp>
        <p:sp>
          <p:nvSpPr>
            <p:cNvPr id="127" name="Freeform 77"/>
            <p:cNvSpPr>
              <a:spLocks/>
            </p:cNvSpPr>
            <p:nvPr/>
          </p:nvSpPr>
          <p:spPr bwMode="auto">
            <a:xfrm>
              <a:off x="6382148" y="4125249"/>
              <a:ext cx="517383" cy="530228"/>
            </a:xfrm>
            <a:custGeom>
              <a:avLst/>
              <a:gdLst/>
              <a:ahLst/>
              <a:cxnLst>
                <a:cxn ang="0">
                  <a:pos x="125" y="141"/>
                </a:cxn>
                <a:cxn ang="0">
                  <a:pos x="107" y="151"/>
                </a:cxn>
                <a:cxn ang="0">
                  <a:pos x="92" y="162"/>
                </a:cxn>
                <a:cxn ang="0">
                  <a:pos x="75" y="153"/>
                </a:cxn>
                <a:cxn ang="0">
                  <a:pos x="74" y="153"/>
                </a:cxn>
                <a:cxn ang="0">
                  <a:pos x="72" y="153"/>
                </a:cxn>
                <a:cxn ang="0">
                  <a:pos x="68" y="153"/>
                </a:cxn>
                <a:cxn ang="0">
                  <a:pos x="68" y="158"/>
                </a:cxn>
                <a:cxn ang="0">
                  <a:pos x="65" y="162"/>
                </a:cxn>
                <a:cxn ang="0">
                  <a:pos x="54" y="144"/>
                </a:cxn>
                <a:cxn ang="0">
                  <a:pos x="50" y="133"/>
                </a:cxn>
                <a:cxn ang="0">
                  <a:pos x="36" y="117"/>
                </a:cxn>
                <a:cxn ang="0">
                  <a:pos x="34" y="100"/>
                </a:cxn>
                <a:cxn ang="0">
                  <a:pos x="21" y="77"/>
                </a:cxn>
                <a:cxn ang="0">
                  <a:pos x="15" y="64"/>
                </a:cxn>
                <a:cxn ang="0">
                  <a:pos x="1" y="41"/>
                </a:cxn>
                <a:cxn ang="0">
                  <a:pos x="12" y="32"/>
                </a:cxn>
                <a:cxn ang="0">
                  <a:pos x="24" y="24"/>
                </a:cxn>
                <a:cxn ang="0">
                  <a:pos x="27" y="18"/>
                </a:cxn>
                <a:cxn ang="0">
                  <a:pos x="24" y="7"/>
                </a:cxn>
                <a:cxn ang="0">
                  <a:pos x="47" y="4"/>
                </a:cxn>
                <a:cxn ang="0">
                  <a:pos x="59" y="11"/>
                </a:cxn>
                <a:cxn ang="0">
                  <a:pos x="80" y="32"/>
                </a:cxn>
                <a:cxn ang="0">
                  <a:pos x="101" y="35"/>
                </a:cxn>
                <a:cxn ang="0">
                  <a:pos x="109" y="39"/>
                </a:cxn>
                <a:cxn ang="0">
                  <a:pos x="116" y="50"/>
                </a:cxn>
                <a:cxn ang="0">
                  <a:pos x="122" y="60"/>
                </a:cxn>
                <a:cxn ang="0">
                  <a:pos x="124" y="71"/>
                </a:cxn>
                <a:cxn ang="0">
                  <a:pos x="130" y="80"/>
                </a:cxn>
                <a:cxn ang="0">
                  <a:pos x="136" y="92"/>
                </a:cxn>
                <a:cxn ang="0">
                  <a:pos x="163" y="99"/>
                </a:cxn>
                <a:cxn ang="0">
                  <a:pos x="165" y="113"/>
                </a:cxn>
                <a:cxn ang="0">
                  <a:pos x="150" y="131"/>
                </a:cxn>
              </a:cxnLst>
              <a:rect l="0" t="0" r="r" b="b"/>
              <a:pathLst>
                <a:path w="166" h="170">
                  <a:moveTo>
                    <a:pt x="138" y="136"/>
                  </a:moveTo>
                  <a:cubicBezTo>
                    <a:pt x="133" y="137"/>
                    <a:pt x="130" y="139"/>
                    <a:pt x="125" y="141"/>
                  </a:cubicBezTo>
                  <a:cubicBezTo>
                    <a:pt x="122" y="141"/>
                    <a:pt x="115" y="142"/>
                    <a:pt x="112" y="144"/>
                  </a:cubicBezTo>
                  <a:cubicBezTo>
                    <a:pt x="110" y="145"/>
                    <a:pt x="107" y="150"/>
                    <a:pt x="107" y="151"/>
                  </a:cubicBezTo>
                  <a:cubicBezTo>
                    <a:pt x="103" y="158"/>
                    <a:pt x="97" y="164"/>
                    <a:pt x="92" y="170"/>
                  </a:cubicBezTo>
                  <a:cubicBezTo>
                    <a:pt x="92" y="167"/>
                    <a:pt x="92" y="164"/>
                    <a:pt x="92" y="162"/>
                  </a:cubicBezTo>
                  <a:cubicBezTo>
                    <a:pt x="92" y="161"/>
                    <a:pt x="92" y="159"/>
                    <a:pt x="92" y="159"/>
                  </a:cubicBezTo>
                  <a:cubicBezTo>
                    <a:pt x="92" y="159"/>
                    <a:pt x="77" y="151"/>
                    <a:pt x="75" y="153"/>
                  </a:cubicBezTo>
                  <a:cubicBezTo>
                    <a:pt x="75" y="153"/>
                    <a:pt x="75" y="153"/>
                    <a:pt x="74" y="153"/>
                  </a:cubicBezTo>
                  <a:cubicBezTo>
                    <a:pt x="74" y="153"/>
                    <a:pt x="74" y="153"/>
                    <a:pt x="74" y="153"/>
                  </a:cubicBezTo>
                  <a:cubicBezTo>
                    <a:pt x="74" y="153"/>
                    <a:pt x="74" y="153"/>
                    <a:pt x="74" y="153"/>
                  </a:cubicBezTo>
                  <a:cubicBezTo>
                    <a:pt x="72" y="153"/>
                    <a:pt x="72" y="153"/>
                    <a:pt x="72" y="153"/>
                  </a:cubicBezTo>
                  <a:cubicBezTo>
                    <a:pt x="72" y="153"/>
                    <a:pt x="71" y="151"/>
                    <a:pt x="69" y="151"/>
                  </a:cubicBezTo>
                  <a:cubicBezTo>
                    <a:pt x="68" y="153"/>
                    <a:pt x="68" y="153"/>
                    <a:pt x="68" y="153"/>
                  </a:cubicBezTo>
                  <a:cubicBezTo>
                    <a:pt x="68" y="153"/>
                    <a:pt x="69" y="153"/>
                    <a:pt x="68" y="153"/>
                  </a:cubicBezTo>
                  <a:cubicBezTo>
                    <a:pt x="68" y="155"/>
                    <a:pt x="68" y="156"/>
                    <a:pt x="68" y="158"/>
                  </a:cubicBezTo>
                  <a:cubicBezTo>
                    <a:pt x="68" y="158"/>
                    <a:pt x="68" y="158"/>
                    <a:pt x="68" y="159"/>
                  </a:cubicBezTo>
                  <a:cubicBezTo>
                    <a:pt x="68" y="159"/>
                    <a:pt x="66" y="161"/>
                    <a:pt x="65" y="162"/>
                  </a:cubicBezTo>
                  <a:cubicBezTo>
                    <a:pt x="62" y="151"/>
                    <a:pt x="62" y="159"/>
                    <a:pt x="60" y="155"/>
                  </a:cubicBezTo>
                  <a:cubicBezTo>
                    <a:pt x="60" y="150"/>
                    <a:pt x="54" y="147"/>
                    <a:pt x="54" y="144"/>
                  </a:cubicBezTo>
                  <a:cubicBezTo>
                    <a:pt x="54" y="141"/>
                    <a:pt x="53" y="141"/>
                    <a:pt x="53" y="137"/>
                  </a:cubicBezTo>
                  <a:cubicBezTo>
                    <a:pt x="53" y="134"/>
                    <a:pt x="51" y="136"/>
                    <a:pt x="50" y="133"/>
                  </a:cubicBezTo>
                  <a:cubicBezTo>
                    <a:pt x="48" y="130"/>
                    <a:pt x="47" y="125"/>
                    <a:pt x="44" y="123"/>
                  </a:cubicBezTo>
                  <a:cubicBezTo>
                    <a:pt x="39" y="123"/>
                    <a:pt x="40" y="122"/>
                    <a:pt x="36" y="117"/>
                  </a:cubicBezTo>
                  <a:cubicBezTo>
                    <a:pt x="33" y="111"/>
                    <a:pt x="37" y="114"/>
                    <a:pt x="34" y="109"/>
                  </a:cubicBezTo>
                  <a:cubicBezTo>
                    <a:pt x="33" y="105"/>
                    <a:pt x="37" y="106"/>
                    <a:pt x="34" y="100"/>
                  </a:cubicBezTo>
                  <a:cubicBezTo>
                    <a:pt x="33" y="95"/>
                    <a:pt x="30" y="85"/>
                    <a:pt x="27" y="85"/>
                  </a:cubicBezTo>
                  <a:cubicBezTo>
                    <a:pt x="22" y="83"/>
                    <a:pt x="19" y="78"/>
                    <a:pt x="21" y="77"/>
                  </a:cubicBezTo>
                  <a:cubicBezTo>
                    <a:pt x="22" y="74"/>
                    <a:pt x="21" y="71"/>
                    <a:pt x="18" y="69"/>
                  </a:cubicBezTo>
                  <a:cubicBezTo>
                    <a:pt x="16" y="66"/>
                    <a:pt x="18" y="66"/>
                    <a:pt x="15" y="64"/>
                  </a:cubicBezTo>
                  <a:cubicBezTo>
                    <a:pt x="12" y="60"/>
                    <a:pt x="7" y="44"/>
                    <a:pt x="4" y="44"/>
                  </a:cubicBezTo>
                  <a:cubicBezTo>
                    <a:pt x="0" y="43"/>
                    <a:pt x="0" y="47"/>
                    <a:pt x="1" y="41"/>
                  </a:cubicBezTo>
                  <a:cubicBezTo>
                    <a:pt x="3" y="36"/>
                    <a:pt x="1" y="39"/>
                    <a:pt x="3" y="30"/>
                  </a:cubicBezTo>
                  <a:cubicBezTo>
                    <a:pt x="4" y="30"/>
                    <a:pt x="10" y="32"/>
                    <a:pt x="12" y="32"/>
                  </a:cubicBezTo>
                  <a:cubicBezTo>
                    <a:pt x="15" y="32"/>
                    <a:pt x="15" y="27"/>
                    <a:pt x="18" y="25"/>
                  </a:cubicBezTo>
                  <a:cubicBezTo>
                    <a:pt x="18" y="24"/>
                    <a:pt x="22" y="25"/>
                    <a:pt x="24" y="24"/>
                  </a:cubicBezTo>
                  <a:cubicBezTo>
                    <a:pt x="24" y="22"/>
                    <a:pt x="24" y="21"/>
                    <a:pt x="24" y="21"/>
                  </a:cubicBezTo>
                  <a:cubicBezTo>
                    <a:pt x="25" y="19"/>
                    <a:pt x="27" y="19"/>
                    <a:pt x="27" y="18"/>
                  </a:cubicBezTo>
                  <a:cubicBezTo>
                    <a:pt x="19" y="8"/>
                    <a:pt x="19" y="8"/>
                    <a:pt x="19" y="8"/>
                  </a:cubicBezTo>
                  <a:cubicBezTo>
                    <a:pt x="19" y="7"/>
                    <a:pt x="22" y="7"/>
                    <a:pt x="24" y="7"/>
                  </a:cubicBezTo>
                  <a:cubicBezTo>
                    <a:pt x="25" y="5"/>
                    <a:pt x="34" y="4"/>
                    <a:pt x="36" y="0"/>
                  </a:cubicBezTo>
                  <a:cubicBezTo>
                    <a:pt x="39" y="2"/>
                    <a:pt x="44" y="2"/>
                    <a:pt x="47" y="4"/>
                  </a:cubicBezTo>
                  <a:cubicBezTo>
                    <a:pt x="50" y="4"/>
                    <a:pt x="51" y="7"/>
                    <a:pt x="54" y="10"/>
                  </a:cubicBezTo>
                  <a:cubicBezTo>
                    <a:pt x="56" y="10"/>
                    <a:pt x="57" y="11"/>
                    <a:pt x="59" y="11"/>
                  </a:cubicBezTo>
                  <a:cubicBezTo>
                    <a:pt x="62" y="15"/>
                    <a:pt x="65" y="16"/>
                    <a:pt x="66" y="19"/>
                  </a:cubicBezTo>
                  <a:cubicBezTo>
                    <a:pt x="69" y="21"/>
                    <a:pt x="78" y="32"/>
                    <a:pt x="80" y="32"/>
                  </a:cubicBezTo>
                  <a:cubicBezTo>
                    <a:pt x="81" y="33"/>
                    <a:pt x="94" y="33"/>
                    <a:pt x="95" y="33"/>
                  </a:cubicBezTo>
                  <a:cubicBezTo>
                    <a:pt x="95" y="33"/>
                    <a:pt x="101" y="33"/>
                    <a:pt x="101" y="35"/>
                  </a:cubicBezTo>
                  <a:cubicBezTo>
                    <a:pt x="103" y="35"/>
                    <a:pt x="103" y="38"/>
                    <a:pt x="103" y="38"/>
                  </a:cubicBezTo>
                  <a:cubicBezTo>
                    <a:pt x="104" y="39"/>
                    <a:pt x="109" y="39"/>
                    <a:pt x="109" y="39"/>
                  </a:cubicBezTo>
                  <a:cubicBezTo>
                    <a:pt x="112" y="44"/>
                    <a:pt x="113" y="46"/>
                    <a:pt x="113" y="47"/>
                  </a:cubicBezTo>
                  <a:cubicBezTo>
                    <a:pt x="113" y="49"/>
                    <a:pt x="116" y="47"/>
                    <a:pt x="116" y="50"/>
                  </a:cubicBezTo>
                  <a:cubicBezTo>
                    <a:pt x="116" y="53"/>
                    <a:pt x="122" y="57"/>
                    <a:pt x="122" y="58"/>
                  </a:cubicBezTo>
                  <a:cubicBezTo>
                    <a:pt x="124" y="60"/>
                    <a:pt x="121" y="57"/>
                    <a:pt x="122" y="60"/>
                  </a:cubicBezTo>
                  <a:cubicBezTo>
                    <a:pt x="124" y="63"/>
                    <a:pt x="121" y="64"/>
                    <a:pt x="122" y="67"/>
                  </a:cubicBezTo>
                  <a:cubicBezTo>
                    <a:pt x="124" y="69"/>
                    <a:pt x="122" y="69"/>
                    <a:pt x="124" y="71"/>
                  </a:cubicBezTo>
                  <a:cubicBezTo>
                    <a:pt x="127" y="72"/>
                    <a:pt x="125" y="75"/>
                    <a:pt x="128" y="78"/>
                  </a:cubicBezTo>
                  <a:cubicBezTo>
                    <a:pt x="128" y="80"/>
                    <a:pt x="130" y="80"/>
                    <a:pt x="130" y="80"/>
                  </a:cubicBezTo>
                  <a:cubicBezTo>
                    <a:pt x="130" y="83"/>
                    <a:pt x="130" y="83"/>
                    <a:pt x="133" y="85"/>
                  </a:cubicBezTo>
                  <a:cubicBezTo>
                    <a:pt x="136" y="88"/>
                    <a:pt x="136" y="88"/>
                    <a:pt x="136" y="92"/>
                  </a:cubicBezTo>
                  <a:cubicBezTo>
                    <a:pt x="138" y="95"/>
                    <a:pt x="136" y="95"/>
                    <a:pt x="145" y="97"/>
                  </a:cubicBezTo>
                  <a:cubicBezTo>
                    <a:pt x="154" y="99"/>
                    <a:pt x="162" y="103"/>
                    <a:pt x="163" y="99"/>
                  </a:cubicBezTo>
                  <a:cubicBezTo>
                    <a:pt x="163" y="100"/>
                    <a:pt x="166" y="105"/>
                    <a:pt x="166" y="106"/>
                  </a:cubicBezTo>
                  <a:cubicBezTo>
                    <a:pt x="166" y="108"/>
                    <a:pt x="165" y="111"/>
                    <a:pt x="165" y="113"/>
                  </a:cubicBezTo>
                  <a:cubicBezTo>
                    <a:pt x="165" y="114"/>
                    <a:pt x="162" y="125"/>
                    <a:pt x="162" y="127"/>
                  </a:cubicBezTo>
                  <a:cubicBezTo>
                    <a:pt x="160" y="128"/>
                    <a:pt x="153" y="130"/>
                    <a:pt x="150" y="131"/>
                  </a:cubicBezTo>
                  <a:cubicBezTo>
                    <a:pt x="145" y="133"/>
                    <a:pt x="142" y="134"/>
                    <a:pt x="138" y="136"/>
                  </a:cubicBezTo>
                </a:path>
              </a:pathLst>
            </a:custGeom>
            <a:solidFill>
              <a:schemeClr val="accent5"/>
            </a:solidFill>
            <a:ln w="6350" cmpd="sng">
              <a:solidFill>
                <a:schemeClr val="bg1"/>
              </a:solidFill>
              <a:round/>
              <a:headEnd/>
              <a:tailEnd/>
            </a:ln>
          </p:spPr>
          <p:txBody>
            <a:bodyPr/>
            <a:lstStyle/>
            <a:p>
              <a:endParaRPr lang="en-GB" sz="1633" dirty="0"/>
            </a:p>
          </p:txBody>
        </p:sp>
        <p:sp>
          <p:nvSpPr>
            <p:cNvPr id="128" name="Freeform 78"/>
            <p:cNvSpPr>
              <a:spLocks/>
            </p:cNvSpPr>
            <p:nvPr/>
          </p:nvSpPr>
          <p:spPr bwMode="auto">
            <a:xfrm>
              <a:off x="6481769" y="3953327"/>
              <a:ext cx="242624" cy="277968"/>
            </a:xfrm>
            <a:custGeom>
              <a:avLst/>
              <a:gdLst/>
              <a:ahLst/>
              <a:cxnLst>
                <a:cxn ang="0">
                  <a:pos x="48" y="3"/>
                </a:cxn>
                <a:cxn ang="0">
                  <a:pos x="52" y="14"/>
                </a:cxn>
                <a:cxn ang="0">
                  <a:pos x="61" y="17"/>
                </a:cxn>
                <a:cxn ang="0">
                  <a:pos x="58" y="22"/>
                </a:cxn>
                <a:cxn ang="0">
                  <a:pos x="54" y="34"/>
                </a:cxn>
                <a:cxn ang="0">
                  <a:pos x="60" y="45"/>
                </a:cxn>
                <a:cxn ang="0">
                  <a:pos x="70" y="56"/>
                </a:cxn>
                <a:cxn ang="0">
                  <a:pos x="72" y="68"/>
                </a:cxn>
                <a:cxn ang="0">
                  <a:pos x="75" y="75"/>
                </a:cxn>
                <a:cxn ang="0">
                  <a:pos x="78" y="79"/>
                </a:cxn>
                <a:cxn ang="0">
                  <a:pos x="73" y="79"/>
                </a:cxn>
                <a:cxn ang="0">
                  <a:pos x="67" y="79"/>
                </a:cxn>
                <a:cxn ang="0">
                  <a:pos x="63" y="89"/>
                </a:cxn>
                <a:cxn ang="0">
                  <a:pos x="48" y="87"/>
                </a:cxn>
                <a:cxn ang="0">
                  <a:pos x="34" y="75"/>
                </a:cxn>
                <a:cxn ang="0">
                  <a:pos x="26" y="67"/>
                </a:cxn>
                <a:cxn ang="0">
                  <a:pos x="22" y="65"/>
                </a:cxn>
                <a:cxn ang="0">
                  <a:pos x="14" y="59"/>
                </a:cxn>
                <a:cxn ang="0">
                  <a:pos x="3" y="56"/>
                </a:cxn>
                <a:cxn ang="0">
                  <a:pos x="5" y="56"/>
                </a:cxn>
                <a:cxn ang="0">
                  <a:pos x="2" y="54"/>
                </a:cxn>
                <a:cxn ang="0">
                  <a:pos x="2" y="53"/>
                </a:cxn>
                <a:cxn ang="0">
                  <a:pos x="3" y="53"/>
                </a:cxn>
                <a:cxn ang="0">
                  <a:pos x="3" y="51"/>
                </a:cxn>
                <a:cxn ang="0">
                  <a:pos x="0" y="43"/>
                </a:cxn>
                <a:cxn ang="0">
                  <a:pos x="11" y="37"/>
                </a:cxn>
                <a:cxn ang="0">
                  <a:pos x="19" y="33"/>
                </a:cxn>
                <a:cxn ang="0">
                  <a:pos x="20" y="28"/>
                </a:cxn>
                <a:cxn ang="0">
                  <a:pos x="20" y="28"/>
                </a:cxn>
                <a:cxn ang="0">
                  <a:pos x="20" y="26"/>
                </a:cxn>
                <a:cxn ang="0">
                  <a:pos x="20" y="23"/>
                </a:cxn>
                <a:cxn ang="0">
                  <a:pos x="22" y="17"/>
                </a:cxn>
                <a:cxn ang="0">
                  <a:pos x="20" y="11"/>
                </a:cxn>
                <a:cxn ang="0">
                  <a:pos x="25" y="9"/>
                </a:cxn>
                <a:cxn ang="0">
                  <a:pos x="29" y="3"/>
                </a:cxn>
                <a:cxn ang="0">
                  <a:pos x="32" y="0"/>
                </a:cxn>
                <a:cxn ang="0">
                  <a:pos x="32" y="0"/>
                </a:cxn>
                <a:cxn ang="0">
                  <a:pos x="32" y="0"/>
                </a:cxn>
                <a:cxn ang="0">
                  <a:pos x="34" y="2"/>
                </a:cxn>
                <a:cxn ang="0">
                  <a:pos x="34" y="0"/>
                </a:cxn>
                <a:cxn ang="0">
                  <a:pos x="35" y="0"/>
                </a:cxn>
                <a:cxn ang="0">
                  <a:pos x="38" y="2"/>
                </a:cxn>
                <a:cxn ang="0">
                  <a:pos x="43" y="2"/>
                </a:cxn>
                <a:cxn ang="0">
                  <a:pos x="44" y="5"/>
                </a:cxn>
                <a:cxn ang="0">
                  <a:pos x="46" y="3"/>
                </a:cxn>
                <a:cxn ang="0">
                  <a:pos x="48" y="3"/>
                </a:cxn>
              </a:cxnLst>
              <a:rect l="0" t="0" r="r" b="b"/>
              <a:pathLst>
                <a:path w="78" h="89">
                  <a:moveTo>
                    <a:pt x="48" y="3"/>
                  </a:moveTo>
                  <a:cubicBezTo>
                    <a:pt x="49" y="8"/>
                    <a:pt x="52" y="11"/>
                    <a:pt x="52" y="14"/>
                  </a:cubicBezTo>
                  <a:cubicBezTo>
                    <a:pt x="52" y="17"/>
                    <a:pt x="60" y="16"/>
                    <a:pt x="61" y="17"/>
                  </a:cubicBezTo>
                  <a:cubicBezTo>
                    <a:pt x="61" y="19"/>
                    <a:pt x="57" y="17"/>
                    <a:pt x="58" y="22"/>
                  </a:cubicBezTo>
                  <a:cubicBezTo>
                    <a:pt x="61" y="26"/>
                    <a:pt x="54" y="28"/>
                    <a:pt x="54" y="34"/>
                  </a:cubicBezTo>
                  <a:cubicBezTo>
                    <a:pt x="52" y="40"/>
                    <a:pt x="58" y="39"/>
                    <a:pt x="60" y="45"/>
                  </a:cubicBezTo>
                  <a:cubicBezTo>
                    <a:pt x="60" y="50"/>
                    <a:pt x="67" y="51"/>
                    <a:pt x="70" y="56"/>
                  </a:cubicBezTo>
                  <a:cubicBezTo>
                    <a:pt x="73" y="62"/>
                    <a:pt x="70" y="65"/>
                    <a:pt x="72" y="68"/>
                  </a:cubicBezTo>
                  <a:cubicBezTo>
                    <a:pt x="73" y="71"/>
                    <a:pt x="73" y="75"/>
                    <a:pt x="75" y="75"/>
                  </a:cubicBezTo>
                  <a:cubicBezTo>
                    <a:pt x="76" y="76"/>
                    <a:pt x="78" y="76"/>
                    <a:pt x="78" y="79"/>
                  </a:cubicBezTo>
                  <a:cubicBezTo>
                    <a:pt x="76" y="81"/>
                    <a:pt x="72" y="76"/>
                    <a:pt x="73" y="79"/>
                  </a:cubicBezTo>
                  <a:cubicBezTo>
                    <a:pt x="72" y="79"/>
                    <a:pt x="69" y="78"/>
                    <a:pt x="67" y="79"/>
                  </a:cubicBezTo>
                  <a:cubicBezTo>
                    <a:pt x="66" y="81"/>
                    <a:pt x="64" y="87"/>
                    <a:pt x="63" y="89"/>
                  </a:cubicBezTo>
                  <a:cubicBezTo>
                    <a:pt x="61" y="89"/>
                    <a:pt x="49" y="89"/>
                    <a:pt x="48" y="87"/>
                  </a:cubicBezTo>
                  <a:cubicBezTo>
                    <a:pt x="46" y="87"/>
                    <a:pt x="37" y="76"/>
                    <a:pt x="34" y="75"/>
                  </a:cubicBezTo>
                  <a:cubicBezTo>
                    <a:pt x="32" y="71"/>
                    <a:pt x="29" y="70"/>
                    <a:pt x="26" y="67"/>
                  </a:cubicBezTo>
                  <a:cubicBezTo>
                    <a:pt x="25" y="67"/>
                    <a:pt x="23" y="65"/>
                    <a:pt x="22" y="65"/>
                  </a:cubicBezTo>
                  <a:cubicBezTo>
                    <a:pt x="19" y="62"/>
                    <a:pt x="17" y="59"/>
                    <a:pt x="14" y="59"/>
                  </a:cubicBezTo>
                  <a:cubicBezTo>
                    <a:pt x="11" y="57"/>
                    <a:pt x="7" y="57"/>
                    <a:pt x="3" y="56"/>
                  </a:cubicBezTo>
                  <a:cubicBezTo>
                    <a:pt x="5" y="56"/>
                    <a:pt x="5" y="56"/>
                    <a:pt x="5" y="56"/>
                  </a:cubicBezTo>
                  <a:cubicBezTo>
                    <a:pt x="5" y="53"/>
                    <a:pt x="3" y="54"/>
                    <a:pt x="2" y="54"/>
                  </a:cubicBezTo>
                  <a:cubicBezTo>
                    <a:pt x="2" y="53"/>
                    <a:pt x="2" y="53"/>
                    <a:pt x="2" y="53"/>
                  </a:cubicBezTo>
                  <a:cubicBezTo>
                    <a:pt x="3" y="53"/>
                    <a:pt x="3" y="53"/>
                    <a:pt x="3" y="53"/>
                  </a:cubicBezTo>
                  <a:cubicBezTo>
                    <a:pt x="3" y="53"/>
                    <a:pt x="3" y="53"/>
                    <a:pt x="3" y="51"/>
                  </a:cubicBezTo>
                  <a:cubicBezTo>
                    <a:pt x="2" y="50"/>
                    <a:pt x="2" y="47"/>
                    <a:pt x="0" y="43"/>
                  </a:cubicBezTo>
                  <a:cubicBezTo>
                    <a:pt x="3" y="40"/>
                    <a:pt x="8" y="39"/>
                    <a:pt x="11" y="37"/>
                  </a:cubicBezTo>
                  <a:cubicBezTo>
                    <a:pt x="13" y="36"/>
                    <a:pt x="16" y="34"/>
                    <a:pt x="19" y="33"/>
                  </a:cubicBezTo>
                  <a:cubicBezTo>
                    <a:pt x="19" y="31"/>
                    <a:pt x="20" y="30"/>
                    <a:pt x="20" y="28"/>
                  </a:cubicBezTo>
                  <a:cubicBezTo>
                    <a:pt x="20" y="28"/>
                    <a:pt x="20" y="28"/>
                    <a:pt x="20" y="28"/>
                  </a:cubicBezTo>
                  <a:cubicBezTo>
                    <a:pt x="20" y="28"/>
                    <a:pt x="20" y="28"/>
                    <a:pt x="20" y="26"/>
                  </a:cubicBezTo>
                  <a:cubicBezTo>
                    <a:pt x="20" y="26"/>
                    <a:pt x="20" y="25"/>
                    <a:pt x="20" y="23"/>
                  </a:cubicBezTo>
                  <a:cubicBezTo>
                    <a:pt x="20" y="22"/>
                    <a:pt x="22" y="19"/>
                    <a:pt x="22" y="17"/>
                  </a:cubicBezTo>
                  <a:cubicBezTo>
                    <a:pt x="20" y="16"/>
                    <a:pt x="20" y="14"/>
                    <a:pt x="20" y="11"/>
                  </a:cubicBezTo>
                  <a:cubicBezTo>
                    <a:pt x="22" y="9"/>
                    <a:pt x="23" y="9"/>
                    <a:pt x="25" y="9"/>
                  </a:cubicBezTo>
                  <a:cubicBezTo>
                    <a:pt x="26" y="8"/>
                    <a:pt x="28" y="5"/>
                    <a:pt x="29" y="3"/>
                  </a:cubicBezTo>
                  <a:cubicBezTo>
                    <a:pt x="31" y="3"/>
                    <a:pt x="31" y="2"/>
                    <a:pt x="32" y="0"/>
                  </a:cubicBezTo>
                  <a:cubicBezTo>
                    <a:pt x="32" y="0"/>
                    <a:pt x="32" y="0"/>
                    <a:pt x="32" y="0"/>
                  </a:cubicBezTo>
                  <a:cubicBezTo>
                    <a:pt x="32" y="0"/>
                    <a:pt x="32" y="0"/>
                    <a:pt x="32" y="0"/>
                  </a:cubicBezTo>
                  <a:cubicBezTo>
                    <a:pt x="34" y="0"/>
                    <a:pt x="34" y="2"/>
                    <a:pt x="34" y="2"/>
                  </a:cubicBezTo>
                  <a:cubicBezTo>
                    <a:pt x="34" y="0"/>
                    <a:pt x="34" y="0"/>
                    <a:pt x="34" y="0"/>
                  </a:cubicBezTo>
                  <a:cubicBezTo>
                    <a:pt x="35" y="0"/>
                    <a:pt x="35" y="0"/>
                    <a:pt x="35" y="0"/>
                  </a:cubicBezTo>
                  <a:cubicBezTo>
                    <a:pt x="37" y="0"/>
                    <a:pt x="37" y="2"/>
                    <a:pt x="38" y="2"/>
                  </a:cubicBezTo>
                  <a:cubicBezTo>
                    <a:pt x="41" y="3"/>
                    <a:pt x="41" y="0"/>
                    <a:pt x="43" y="2"/>
                  </a:cubicBezTo>
                  <a:cubicBezTo>
                    <a:pt x="44" y="2"/>
                    <a:pt x="43" y="3"/>
                    <a:pt x="44" y="5"/>
                  </a:cubicBezTo>
                  <a:cubicBezTo>
                    <a:pt x="46" y="3"/>
                    <a:pt x="46" y="3"/>
                    <a:pt x="46" y="3"/>
                  </a:cubicBezTo>
                  <a:cubicBezTo>
                    <a:pt x="48" y="3"/>
                    <a:pt x="48" y="3"/>
                    <a:pt x="48" y="3"/>
                  </a:cubicBezTo>
                </a:path>
              </a:pathLst>
            </a:custGeom>
            <a:solidFill>
              <a:schemeClr val="accent5"/>
            </a:solidFill>
            <a:ln w="6350" cmpd="sng">
              <a:solidFill>
                <a:schemeClr val="bg1"/>
              </a:solidFill>
              <a:round/>
              <a:headEnd/>
              <a:tailEnd/>
            </a:ln>
          </p:spPr>
          <p:txBody>
            <a:bodyPr/>
            <a:lstStyle/>
            <a:p>
              <a:endParaRPr lang="en-GB" sz="1633" dirty="0"/>
            </a:p>
          </p:txBody>
        </p:sp>
        <p:sp>
          <p:nvSpPr>
            <p:cNvPr id="129" name="Freeform 79"/>
            <p:cNvSpPr>
              <a:spLocks/>
            </p:cNvSpPr>
            <p:nvPr/>
          </p:nvSpPr>
          <p:spPr bwMode="auto">
            <a:xfrm>
              <a:off x="6677796" y="4197554"/>
              <a:ext cx="43383" cy="53023"/>
            </a:xfrm>
            <a:custGeom>
              <a:avLst/>
              <a:gdLst/>
              <a:ahLst/>
              <a:cxnLst>
                <a:cxn ang="0">
                  <a:pos x="14" y="17"/>
                </a:cxn>
                <a:cxn ang="0">
                  <a:pos x="8" y="15"/>
                </a:cxn>
                <a:cxn ang="0">
                  <a:pos x="6" y="12"/>
                </a:cxn>
                <a:cxn ang="0">
                  <a:pos x="0" y="10"/>
                </a:cxn>
                <a:cxn ang="0">
                  <a:pos x="5" y="1"/>
                </a:cxn>
                <a:cxn ang="0">
                  <a:pos x="11" y="1"/>
                </a:cxn>
                <a:cxn ang="0">
                  <a:pos x="9" y="6"/>
                </a:cxn>
                <a:cxn ang="0">
                  <a:pos x="12" y="9"/>
                </a:cxn>
                <a:cxn ang="0">
                  <a:pos x="14" y="17"/>
                </a:cxn>
              </a:cxnLst>
              <a:rect l="0" t="0" r="r" b="b"/>
              <a:pathLst>
                <a:path w="14" h="17">
                  <a:moveTo>
                    <a:pt x="14" y="17"/>
                  </a:moveTo>
                  <a:cubicBezTo>
                    <a:pt x="14" y="17"/>
                    <a:pt x="9" y="17"/>
                    <a:pt x="8" y="15"/>
                  </a:cubicBezTo>
                  <a:cubicBezTo>
                    <a:pt x="8" y="15"/>
                    <a:pt x="8" y="12"/>
                    <a:pt x="6" y="12"/>
                  </a:cubicBezTo>
                  <a:cubicBezTo>
                    <a:pt x="6" y="10"/>
                    <a:pt x="0" y="10"/>
                    <a:pt x="0" y="10"/>
                  </a:cubicBezTo>
                  <a:cubicBezTo>
                    <a:pt x="1" y="9"/>
                    <a:pt x="3" y="3"/>
                    <a:pt x="5" y="1"/>
                  </a:cubicBezTo>
                  <a:cubicBezTo>
                    <a:pt x="6" y="0"/>
                    <a:pt x="9" y="1"/>
                    <a:pt x="11" y="1"/>
                  </a:cubicBezTo>
                  <a:cubicBezTo>
                    <a:pt x="14" y="9"/>
                    <a:pt x="11" y="3"/>
                    <a:pt x="9" y="6"/>
                  </a:cubicBezTo>
                  <a:cubicBezTo>
                    <a:pt x="8" y="9"/>
                    <a:pt x="12" y="6"/>
                    <a:pt x="12" y="9"/>
                  </a:cubicBezTo>
                  <a:cubicBezTo>
                    <a:pt x="12" y="13"/>
                    <a:pt x="14" y="10"/>
                    <a:pt x="14" y="17"/>
                  </a:cubicBezTo>
                </a:path>
              </a:pathLst>
            </a:custGeom>
            <a:solidFill>
              <a:schemeClr val="accent5"/>
            </a:solidFill>
            <a:ln w="6350" cmpd="sng">
              <a:solidFill>
                <a:schemeClr val="bg1"/>
              </a:solidFill>
              <a:round/>
              <a:headEnd/>
              <a:tailEnd/>
            </a:ln>
          </p:spPr>
          <p:txBody>
            <a:bodyPr/>
            <a:lstStyle/>
            <a:p>
              <a:endParaRPr lang="en-GB" sz="1633" dirty="0"/>
            </a:p>
          </p:txBody>
        </p:sp>
        <p:sp>
          <p:nvSpPr>
            <p:cNvPr id="130" name="Freeform 80"/>
            <p:cNvSpPr>
              <a:spLocks/>
            </p:cNvSpPr>
            <p:nvPr/>
          </p:nvSpPr>
          <p:spPr bwMode="auto">
            <a:xfrm>
              <a:off x="6806339" y="4355015"/>
              <a:ext cx="199241" cy="268327"/>
            </a:xfrm>
            <a:custGeom>
              <a:avLst/>
              <a:gdLst/>
              <a:ahLst/>
              <a:cxnLst>
                <a:cxn ang="0">
                  <a:pos x="1" y="62"/>
                </a:cxn>
                <a:cxn ang="0">
                  <a:pos x="0" y="67"/>
                </a:cxn>
                <a:cxn ang="0">
                  <a:pos x="6" y="78"/>
                </a:cxn>
                <a:cxn ang="0">
                  <a:pos x="8" y="82"/>
                </a:cxn>
                <a:cxn ang="0">
                  <a:pos x="11" y="86"/>
                </a:cxn>
                <a:cxn ang="0">
                  <a:pos x="14" y="86"/>
                </a:cxn>
                <a:cxn ang="0">
                  <a:pos x="23" y="82"/>
                </a:cxn>
                <a:cxn ang="0">
                  <a:pos x="32" y="73"/>
                </a:cxn>
                <a:cxn ang="0">
                  <a:pos x="44" y="64"/>
                </a:cxn>
                <a:cxn ang="0">
                  <a:pos x="47" y="51"/>
                </a:cxn>
                <a:cxn ang="0">
                  <a:pos x="54" y="45"/>
                </a:cxn>
                <a:cxn ang="0">
                  <a:pos x="63" y="34"/>
                </a:cxn>
                <a:cxn ang="0">
                  <a:pos x="61" y="26"/>
                </a:cxn>
                <a:cxn ang="0">
                  <a:pos x="54" y="15"/>
                </a:cxn>
                <a:cxn ang="0">
                  <a:pos x="46" y="14"/>
                </a:cxn>
                <a:cxn ang="0">
                  <a:pos x="37" y="1"/>
                </a:cxn>
                <a:cxn ang="0">
                  <a:pos x="34" y="3"/>
                </a:cxn>
                <a:cxn ang="0">
                  <a:pos x="32" y="6"/>
                </a:cxn>
                <a:cxn ang="0">
                  <a:pos x="32" y="9"/>
                </a:cxn>
                <a:cxn ang="0">
                  <a:pos x="32" y="11"/>
                </a:cxn>
                <a:cxn ang="0">
                  <a:pos x="29" y="12"/>
                </a:cxn>
                <a:cxn ang="0">
                  <a:pos x="29" y="17"/>
                </a:cxn>
                <a:cxn ang="0">
                  <a:pos x="28" y="25"/>
                </a:cxn>
                <a:cxn ang="0">
                  <a:pos x="31" y="32"/>
                </a:cxn>
                <a:cxn ang="0">
                  <a:pos x="29" y="39"/>
                </a:cxn>
                <a:cxn ang="0">
                  <a:pos x="26" y="53"/>
                </a:cxn>
                <a:cxn ang="0">
                  <a:pos x="14" y="57"/>
                </a:cxn>
                <a:cxn ang="0">
                  <a:pos x="1" y="62"/>
                </a:cxn>
              </a:cxnLst>
              <a:rect l="0" t="0" r="r" b="b"/>
              <a:pathLst>
                <a:path w="64" h="86">
                  <a:moveTo>
                    <a:pt x="1" y="62"/>
                  </a:moveTo>
                  <a:cubicBezTo>
                    <a:pt x="1" y="64"/>
                    <a:pt x="0" y="65"/>
                    <a:pt x="0" y="67"/>
                  </a:cubicBezTo>
                  <a:cubicBezTo>
                    <a:pt x="1" y="70"/>
                    <a:pt x="5" y="75"/>
                    <a:pt x="6" y="78"/>
                  </a:cubicBezTo>
                  <a:cubicBezTo>
                    <a:pt x="8" y="79"/>
                    <a:pt x="6" y="79"/>
                    <a:pt x="8" y="82"/>
                  </a:cubicBezTo>
                  <a:cubicBezTo>
                    <a:pt x="8" y="84"/>
                    <a:pt x="9" y="86"/>
                    <a:pt x="11" y="86"/>
                  </a:cubicBezTo>
                  <a:cubicBezTo>
                    <a:pt x="11" y="86"/>
                    <a:pt x="12" y="86"/>
                    <a:pt x="14" y="86"/>
                  </a:cubicBezTo>
                  <a:cubicBezTo>
                    <a:pt x="15" y="86"/>
                    <a:pt x="17" y="82"/>
                    <a:pt x="23" y="82"/>
                  </a:cubicBezTo>
                  <a:cubicBezTo>
                    <a:pt x="29" y="84"/>
                    <a:pt x="26" y="73"/>
                    <a:pt x="32" y="73"/>
                  </a:cubicBezTo>
                  <a:cubicBezTo>
                    <a:pt x="41" y="73"/>
                    <a:pt x="35" y="65"/>
                    <a:pt x="44" y="64"/>
                  </a:cubicBezTo>
                  <a:cubicBezTo>
                    <a:pt x="52" y="62"/>
                    <a:pt x="44" y="61"/>
                    <a:pt x="47" y="51"/>
                  </a:cubicBezTo>
                  <a:cubicBezTo>
                    <a:pt x="52" y="40"/>
                    <a:pt x="50" y="54"/>
                    <a:pt x="54" y="45"/>
                  </a:cubicBezTo>
                  <a:cubicBezTo>
                    <a:pt x="57" y="39"/>
                    <a:pt x="60" y="42"/>
                    <a:pt x="63" y="34"/>
                  </a:cubicBezTo>
                  <a:cubicBezTo>
                    <a:pt x="64" y="28"/>
                    <a:pt x="64" y="28"/>
                    <a:pt x="61" y="26"/>
                  </a:cubicBezTo>
                  <a:cubicBezTo>
                    <a:pt x="60" y="25"/>
                    <a:pt x="57" y="15"/>
                    <a:pt x="54" y="15"/>
                  </a:cubicBezTo>
                  <a:cubicBezTo>
                    <a:pt x="50" y="17"/>
                    <a:pt x="52" y="14"/>
                    <a:pt x="46" y="14"/>
                  </a:cubicBezTo>
                  <a:cubicBezTo>
                    <a:pt x="41" y="14"/>
                    <a:pt x="37" y="6"/>
                    <a:pt x="37" y="1"/>
                  </a:cubicBezTo>
                  <a:cubicBezTo>
                    <a:pt x="34" y="3"/>
                    <a:pt x="35" y="6"/>
                    <a:pt x="34" y="3"/>
                  </a:cubicBezTo>
                  <a:cubicBezTo>
                    <a:pt x="32" y="0"/>
                    <a:pt x="32" y="3"/>
                    <a:pt x="32" y="6"/>
                  </a:cubicBezTo>
                  <a:cubicBezTo>
                    <a:pt x="32" y="9"/>
                    <a:pt x="31" y="9"/>
                    <a:pt x="32" y="9"/>
                  </a:cubicBezTo>
                  <a:cubicBezTo>
                    <a:pt x="34" y="9"/>
                    <a:pt x="35" y="11"/>
                    <a:pt x="32" y="11"/>
                  </a:cubicBezTo>
                  <a:cubicBezTo>
                    <a:pt x="31" y="12"/>
                    <a:pt x="29" y="12"/>
                    <a:pt x="29" y="12"/>
                  </a:cubicBezTo>
                  <a:cubicBezTo>
                    <a:pt x="31" y="14"/>
                    <a:pt x="31" y="12"/>
                    <a:pt x="29" y="17"/>
                  </a:cubicBezTo>
                  <a:cubicBezTo>
                    <a:pt x="26" y="21"/>
                    <a:pt x="28" y="23"/>
                    <a:pt x="28" y="25"/>
                  </a:cubicBezTo>
                  <a:cubicBezTo>
                    <a:pt x="28" y="26"/>
                    <a:pt x="31" y="31"/>
                    <a:pt x="31" y="32"/>
                  </a:cubicBezTo>
                  <a:cubicBezTo>
                    <a:pt x="31" y="34"/>
                    <a:pt x="29" y="37"/>
                    <a:pt x="29" y="39"/>
                  </a:cubicBezTo>
                  <a:cubicBezTo>
                    <a:pt x="29" y="40"/>
                    <a:pt x="26" y="51"/>
                    <a:pt x="26" y="53"/>
                  </a:cubicBezTo>
                  <a:cubicBezTo>
                    <a:pt x="24" y="54"/>
                    <a:pt x="17" y="56"/>
                    <a:pt x="14" y="57"/>
                  </a:cubicBezTo>
                  <a:cubicBezTo>
                    <a:pt x="9" y="59"/>
                    <a:pt x="6" y="61"/>
                    <a:pt x="1" y="62"/>
                  </a:cubicBezTo>
                </a:path>
              </a:pathLst>
            </a:custGeom>
            <a:solidFill>
              <a:schemeClr val="accent5"/>
            </a:solidFill>
            <a:ln w="6350" cmpd="sng">
              <a:solidFill>
                <a:schemeClr val="bg1"/>
              </a:solidFill>
              <a:round/>
              <a:headEnd/>
              <a:tailEnd/>
            </a:ln>
          </p:spPr>
          <p:txBody>
            <a:bodyPr/>
            <a:lstStyle/>
            <a:p>
              <a:endParaRPr lang="en-GB" sz="1633" dirty="0"/>
            </a:p>
          </p:txBody>
        </p:sp>
        <p:sp>
          <p:nvSpPr>
            <p:cNvPr id="131" name="Freeform 81"/>
            <p:cNvSpPr>
              <a:spLocks/>
            </p:cNvSpPr>
            <p:nvPr/>
          </p:nvSpPr>
          <p:spPr bwMode="auto">
            <a:xfrm>
              <a:off x="6571748" y="4549432"/>
              <a:ext cx="268333" cy="202450"/>
            </a:xfrm>
            <a:custGeom>
              <a:avLst/>
              <a:gdLst/>
              <a:ahLst/>
              <a:cxnLst>
                <a:cxn ang="0">
                  <a:pos x="77" y="0"/>
                </a:cxn>
                <a:cxn ang="0">
                  <a:pos x="75" y="5"/>
                </a:cxn>
                <a:cxn ang="0">
                  <a:pos x="81" y="16"/>
                </a:cxn>
                <a:cxn ang="0">
                  <a:pos x="83" y="20"/>
                </a:cxn>
                <a:cxn ang="0">
                  <a:pos x="86" y="23"/>
                </a:cxn>
                <a:cxn ang="0">
                  <a:pos x="77" y="36"/>
                </a:cxn>
                <a:cxn ang="0">
                  <a:pos x="69" y="39"/>
                </a:cxn>
                <a:cxn ang="0">
                  <a:pos x="61" y="42"/>
                </a:cxn>
                <a:cxn ang="0">
                  <a:pos x="46" y="50"/>
                </a:cxn>
                <a:cxn ang="0">
                  <a:pos x="31" y="56"/>
                </a:cxn>
                <a:cxn ang="0">
                  <a:pos x="23" y="61"/>
                </a:cxn>
                <a:cxn ang="0">
                  <a:pos x="19" y="62"/>
                </a:cxn>
                <a:cxn ang="0">
                  <a:pos x="16" y="64"/>
                </a:cxn>
                <a:cxn ang="0">
                  <a:pos x="13" y="64"/>
                </a:cxn>
                <a:cxn ang="0">
                  <a:pos x="8" y="62"/>
                </a:cxn>
                <a:cxn ang="0">
                  <a:pos x="7" y="56"/>
                </a:cxn>
                <a:cxn ang="0">
                  <a:pos x="5" y="47"/>
                </a:cxn>
                <a:cxn ang="0">
                  <a:pos x="4" y="40"/>
                </a:cxn>
                <a:cxn ang="0">
                  <a:pos x="2" y="37"/>
                </a:cxn>
                <a:cxn ang="0">
                  <a:pos x="2" y="33"/>
                </a:cxn>
                <a:cxn ang="0">
                  <a:pos x="4" y="26"/>
                </a:cxn>
                <a:cxn ang="0">
                  <a:pos x="7" y="23"/>
                </a:cxn>
                <a:cxn ang="0">
                  <a:pos x="7" y="22"/>
                </a:cxn>
                <a:cxn ang="0">
                  <a:pos x="7" y="17"/>
                </a:cxn>
                <a:cxn ang="0">
                  <a:pos x="7" y="17"/>
                </a:cxn>
                <a:cxn ang="0">
                  <a:pos x="8" y="16"/>
                </a:cxn>
                <a:cxn ang="0">
                  <a:pos x="11" y="17"/>
                </a:cxn>
                <a:cxn ang="0">
                  <a:pos x="13" y="17"/>
                </a:cxn>
                <a:cxn ang="0">
                  <a:pos x="13" y="17"/>
                </a:cxn>
                <a:cxn ang="0">
                  <a:pos x="13" y="17"/>
                </a:cxn>
                <a:cxn ang="0">
                  <a:pos x="14" y="17"/>
                </a:cxn>
                <a:cxn ang="0">
                  <a:pos x="31" y="23"/>
                </a:cxn>
                <a:cxn ang="0">
                  <a:pos x="31" y="26"/>
                </a:cxn>
                <a:cxn ang="0">
                  <a:pos x="31" y="34"/>
                </a:cxn>
                <a:cxn ang="0">
                  <a:pos x="46" y="16"/>
                </a:cxn>
                <a:cxn ang="0">
                  <a:pos x="51" y="8"/>
                </a:cxn>
                <a:cxn ang="0">
                  <a:pos x="65" y="5"/>
                </a:cxn>
                <a:cxn ang="0">
                  <a:pos x="77" y="0"/>
                </a:cxn>
              </a:cxnLst>
              <a:rect l="0" t="0" r="r" b="b"/>
              <a:pathLst>
                <a:path w="86" h="65">
                  <a:moveTo>
                    <a:pt x="77" y="0"/>
                  </a:moveTo>
                  <a:cubicBezTo>
                    <a:pt x="77" y="2"/>
                    <a:pt x="75" y="3"/>
                    <a:pt x="75" y="5"/>
                  </a:cubicBezTo>
                  <a:cubicBezTo>
                    <a:pt x="77" y="8"/>
                    <a:pt x="80" y="12"/>
                    <a:pt x="81" y="16"/>
                  </a:cubicBezTo>
                  <a:cubicBezTo>
                    <a:pt x="83" y="17"/>
                    <a:pt x="81" y="17"/>
                    <a:pt x="83" y="20"/>
                  </a:cubicBezTo>
                  <a:cubicBezTo>
                    <a:pt x="83" y="22"/>
                    <a:pt x="84" y="23"/>
                    <a:pt x="86" y="23"/>
                  </a:cubicBezTo>
                  <a:cubicBezTo>
                    <a:pt x="74" y="30"/>
                    <a:pt x="83" y="34"/>
                    <a:pt x="77" y="36"/>
                  </a:cubicBezTo>
                  <a:cubicBezTo>
                    <a:pt x="74" y="36"/>
                    <a:pt x="77" y="37"/>
                    <a:pt x="69" y="39"/>
                  </a:cubicBezTo>
                  <a:cubicBezTo>
                    <a:pt x="63" y="40"/>
                    <a:pt x="63" y="43"/>
                    <a:pt x="61" y="42"/>
                  </a:cubicBezTo>
                  <a:cubicBezTo>
                    <a:pt x="54" y="42"/>
                    <a:pt x="52" y="53"/>
                    <a:pt x="46" y="50"/>
                  </a:cubicBezTo>
                  <a:cubicBezTo>
                    <a:pt x="42" y="48"/>
                    <a:pt x="40" y="57"/>
                    <a:pt x="31" y="56"/>
                  </a:cubicBezTo>
                  <a:cubicBezTo>
                    <a:pt x="25" y="56"/>
                    <a:pt x="26" y="61"/>
                    <a:pt x="23" y="61"/>
                  </a:cubicBezTo>
                  <a:cubicBezTo>
                    <a:pt x="20" y="61"/>
                    <a:pt x="23" y="64"/>
                    <a:pt x="19" y="62"/>
                  </a:cubicBezTo>
                  <a:cubicBezTo>
                    <a:pt x="16" y="62"/>
                    <a:pt x="17" y="64"/>
                    <a:pt x="16" y="64"/>
                  </a:cubicBezTo>
                  <a:cubicBezTo>
                    <a:pt x="14" y="64"/>
                    <a:pt x="14" y="65"/>
                    <a:pt x="13" y="64"/>
                  </a:cubicBezTo>
                  <a:cubicBezTo>
                    <a:pt x="10" y="62"/>
                    <a:pt x="10" y="65"/>
                    <a:pt x="8" y="62"/>
                  </a:cubicBezTo>
                  <a:cubicBezTo>
                    <a:pt x="8" y="57"/>
                    <a:pt x="7" y="59"/>
                    <a:pt x="7" y="56"/>
                  </a:cubicBezTo>
                  <a:cubicBezTo>
                    <a:pt x="8" y="53"/>
                    <a:pt x="5" y="51"/>
                    <a:pt x="5" y="47"/>
                  </a:cubicBezTo>
                  <a:cubicBezTo>
                    <a:pt x="5" y="43"/>
                    <a:pt x="4" y="43"/>
                    <a:pt x="4" y="40"/>
                  </a:cubicBezTo>
                  <a:cubicBezTo>
                    <a:pt x="4" y="39"/>
                    <a:pt x="0" y="39"/>
                    <a:pt x="2" y="37"/>
                  </a:cubicBezTo>
                  <a:cubicBezTo>
                    <a:pt x="5" y="36"/>
                    <a:pt x="2" y="36"/>
                    <a:pt x="2" y="33"/>
                  </a:cubicBezTo>
                  <a:cubicBezTo>
                    <a:pt x="4" y="31"/>
                    <a:pt x="4" y="30"/>
                    <a:pt x="4" y="26"/>
                  </a:cubicBezTo>
                  <a:cubicBezTo>
                    <a:pt x="5" y="25"/>
                    <a:pt x="7" y="23"/>
                    <a:pt x="7" y="23"/>
                  </a:cubicBezTo>
                  <a:cubicBezTo>
                    <a:pt x="7" y="22"/>
                    <a:pt x="7" y="22"/>
                    <a:pt x="7" y="22"/>
                  </a:cubicBezTo>
                  <a:cubicBezTo>
                    <a:pt x="7" y="20"/>
                    <a:pt x="7" y="19"/>
                    <a:pt x="7" y="17"/>
                  </a:cubicBezTo>
                  <a:cubicBezTo>
                    <a:pt x="8" y="17"/>
                    <a:pt x="7" y="17"/>
                    <a:pt x="7" y="17"/>
                  </a:cubicBezTo>
                  <a:cubicBezTo>
                    <a:pt x="8" y="16"/>
                    <a:pt x="8" y="16"/>
                    <a:pt x="8" y="16"/>
                  </a:cubicBezTo>
                  <a:cubicBezTo>
                    <a:pt x="10" y="16"/>
                    <a:pt x="11" y="17"/>
                    <a:pt x="11" y="17"/>
                  </a:cubicBezTo>
                  <a:cubicBezTo>
                    <a:pt x="13" y="17"/>
                    <a:pt x="13" y="17"/>
                    <a:pt x="13" y="17"/>
                  </a:cubicBezTo>
                  <a:cubicBezTo>
                    <a:pt x="13" y="17"/>
                    <a:pt x="13" y="17"/>
                    <a:pt x="13" y="17"/>
                  </a:cubicBezTo>
                  <a:cubicBezTo>
                    <a:pt x="13" y="17"/>
                    <a:pt x="13" y="17"/>
                    <a:pt x="13" y="17"/>
                  </a:cubicBezTo>
                  <a:cubicBezTo>
                    <a:pt x="14" y="17"/>
                    <a:pt x="14" y="17"/>
                    <a:pt x="14" y="17"/>
                  </a:cubicBezTo>
                  <a:cubicBezTo>
                    <a:pt x="16" y="16"/>
                    <a:pt x="31" y="23"/>
                    <a:pt x="31" y="23"/>
                  </a:cubicBezTo>
                  <a:cubicBezTo>
                    <a:pt x="31" y="23"/>
                    <a:pt x="31" y="25"/>
                    <a:pt x="31" y="26"/>
                  </a:cubicBezTo>
                  <a:cubicBezTo>
                    <a:pt x="31" y="28"/>
                    <a:pt x="31" y="31"/>
                    <a:pt x="31" y="34"/>
                  </a:cubicBezTo>
                  <a:cubicBezTo>
                    <a:pt x="36" y="28"/>
                    <a:pt x="42" y="22"/>
                    <a:pt x="46" y="16"/>
                  </a:cubicBezTo>
                  <a:cubicBezTo>
                    <a:pt x="46" y="14"/>
                    <a:pt x="49" y="9"/>
                    <a:pt x="51" y="8"/>
                  </a:cubicBezTo>
                  <a:cubicBezTo>
                    <a:pt x="54" y="6"/>
                    <a:pt x="61" y="5"/>
                    <a:pt x="65" y="5"/>
                  </a:cubicBezTo>
                  <a:cubicBezTo>
                    <a:pt x="69" y="3"/>
                    <a:pt x="72" y="2"/>
                    <a:pt x="77" y="0"/>
                  </a:cubicBezTo>
                </a:path>
              </a:pathLst>
            </a:custGeom>
            <a:solidFill>
              <a:schemeClr val="accent5"/>
            </a:solidFill>
            <a:ln w="6350" cmpd="sng">
              <a:solidFill>
                <a:schemeClr val="bg1"/>
              </a:solidFill>
              <a:round/>
              <a:headEnd/>
              <a:tailEnd/>
            </a:ln>
          </p:spPr>
          <p:txBody>
            <a:bodyPr/>
            <a:lstStyle/>
            <a:p>
              <a:endParaRPr lang="en-GB" sz="1633" dirty="0"/>
            </a:p>
          </p:txBody>
        </p:sp>
        <p:sp>
          <p:nvSpPr>
            <p:cNvPr id="132" name="Freeform 82"/>
            <p:cNvSpPr>
              <a:spLocks/>
            </p:cNvSpPr>
            <p:nvPr/>
          </p:nvSpPr>
          <p:spPr bwMode="auto">
            <a:xfrm>
              <a:off x="5745863" y="4096328"/>
              <a:ext cx="404908" cy="437036"/>
            </a:xfrm>
            <a:custGeom>
              <a:avLst/>
              <a:gdLst/>
              <a:ahLst/>
              <a:cxnLst>
                <a:cxn ang="0">
                  <a:pos x="119" y="140"/>
                </a:cxn>
                <a:cxn ang="0">
                  <a:pos x="119" y="135"/>
                </a:cxn>
                <a:cxn ang="0">
                  <a:pos x="129" y="135"/>
                </a:cxn>
                <a:cxn ang="0">
                  <a:pos x="129" y="115"/>
                </a:cxn>
                <a:cxn ang="0">
                  <a:pos x="129" y="39"/>
                </a:cxn>
                <a:cxn ang="0">
                  <a:pos x="127" y="28"/>
                </a:cxn>
                <a:cxn ang="0">
                  <a:pos x="129" y="18"/>
                </a:cxn>
                <a:cxn ang="0">
                  <a:pos x="129" y="16"/>
                </a:cxn>
                <a:cxn ang="0">
                  <a:pos x="124" y="11"/>
                </a:cxn>
                <a:cxn ang="0">
                  <a:pos x="116" y="10"/>
                </a:cxn>
                <a:cxn ang="0">
                  <a:pos x="109" y="4"/>
                </a:cxn>
                <a:cxn ang="0">
                  <a:pos x="100" y="4"/>
                </a:cxn>
                <a:cxn ang="0">
                  <a:pos x="89" y="10"/>
                </a:cxn>
                <a:cxn ang="0">
                  <a:pos x="87" y="25"/>
                </a:cxn>
                <a:cxn ang="0">
                  <a:pos x="77" y="27"/>
                </a:cxn>
                <a:cxn ang="0">
                  <a:pos x="61" y="21"/>
                </a:cxn>
                <a:cxn ang="0">
                  <a:pos x="52" y="13"/>
                </a:cxn>
                <a:cxn ang="0">
                  <a:pos x="43" y="5"/>
                </a:cxn>
                <a:cxn ang="0">
                  <a:pos x="31" y="4"/>
                </a:cxn>
                <a:cxn ang="0">
                  <a:pos x="22" y="0"/>
                </a:cxn>
                <a:cxn ang="0">
                  <a:pos x="20" y="8"/>
                </a:cxn>
                <a:cxn ang="0">
                  <a:pos x="11" y="14"/>
                </a:cxn>
                <a:cxn ang="0">
                  <a:pos x="5" y="30"/>
                </a:cxn>
                <a:cxn ang="0">
                  <a:pos x="8" y="53"/>
                </a:cxn>
                <a:cxn ang="0">
                  <a:pos x="8" y="64"/>
                </a:cxn>
                <a:cxn ang="0">
                  <a:pos x="6" y="76"/>
                </a:cxn>
                <a:cxn ang="0">
                  <a:pos x="9" y="87"/>
                </a:cxn>
                <a:cxn ang="0">
                  <a:pos x="19" y="90"/>
                </a:cxn>
                <a:cxn ang="0">
                  <a:pos x="25" y="100"/>
                </a:cxn>
                <a:cxn ang="0">
                  <a:pos x="40" y="106"/>
                </a:cxn>
                <a:cxn ang="0">
                  <a:pos x="48" y="104"/>
                </a:cxn>
                <a:cxn ang="0">
                  <a:pos x="57" y="100"/>
                </a:cxn>
                <a:cxn ang="0">
                  <a:pos x="119" y="140"/>
                </a:cxn>
              </a:cxnLst>
              <a:rect l="0" t="0" r="r" b="b"/>
              <a:pathLst>
                <a:path w="130" h="140">
                  <a:moveTo>
                    <a:pt x="119" y="140"/>
                  </a:moveTo>
                  <a:cubicBezTo>
                    <a:pt x="119" y="135"/>
                    <a:pt x="119" y="135"/>
                    <a:pt x="119" y="135"/>
                  </a:cubicBezTo>
                  <a:cubicBezTo>
                    <a:pt x="129" y="135"/>
                    <a:pt x="129" y="135"/>
                    <a:pt x="129" y="135"/>
                  </a:cubicBezTo>
                  <a:cubicBezTo>
                    <a:pt x="129" y="115"/>
                    <a:pt x="129" y="115"/>
                    <a:pt x="129" y="115"/>
                  </a:cubicBezTo>
                  <a:cubicBezTo>
                    <a:pt x="129" y="39"/>
                    <a:pt x="129" y="39"/>
                    <a:pt x="129" y="39"/>
                  </a:cubicBezTo>
                  <a:cubicBezTo>
                    <a:pt x="129" y="36"/>
                    <a:pt x="124" y="35"/>
                    <a:pt x="127" y="28"/>
                  </a:cubicBezTo>
                  <a:cubicBezTo>
                    <a:pt x="130" y="24"/>
                    <a:pt x="125" y="21"/>
                    <a:pt x="129" y="18"/>
                  </a:cubicBezTo>
                  <a:cubicBezTo>
                    <a:pt x="129" y="16"/>
                    <a:pt x="129" y="16"/>
                    <a:pt x="129" y="16"/>
                  </a:cubicBezTo>
                  <a:cubicBezTo>
                    <a:pt x="129" y="14"/>
                    <a:pt x="129" y="11"/>
                    <a:pt x="124" y="11"/>
                  </a:cubicBezTo>
                  <a:cubicBezTo>
                    <a:pt x="119" y="11"/>
                    <a:pt x="121" y="11"/>
                    <a:pt x="116" y="10"/>
                  </a:cubicBezTo>
                  <a:cubicBezTo>
                    <a:pt x="112" y="10"/>
                    <a:pt x="116" y="7"/>
                    <a:pt x="109" y="4"/>
                  </a:cubicBezTo>
                  <a:cubicBezTo>
                    <a:pt x="103" y="0"/>
                    <a:pt x="101" y="2"/>
                    <a:pt x="100" y="4"/>
                  </a:cubicBezTo>
                  <a:cubicBezTo>
                    <a:pt x="98" y="5"/>
                    <a:pt x="96" y="2"/>
                    <a:pt x="89" y="10"/>
                  </a:cubicBezTo>
                  <a:cubicBezTo>
                    <a:pt x="86" y="14"/>
                    <a:pt x="92" y="21"/>
                    <a:pt x="87" y="25"/>
                  </a:cubicBezTo>
                  <a:cubicBezTo>
                    <a:pt x="83" y="32"/>
                    <a:pt x="80" y="32"/>
                    <a:pt x="77" y="27"/>
                  </a:cubicBezTo>
                  <a:cubicBezTo>
                    <a:pt x="74" y="24"/>
                    <a:pt x="67" y="21"/>
                    <a:pt x="61" y="21"/>
                  </a:cubicBezTo>
                  <a:cubicBezTo>
                    <a:pt x="57" y="19"/>
                    <a:pt x="54" y="19"/>
                    <a:pt x="52" y="13"/>
                  </a:cubicBezTo>
                  <a:cubicBezTo>
                    <a:pt x="51" y="5"/>
                    <a:pt x="46" y="8"/>
                    <a:pt x="43" y="5"/>
                  </a:cubicBezTo>
                  <a:cubicBezTo>
                    <a:pt x="41" y="4"/>
                    <a:pt x="35" y="2"/>
                    <a:pt x="31" y="4"/>
                  </a:cubicBezTo>
                  <a:cubicBezTo>
                    <a:pt x="28" y="4"/>
                    <a:pt x="23" y="0"/>
                    <a:pt x="22" y="0"/>
                  </a:cubicBezTo>
                  <a:cubicBezTo>
                    <a:pt x="19" y="5"/>
                    <a:pt x="23" y="7"/>
                    <a:pt x="20" y="8"/>
                  </a:cubicBezTo>
                  <a:cubicBezTo>
                    <a:pt x="17" y="10"/>
                    <a:pt x="15" y="11"/>
                    <a:pt x="11" y="14"/>
                  </a:cubicBezTo>
                  <a:cubicBezTo>
                    <a:pt x="6" y="19"/>
                    <a:pt x="15" y="24"/>
                    <a:pt x="5" y="30"/>
                  </a:cubicBezTo>
                  <a:cubicBezTo>
                    <a:pt x="9" y="44"/>
                    <a:pt x="6" y="47"/>
                    <a:pt x="8" y="53"/>
                  </a:cubicBezTo>
                  <a:cubicBezTo>
                    <a:pt x="9" y="58"/>
                    <a:pt x="6" y="59"/>
                    <a:pt x="8" y="64"/>
                  </a:cubicBezTo>
                  <a:cubicBezTo>
                    <a:pt x="9" y="72"/>
                    <a:pt x="0" y="69"/>
                    <a:pt x="6" y="76"/>
                  </a:cubicBezTo>
                  <a:cubicBezTo>
                    <a:pt x="11" y="84"/>
                    <a:pt x="8" y="83"/>
                    <a:pt x="9" y="87"/>
                  </a:cubicBezTo>
                  <a:cubicBezTo>
                    <a:pt x="12" y="92"/>
                    <a:pt x="12" y="87"/>
                    <a:pt x="19" y="90"/>
                  </a:cubicBezTo>
                  <a:cubicBezTo>
                    <a:pt x="23" y="94"/>
                    <a:pt x="22" y="94"/>
                    <a:pt x="25" y="100"/>
                  </a:cubicBezTo>
                  <a:cubicBezTo>
                    <a:pt x="28" y="103"/>
                    <a:pt x="37" y="101"/>
                    <a:pt x="40" y="106"/>
                  </a:cubicBezTo>
                  <a:cubicBezTo>
                    <a:pt x="43" y="111"/>
                    <a:pt x="41" y="109"/>
                    <a:pt x="48" y="104"/>
                  </a:cubicBezTo>
                  <a:cubicBezTo>
                    <a:pt x="51" y="103"/>
                    <a:pt x="55" y="100"/>
                    <a:pt x="57" y="100"/>
                  </a:cubicBezTo>
                  <a:cubicBezTo>
                    <a:pt x="78" y="112"/>
                    <a:pt x="119" y="140"/>
                    <a:pt x="119" y="140"/>
                  </a:cubicBezTo>
                </a:path>
              </a:pathLst>
            </a:custGeom>
            <a:solidFill>
              <a:schemeClr val="accent5"/>
            </a:solidFill>
            <a:ln w="6350" cmpd="sng">
              <a:solidFill>
                <a:schemeClr val="bg1"/>
              </a:solidFill>
              <a:round/>
              <a:headEnd/>
              <a:tailEnd/>
            </a:ln>
          </p:spPr>
          <p:txBody>
            <a:bodyPr/>
            <a:lstStyle/>
            <a:p>
              <a:endParaRPr lang="en-GB" sz="1633" dirty="0"/>
            </a:p>
          </p:txBody>
        </p:sp>
        <p:sp>
          <p:nvSpPr>
            <p:cNvPr id="133" name="Freeform 84"/>
            <p:cNvSpPr>
              <a:spLocks/>
            </p:cNvSpPr>
            <p:nvPr/>
          </p:nvSpPr>
          <p:spPr bwMode="auto">
            <a:xfrm>
              <a:off x="6322697" y="4012777"/>
              <a:ext cx="59451" cy="36955"/>
            </a:xfrm>
            <a:custGeom>
              <a:avLst/>
              <a:gdLst/>
              <a:ahLst/>
              <a:cxnLst>
                <a:cxn ang="0">
                  <a:pos x="2" y="9"/>
                </a:cxn>
                <a:cxn ang="0">
                  <a:pos x="0" y="6"/>
                </a:cxn>
                <a:cxn ang="0">
                  <a:pos x="5" y="6"/>
                </a:cxn>
                <a:cxn ang="0">
                  <a:pos x="8" y="3"/>
                </a:cxn>
                <a:cxn ang="0">
                  <a:pos x="17" y="0"/>
                </a:cxn>
                <a:cxn ang="0">
                  <a:pos x="17" y="1"/>
                </a:cxn>
                <a:cxn ang="0">
                  <a:pos x="14" y="6"/>
                </a:cxn>
                <a:cxn ang="0">
                  <a:pos x="11" y="7"/>
                </a:cxn>
                <a:cxn ang="0">
                  <a:pos x="6" y="10"/>
                </a:cxn>
                <a:cxn ang="0">
                  <a:pos x="5" y="10"/>
                </a:cxn>
                <a:cxn ang="0">
                  <a:pos x="2" y="9"/>
                </a:cxn>
              </a:cxnLst>
              <a:rect l="0" t="0" r="r" b="b"/>
              <a:pathLst>
                <a:path w="19" h="12">
                  <a:moveTo>
                    <a:pt x="2" y="9"/>
                  </a:moveTo>
                  <a:cubicBezTo>
                    <a:pt x="0" y="6"/>
                    <a:pt x="0" y="6"/>
                    <a:pt x="0" y="6"/>
                  </a:cubicBezTo>
                  <a:cubicBezTo>
                    <a:pt x="2" y="7"/>
                    <a:pt x="2" y="4"/>
                    <a:pt x="5" y="6"/>
                  </a:cubicBezTo>
                  <a:cubicBezTo>
                    <a:pt x="6" y="6"/>
                    <a:pt x="3" y="3"/>
                    <a:pt x="8" y="3"/>
                  </a:cubicBezTo>
                  <a:cubicBezTo>
                    <a:pt x="12" y="4"/>
                    <a:pt x="15" y="1"/>
                    <a:pt x="17" y="0"/>
                  </a:cubicBezTo>
                  <a:cubicBezTo>
                    <a:pt x="19" y="0"/>
                    <a:pt x="19" y="0"/>
                    <a:pt x="17" y="1"/>
                  </a:cubicBezTo>
                  <a:cubicBezTo>
                    <a:pt x="14" y="4"/>
                    <a:pt x="12" y="4"/>
                    <a:pt x="14" y="6"/>
                  </a:cubicBezTo>
                  <a:cubicBezTo>
                    <a:pt x="15" y="7"/>
                    <a:pt x="12" y="6"/>
                    <a:pt x="11" y="7"/>
                  </a:cubicBezTo>
                  <a:cubicBezTo>
                    <a:pt x="9" y="10"/>
                    <a:pt x="6" y="10"/>
                    <a:pt x="6" y="10"/>
                  </a:cubicBezTo>
                  <a:cubicBezTo>
                    <a:pt x="6" y="12"/>
                    <a:pt x="6" y="10"/>
                    <a:pt x="5" y="10"/>
                  </a:cubicBezTo>
                  <a:cubicBezTo>
                    <a:pt x="3" y="10"/>
                    <a:pt x="2" y="10"/>
                    <a:pt x="2" y="9"/>
                  </a:cubicBezTo>
                </a:path>
              </a:pathLst>
            </a:custGeom>
            <a:solidFill>
              <a:schemeClr val="tx2"/>
            </a:solidFill>
            <a:ln w="6350" cmpd="sng">
              <a:solidFill>
                <a:schemeClr val="bg1"/>
              </a:solidFill>
              <a:round/>
              <a:headEnd/>
              <a:tailEnd/>
            </a:ln>
          </p:spPr>
          <p:txBody>
            <a:bodyPr/>
            <a:lstStyle/>
            <a:p>
              <a:endParaRPr lang="en-GB" sz="1633" dirty="0"/>
            </a:p>
          </p:txBody>
        </p:sp>
        <p:sp>
          <p:nvSpPr>
            <p:cNvPr id="134" name="Freeform 85"/>
            <p:cNvSpPr>
              <a:spLocks/>
            </p:cNvSpPr>
            <p:nvPr/>
          </p:nvSpPr>
          <p:spPr bwMode="auto">
            <a:xfrm>
              <a:off x="5877619" y="3996710"/>
              <a:ext cx="8034" cy="9640"/>
            </a:xfrm>
            <a:custGeom>
              <a:avLst/>
              <a:gdLst/>
              <a:ahLst/>
              <a:cxnLst>
                <a:cxn ang="0">
                  <a:pos x="1" y="2"/>
                </a:cxn>
                <a:cxn ang="0">
                  <a:pos x="3" y="3"/>
                </a:cxn>
                <a:cxn ang="0">
                  <a:pos x="1" y="2"/>
                </a:cxn>
              </a:cxnLst>
              <a:rect l="0" t="0" r="r" b="b"/>
              <a:pathLst>
                <a:path w="3" h="3">
                  <a:moveTo>
                    <a:pt x="1" y="2"/>
                  </a:moveTo>
                  <a:cubicBezTo>
                    <a:pt x="1" y="0"/>
                    <a:pt x="3" y="3"/>
                    <a:pt x="3" y="3"/>
                  </a:cubicBezTo>
                  <a:cubicBezTo>
                    <a:pt x="1" y="3"/>
                    <a:pt x="0" y="2"/>
                    <a:pt x="1" y="2"/>
                  </a:cubicBezTo>
                </a:path>
              </a:pathLst>
            </a:custGeom>
            <a:grpFill/>
            <a:ln w="6350" cmpd="sng">
              <a:solidFill>
                <a:schemeClr val="bg1"/>
              </a:solidFill>
              <a:round/>
              <a:headEnd/>
              <a:tailEnd/>
            </a:ln>
          </p:spPr>
          <p:txBody>
            <a:bodyPr/>
            <a:lstStyle/>
            <a:p>
              <a:endParaRPr lang="en-GB" sz="1633" dirty="0"/>
            </a:p>
          </p:txBody>
        </p:sp>
        <p:sp>
          <p:nvSpPr>
            <p:cNvPr id="135" name="Freeform 86"/>
            <p:cNvSpPr>
              <a:spLocks/>
            </p:cNvSpPr>
            <p:nvPr/>
          </p:nvSpPr>
          <p:spPr bwMode="auto">
            <a:xfrm>
              <a:off x="5313638" y="3956540"/>
              <a:ext cx="510957" cy="599318"/>
            </a:xfrm>
            <a:custGeom>
              <a:avLst/>
              <a:gdLst/>
              <a:ahLst/>
              <a:cxnLst>
                <a:cxn ang="0">
                  <a:pos x="0" y="102"/>
                </a:cxn>
                <a:cxn ang="0">
                  <a:pos x="0" y="106"/>
                </a:cxn>
                <a:cxn ang="0">
                  <a:pos x="32" y="129"/>
                </a:cxn>
                <a:cxn ang="0">
                  <a:pos x="77" y="168"/>
                </a:cxn>
                <a:cxn ang="0">
                  <a:pos x="80" y="173"/>
                </a:cxn>
                <a:cxn ang="0">
                  <a:pos x="85" y="178"/>
                </a:cxn>
                <a:cxn ang="0">
                  <a:pos x="91" y="181"/>
                </a:cxn>
                <a:cxn ang="0">
                  <a:pos x="94" y="188"/>
                </a:cxn>
                <a:cxn ang="0">
                  <a:pos x="102" y="188"/>
                </a:cxn>
                <a:cxn ang="0">
                  <a:pos x="129" y="171"/>
                </a:cxn>
                <a:cxn ang="0">
                  <a:pos x="164" y="145"/>
                </a:cxn>
                <a:cxn ang="0">
                  <a:pos x="158" y="136"/>
                </a:cxn>
                <a:cxn ang="0">
                  <a:pos x="148" y="133"/>
                </a:cxn>
                <a:cxn ang="0">
                  <a:pos x="145" y="122"/>
                </a:cxn>
                <a:cxn ang="0">
                  <a:pos x="147" y="109"/>
                </a:cxn>
                <a:cxn ang="0">
                  <a:pos x="147" y="98"/>
                </a:cxn>
                <a:cxn ang="0">
                  <a:pos x="144" y="75"/>
                </a:cxn>
                <a:cxn ang="0">
                  <a:pos x="133" y="49"/>
                </a:cxn>
                <a:cxn ang="0">
                  <a:pos x="127" y="36"/>
                </a:cxn>
                <a:cxn ang="0">
                  <a:pos x="133" y="28"/>
                </a:cxn>
                <a:cxn ang="0">
                  <a:pos x="135" y="18"/>
                </a:cxn>
                <a:cxn ang="0">
                  <a:pos x="133" y="10"/>
                </a:cxn>
                <a:cxn ang="0">
                  <a:pos x="136" y="4"/>
                </a:cxn>
                <a:cxn ang="0">
                  <a:pos x="132" y="5"/>
                </a:cxn>
                <a:cxn ang="0">
                  <a:pos x="127" y="2"/>
                </a:cxn>
                <a:cxn ang="0">
                  <a:pos x="123" y="4"/>
                </a:cxn>
                <a:cxn ang="0">
                  <a:pos x="115" y="5"/>
                </a:cxn>
                <a:cxn ang="0">
                  <a:pos x="109" y="7"/>
                </a:cxn>
                <a:cxn ang="0">
                  <a:pos x="98" y="5"/>
                </a:cxn>
                <a:cxn ang="0">
                  <a:pos x="91" y="7"/>
                </a:cxn>
                <a:cxn ang="0">
                  <a:pos x="83" y="8"/>
                </a:cxn>
                <a:cxn ang="0">
                  <a:pos x="70" y="14"/>
                </a:cxn>
                <a:cxn ang="0">
                  <a:pos x="65" y="16"/>
                </a:cxn>
                <a:cxn ang="0">
                  <a:pos x="59" y="19"/>
                </a:cxn>
                <a:cxn ang="0">
                  <a:pos x="51" y="24"/>
                </a:cxn>
                <a:cxn ang="0">
                  <a:pos x="59" y="50"/>
                </a:cxn>
                <a:cxn ang="0">
                  <a:pos x="59" y="55"/>
                </a:cxn>
                <a:cxn ang="0">
                  <a:pos x="45" y="58"/>
                </a:cxn>
                <a:cxn ang="0">
                  <a:pos x="38" y="63"/>
                </a:cxn>
                <a:cxn ang="0">
                  <a:pos x="36" y="70"/>
                </a:cxn>
                <a:cxn ang="0">
                  <a:pos x="27" y="77"/>
                </a:cxn>
                <a:cxn ang="0">
                  <a:pos x="7" y="86"/>
                </a:cxn>
                <a:cxn ang="0">
                  <a:pos x="0" y="91"/>
                </a:cxn>
                <a:cxn ang="0">
                  <a:pos x="0" y="102"/>
                </a:cxn>
              </a:cxnLst>
              <a:rect l="0" t="0" r="r" b="b"/>
              <a:pathLst>
                <a:path w="164" h="192">
                  <a:moveTo>
                    <a:pt x="0" y="102"/>
                  </a:moveTo>
                  <a:cubicBezTo>
                    <a:pt x="0" y="106"/>
                    <a:pt x="0" y="106"/>
                    <a:pt x="0" y="106"/>
                  </a:cubicBezTo>
                  <a:cubicBezTo>
                    <a:pt x="32" y="129"/>
                    <a:pt x="32" y="129"/>
                    <a:pt x="32" y="129"/>
                  </a:cubicBezTo>
                  <a:cubicBezTo>
                    <a:pt x="32" y="129"/>
                    <a:pt x="76" y="167"/>
                    <a:pt x="77" y="168"/>
                  </a:cubicBezTo>
                  <a:cubicBezTo>
                    <a:pt x="80" y="171"/>
                    <a:pt x="77" y="171"/>
                    <a:pt x="80" y="173"/>
                  </a:cubicBezTo>
                  <a:cubicBezTo>
                    <a:pt x="83" y="175"/>
                    <a:pt x="82" y="179"/>
                    <a:pt x="85" y="178"/>
                  </a:cubicBezTo>
                  <a:cubicBezTo>
                    <a:pt x="89" y="178"/>
                    <a:pt x="86" y="181"/>
                    <a:pt x="91" y="181"/>
                  </a:cubicBezTo>
                  <a:cubicBezTo>
                    <a:pt x="95" y="181"/>
                    <a:pt x="95" y="185"/>
                    <a:pt x="94" y="188"/>
                  </a:cubicBezTo>
                  <a:cubicBezTo>
                    <a:pt x="92" y="190"/>
                    <a:pt x="94" y="192"/>
                    <a:pt x="102" y="188"/>
                  </a:cubicBezTo>
                  <a:cubicBezTo>
                    <a:pt x="123" y="188"/>
                    <a:pt x="120" y="178"/>
                    <a:pt x="129" y="171"/>
                  </a:cubicBezTo>
                  <a:cubicBezTo>
                    <a:pt x="138" y="164"/>
                    <a:pt x="159" y="148"/>
                    <a:pt x="164" y="145"/>
                  </a:cubicBezTo>
                  <a:cubicBezTo>
                    <a:pt x="161" y="139"/>
                    <a:pt x="162" y="139"/>
                    <a:pt x="158" y="136"/>
                  </a:cubicBezTo>
                  <a:cubicBezTo>
                    <a:pt x="152" y="133"/>
                    <a:pt x="152" y="137"/>
                    <a:pt x="148" y="133"/>
                  </a:cubicBezTo>
                  <a:cubicBezTo>
                    <a:pt x="147" y="128"/>
                    <a:pt x="150" y="129"/>
                    <a:pt x="145" y="122"/>
                  </a:cubicBezTo>
                  <a:cubicBezTo>
                    <a:pt x="139" y="114"/>
                    <a:pt x="148" y="117"/>
                    <a:pt x="147" y="109"/>
                  </a:cubicBezTo>
                  <a:cubicBezTo>
                    <a:pt x="145" y="105"/>
                    <a:pt x="148" y="103"/>
                    <a:pt x="147" y="98"/>
                  </a:cubicBezTo>
                  <a:cubicBezTo>
                    <a:pt x="145" y="92"/>
                    <a:pt x="148" y="89"/>
                    <a:pt x="144" y="75"/>
                  </a:cubicBezTo>
                  <a:cubicBezTo>
                    <a:pt x="141" y="47"/>
                    <a:pt x="136" y="58"/>
                    <a:pt x="133" y="49"/>
                  </a:cubicBezTo>
                  <a:cubicBezTo>
                    <a:pt x="133" y="46"/>
                    <a:pt x="127" y="39"/>
                    <a:pt x="127" y="36"/>
                  </a:cubicBezTo>
                  <a:cubicBezTo>
                    <a:pt x="129" y="33"/>
                    <a:pt x="133" y="30"/>
                    <a:pt x="133" y="28"/>
                  </a:cubicBezTo>
                  <a:cubicBezTo>
                    <a:pt x="133" y="22"/>
                    <a:pt x="136" y="25"/>
                    <a:pt x="135" y="18"/>
                  </a:cubicBezTo>
                  <a:cubicBezTo>
                    <a:pt x="133" y="13"/>
                    <a:pt x="135" y="10"/>
                    <a:pt x="133" y="10"/>
                  </a:cubicBezTo>
                  <a:cubicBezTo>
                    <a:pt x="132" y="8"/>
                    <a:pt x="136" y="7"/>
                    <a:pt x="136" y="4"/>
                  </a:cubicBezTo>
                  <a:cubicBezTo>
                    <a:pt x="135" y="4"/>
                    <a:pt x="133" y="4"/>
                    <a:pt x="132" y="5"/>
                  </a:cubicBezTo>
                  <a:cubicBezTo>
                    <a:pt x="130" y="7"/>
                    <a:pt x="130" y="4"/>
                    <a:pt x="127" y="2"/>
                  </a:cubicBezTo>
                  <a:cubicBezTo>
                    <a:pt x="124" y="0"/>
                    <a:pt x="126" y="5"/>
                    <a:pt x="123" y="4"/>
                  </a:cubicBezTo>
                  <a:cubicBezTo>
                    <a:pt x="118" y="2"/>
                    <a:pt x="120" y="4"/>
                    <a:pt x="115" y="5"/>
                  </a:cubicBezTo>
                  <a:cubicBezTo>
                    <a:pt x="111" y="5"/>
                    <a:pt x="112" y="8"/>
                    <a:pt x="109" y="7"/>
                  </a:cubicBezTo>
                  <a:cubicBezTo>
                    <a:pt x="108" y="4"/>
                    <a:pt x="102" y="4"/>
                    <a:pt x="98" y="5"/>
                  </a:cubicBezTo>
                  <a:cubicBezTo>
                    <a:pt x="94" y="7"/>
                    <a:pt x="92" y="4"/>
                    <a:pt x="91" y="7"/>
                  </a:cubicBezTo>
                  <a:cubicBezTo>
                    <a:pt x="89" y="8"/>
                    <a:pt x="88" y="8"/>
                    <a:pt x="83" y="8"/>
                  </a:cubicBezTo>
                  <a:cubicBezTo>
                    <a:pt x="77" y="8"/>
                    <a:pt x="70" y="11"/>
                    <a:pt x="70" y="14"/>
                  </a:cubicBezTo>
                  <a:cubicBezTo>
                    <a:pt x="68" y="19"/>
                    <a:pt x="67" y="14"/>
                    <a:pt x="65" y="16"/>
                  </a:cubicBezTo>
                  <a:cubicBezTo>
                    <a:pt x="62" y="19"/>
                    <a:pt x="62" y="14"/>
                    <a:pt x="59" y="19"/>
                  </a:cubicBezTo>
                  <a:cubicBezTo>
                    <a:pt x="58" y="21"/>
                    <a:pt x="54" y="25"/>
                    <a:pt x="51" y="24"/>
                  </a:cubicBezTo>
                  <a:cubicBezTo>
                    <a:pt x="58" y="27"/>
                    <a:pt x="53" y="47"/>
                    <a:pt x="59" y="50"/>
                  </a:cubicBezTo>
                  <a:cubicBezTo>
                    <a:pt x="62" y="52"/>
                    <a:pt x="59" y="52"/>
                    <a:pt x="59" y="55"/>
                  </a:cubicBezTo>
                  <a:cubicBezTo>
                    <a:pt x="59" y="58"/>
                    <a:pt x="48" y="53"/>
                    <a:pt x="45" y="58"/>
                  </a:cubicBezTo>
                  <a:cubicBezTo>
                    <a:pt x="42" y="61"/>
                    <a:pt x="36" y="58"/>
                    <a:pt x="38" y="63"/>
                  </a:cubicBezTo>
                  <a:cubicBezTo>
                    <a:pt x="41" y="67"/>
                    <a:pt x="42" y="67"/>
                    <a:pt x="36" y="70"/>
                  </a:cubicBezTo>
                  <a:cubicBezTo>
                    <a:pt x="30" y="72"/>
                    <a:pt x="30" y="72"/>
                    <a:pt x="27" y="77"/>
                  </a:cubicBezTo>
                  <a:cubicBezTo>
                    <a:pt x="27" y="78"/>
                    <a:pt x="9" y="83"/>
                    <a:pt x="7" y="86"/>
                  </a:cubicBezTo>
                  <a:cubicBezTo>
                    <a:pt x="0" y="91"/>
                    <a:pt x="0" y="91"/>
                    <a:pt x="0" y="91"/>
                  </a:cubicBezTo>
                  <a:cubicBezTo>
                    <a:pt x="0" y="102"/>
                    <a:pt x="0" y="102"/>
                    <a:pt x="0" y="102"/>
                  </a:cubicBezTo>
                  <a:close/>
                </a:path>
              </a:pathLst>
            </a:custGeom>
            <a:solidFill>
              <a:schemeClr val="accent5"/>
            </a:solidFill>
            <a:ln w="6350" cmpd="sng">
              <a:solidFill>
                <a:schemeClr val="bg1"/>
              </a:solidFill>
              <a:round/>
              <a:headEnd/>
              <a:tailEnd/>
            </a:ln>
          </p:spPr>
          <p:txBody>
            <a:bodyPr/>
            <a:lstStyle/>
            <a:p>
              <a:endParaRPr lang="en-GB" sz="1633" dirty="0"/>
            </a:p>
          </p:txBody>
        </p:sp>
        <p:sp>
          <p:nvSpPr>
            <p:cNvPr id="136" name="Freeform 87"/>
            <p:cNvSpPr>
              <a:spLocks/>
            </p:cNvSpPr>
            <p:nvPr/>
          </p:nvSpPr>
          <p:spPr bwMode="auto">
            <a:xfrm>
              <a:off x="5708907" y="3953327"/>
              <a:ext cx="109261" cy="237799"/>
            </a:xfrm>
            <a:custGeom>
              <a:avLst/>
              <a:gdLst/>
              <a:ahLst/>
              <a:cxnLst>
                <a:cxn ang="0">
                  <a:pos x="9" y="5"/>
                </a:cxn>
                <a:cxn ang="0">
                  <a:pos x="6" y="11"/>
                </a:cxn>
                <a:cxn ang="0">
                  <a:pos x="8" y="19"/>
                </a:cxn>
                <a:cxn ang="0">
                  <a:pos x="6" y="30"/>
                </a:cxn>
                <a:cxn ang="0">
                  <a:pos x="0" y="37"/>
                </a:cxn>
                <a:cxn ang="0">
                  <a:pos x="6" y="50"/>
                </a:cxn>
                <a:cxn ang="0">
                  <a:pos x="17" y="76"/>
                </a:cxn>
                <a:cxn ang="0">
                  <a:pos x="23" y="61"/>
                </a:cxn>
                <a:cxn ang="0">
                  <a:pos x="32" y="54"/>
                </a:cxn>
                <a:cxn ang="0">
                  <a:pos x="34" y="47"/>
                </a:cxn>
                <a:cxn ang="0">
                  <a:pos x="29" y="42"/>
                </a:cxn>
                <a:cxn ang="0">
                  <a:pos x="28" y="40"/>
                </a:cxn>
                <a:cxn ang="0">
                  <a:pos x="21" y="36"/>
                </a:cxn>
                <a:cxn ang="0">
                  <a:pos x="29" y="23"/>
                </a:cxn>
                <a:cxn ang="0">
                  <a:pos x="26" y="17"/>
                </a:cxn>
                <a:cxn ang="0">
                  <a:pos x="25" y="11"/>
                </a:cxn>
                <a:cxn ang="0">
                  <a:pos x="29" y="5"/>
                </a:cxn>
                <a:cxn ang="0">
                  <a:pos x="23" y="8"/>
                </a:cxn>
                <a:cxn ang="0">
                  <a:pos x="20" y="2"/>
                </a:cxn>
                <a:cxn ang="0">
                  <a:pos x="11" y="5"/>
                </a:cxn>
                <a:cxn ang="0">
                  <a:pos x="9" y="5"/>
                </a:cxn>
              </a:cxnLst>
              <a:rect l="0" t="0" r="r" b="b"/>
              <a:pathLst>
                <a:path w="35" h="76">
                  <a:moveTo>
                    <a:pt x="9" y="5"/>
                  </a:moveTo>
                  <a:cubicBezTo>
                    <a:pt x="9" y="8"/>
                    <a:pt x="5" y="9"/>
                    <a:pt x="6" y="11"/>
                  </a:cubicBezTo>
                  <a:cubicBezTo>
                    <a:pt x="8" y="11"/>
                    <a:pt x="6" y="14"/>
                    <a:pt x="8" y="19"/>
                  </a:cubicBezTo>
                  <a:cubicBezTo>
                    <a:pt x="9" y="26"/>
                    <a:pt x="6" y="23"/>
                    <a:pt x="6" y="30"/>
                  </a:cubicBezTo>
                  <a:cubicBezTo>
                    <a:pt x="6" y="31"/>
                    <a:pt x="2" y="34"/>
                    <a:pt x="0" y="37"/>
                  </a:cubicBezTo>
                  <a:cubicBezTo>
                    <a:pt x="0" y="40"/>
                    <a:pt x="6" y="47"/>
                    <a:pt x="6" y="50"/>
                  </a:cubicBezTo>
                  <a:cubicBezTo>
                    <a:pt x="9" y="59"/>
                    <a:pt x="14" y="48"/>
                    <a:pt x="17" y="76"/>
                  </a:cubicBezTo>
                  <a:cubicBezTo>
                    <a:pt x="28" y="70"/>
                    <a:pt x="18" y="65"/>
                    <a:pt x="23" y="61"/>
                  </a:cubicBezTo>
                  <a:cubicBezTo>
                    <a:pt x="28" y="57"/>
                    <a:pt x="29" y="56"/>
                    <a:pt x="32" y="54"/>
                  </a:cubicBezTo>
                  <a:cubicBezTo>
                    <a:pt x="35" y="53"/>
                    <a:pt x="31" y="51"/>
                    <a:pt x="34" y="47"/>
                  </a:cubicBezTo>
                  <a:cubicBezTo>
                    <a:pt x="31" y="45"/>
                    <a:pt x="31" y="45"/>
                    <a:pt x="29" y="42"/>
                  </a:cubicBezTo>
                  <a:cubicBezTo>
                    <a:pt x="29" y="39"/>
                    <a:pt x="28" y="42"/>
                    <a:pt x="28" y="40"/>
                  </a:cubicBezTo>
                  <a:cubicBezTo>
                    <a:pt x="26" y="40"/>
                    <a:pt x="21" y="40"/>
                    <a:pt x="21" y="36"/>
                  </a:cubicBezTo>
                  <a:cubicBezTo>
                    <a:pt x="20" y="33"/>
                    <a:pt x="32" y="26"/>
                    <a:pt x="29" y="23"/>
                  </a:cubicBezTo>
                  <a:cubicBezTo>
                    <a:pt x="28" y="20"/>
                    <a:pt x="31" y="20"/>
                    <a:pt x="26" y="17"/>
                  </a:cubicBezTo>
                  <a:cubicBezTo>
                    <a:pt x="23" y="16"/>
                    <a:pt x="23" y="12"/>
                    <a:pt x="25" y="11"/>
                  </a:cubicBezTo>
                  <a:cubicBezTo>
                    <a:pt x="28" y="9"/>
                    <a:pt x="31" y="6"/>
                    <a:pt x="29" y="5"/>
                  </a:cubicBezTo>
                  <a:cubicBezTo>
                    <a:pt x="28" y="2"/>
                    <a:pt x="25" y="8"/>
                    <a:pt x="23" y="8"/>
                  </a:cubicBezTo>
                  <a:cubicBezTo>
                    <a:pt x="21" y="6"/>
                    <a:pt x="25" y="3"/>
                    <a:pt x="20" y="2"/>
                  </a:cubicBezTo>
                  <a:cubicBezTo>
                    <a:pt x="14" y="0"/>
                    <a:pt x="12" y="5"/>
                    <a:pt x="11" y="5"/>
                  </a:cubicBezTo>
                  <a:cubicBezTo>
                    <a:pt x="11" y="5"/>
                    <a:pt x="11" y="5"/>
                    <a:pt x="9" y="5"/>
                  </a:cubicBezTo>
                </a:path>
              </a:pathLst>
            </a:custGeom>
            <a:solidFill>
              <a:schemeClr val="accent5"/>
            </a:solidFill>
            <a:ln w="6350" cmpd="sng">
              <a:solidFill>
                <a:schemeClr val="bg1"/>
              </a:solidFill>
              <a:round/>
              <a:headEnd/>
              <a:tailEnd/>
            </a:ln>
          </p:spPr>
          <p:txBody>
            <a:bodyPr/>
            <a:lstStyle/>
            <a:p>
              <a:endParaRPr lang="en-GB" sz="1633" dirty="0"/>
            </a:p>
          </p:txBody>
        </p:sp>
        <p:sp>
          <p:nvSpPr>
            <p:cNvPr id="137" name="Freeform 88"/>
            <p:cNvSpPr>
              <a:spLocks/>
            </p:cNvSpPr>
            <p:nvPr/>
          </p:nvSpPr>
          <p:spPr bwMode="auto">
            <a:xfrm>
              <a:off x="6133096" y="4141317"/>
              <a:ext cx="282793" cy="332598"/>
            </a:xfrm>
            <a:custGeom>
              <a:avLst/>
              <a:gdLst/>
              <a:ahLst/>
              <a:cxnLst>
                <a:cxn ang="0">
                  <a:pos x="82" y="24"/>
                </a:cxn>
                <a:cxn ang="0">
                  <a:pos x="77" y="41"/>
                </a:cxn>
                <a:cxn ang="0">
                  <a:pos x="70" y="36"/>
                </a:cxn>
                <a:cxn ang="0">
                  <a:pos x="67" y="27"/>
                </a:cxn>
                <a:cxn ang="0">
                  <a:pos x="64" y="19"/>
                </a:cxn>
                <a:cxn ang="0">
                  <a:pos x="64" y="27"/>
                </a:cxn>
                <a:cxn ang="0">
                  <a:pos x="71" y="44"/>
                </a:cxn>
                <a:cxn ang="0">
                  <a:pos x="74" y="52"/>
                </a:cxn>
                <a:cxn ang="0">
                  <a:pos x="83" y="74"/>
                </a:cxn>
                <a:cxn ang="0">
                  <a:pos x="88" y="82"/>
                </a:cxn>
                <a:cxn ang="0">
                  <a:pos x="88" y="91"/>
                </a:cxn>
                <a:cxn ang="0">
                  <a:pos x="82" y="96"/>
                </a:cxn>
                <a:cxn ang="0">
                  <a:pos x="76" y="102"/>
                </a:cxn>
                <a:cxn ang="0">
                  <a:pos x="68" y="102"/>
                </a:cxn>
                <a:cxn ang="0">
                  <a:pos x="54" y="102"/>
                </a:cxn>
                <a:cxn ang="0">
                  <a:pos x="54" y="100"/>
                </a:cxn>
                <a:cxn ang="0">
                  <a:pos x="53" y="102"/>
                </a:cxn>
                <a:cxn ang="0">
                  <a:pos x="4" y="102"/>
                </a:cxn>
                <a:cxn ang="0">
                  <a:pos x="4" y="25"/>
                </a:cxn>
                <a:cxn ang="0">
                  <a:pos x="3" y="14"/>
                </a:cxn>
                <a:cxn ang="0">
                  <a:pos x="4" y="3"/>
                </a:cxn>
                <a:cxn ang="0">
                  <a:pos x="16" y="3"/>
                </a:cxn>
                <a:cxn ang="0">
                  <a:pos x="24" y="6"/>
                </a:cxn>
                <a:cxn ang="0">
                  <a:pos x="30" y="8"/>
                </a:cxn>
                <a:cxn ang="0">
                  <a:pos x="39" y="9"/>
                </a:cxn>
                <a:cxn ang="0">
                  <a:pos x="45" y="5"/>
                </a:cxn>
                <a:cxn ang="0">
                  <a:pos x="50" y="2"/>
                </a:cxn>
                <a:cxn ang="0">
                  <a:pos x="56" y="3"/>
                </a:cxn>
                <a:cxn ang="0">
                  <a:pos x="59" y="3"/>
                </a:cxn>
                <a:cxn ang="0">
                  <a:pos x="61" y="5"/>
                </a:cxn>
                <a:cxn ang="0">
                  <a:pos x="57" y="3"/>
                </a:cxn>
                <a:cxn ang="0">
                  <a:pos x="57" y="5"/>
                </a:cxn>
                <a:cxn ang="0">
                  <a:pos x="59" y="6"/>
                </a:cxn>
                <a:cxn ang="0">
                  <a:pos x="61" y="6"/>
                </a:cxn>
                <a:cxn ang="0">
                  <a:pos x="62" y="6"/>
                </a:cxn>
                <a:cxn ang="0">
                  <a:pos x="68" y="6"/>
                </a:cxn>
                <a:cxn ang="0">
                  <a:pos x="76" y="5"/>
                </a:cxn>
                <a:cxn ang="0">
                  <a:pos x="77" y="6"/>
                </a:cxn>
                <a:cxn ang="0">
                  <a:pos x="82" y="24"/>
                </a:cxn>
              </a:cxnLst>
              <a:rect l="0" t="0" r="r" b="b"/>
              <a:pathLst>
                <a:path w="91" h="107">
                  <a:moveTo>
                    <a:pt x="82" y="24"/>
                  </a:moveTo>
                  <a:cubicBezTo>
                    <a:pt x="77" y="38"/>
                    <a:pt x="79" y="38"/>
                    <a:pt x="77" y="41"/>
                  </a:cubicBezTo>
                  <a:cubicBezTo>
                    <a:pt x="76" y="44"/>
                    <a:pt x="74" y="41"/>
                    <a:pt x="70" y="36"/>
                  </a:cubicBezTo>
                  <a:cubicBezTo>
                    <a:pt x="67" y="33"/>
                    <a:pt x="70" y="30"/>
                    <a:pt x="67" y="27"/>
                  </a:cubicBezTo>
                  <a:cubicBezTo>
                    <a:pt x="62" y="22"/>
                    <a:pt x="65" y="20"/>
                    <a:pt x="64" y="19"/>
                  </a:cubicBezTo>
                  <a:cubicBezTo>
                    <a:pt x="59" y="25"/>
                    <a:pt x="64" y="22"/>
                    <a:pt x="64" y="27"/>
                  </a:cubicBezTo>
                  <a:cubicBezTo>
                    <a:pt x="64" y="33"/>
                    <a:pt x="71" y="39"/>
                    <a:pt x="71" y="44"/>
                  </a:cubicBezTo>
                  <a:cubicBezTo>
                    <a:pt x="71" y="47"/>
                    <a:pt x="74" y="49"/>
                    <a:pt x="74" y="52"/>
                  </a:cubicBezTo>
                  <a:cubicBezTo>
                    <a:pt x="73" y="56"/>
                    <a:pt x="79" y="63"/>
                    <a:pt x="83" y="74"/>
                  </a:cubicBezTo>
                  <a:cubicBezTo>
                    <a:pt x="86" y="82"/>
                    <a:pt x="91" y="82"/>
                    <a:pt x="88" y="82"/>
                  </a:cubicBezTo>
                  <a:cubicBezTo>
                    <a:pt x="85" y="82"/>
                    <a:pt x="86" y="88"/>
                    <a:pt x="88" y="91"/>
                  </a:cubicBezTo>
                  <a:cubicBezTo>
                    <a:pt x="85" y="96"/>
                    <a:pt x="83" y="91"/>
                    <a:pt x="82" y="96"/>
                  </a:cubicBezTo>
                  <a:cubicBezTo>
                    <a:pt x="80" y="100"/>
                    <a:pt x="77" y="99"/>
                    <a:pt x="76" y="102"/>
                  </a:cubicBezTo>
                  <a:cubicBezTo>
                    <a:pt x="74" y="105"/>
                    <a:pt x="71" y="107"/>
                    <a:pt x="68" y="102"/>
                  </a:cubicBezTo>
                  <a:cubicBezTo>
                    <a:pt x="54" y="102"/>
                    <a:pt x="54" y="102"/>
                    <a:pt x="54" y="102"/>
                  </a:cubicBezTo>
                  <a:cubicBezTo>
                    <a:pt x="54" y="100"/>
                    <a:pt x="54" y="100"/>
                    <a:pt x="54" y="100"/>
                  </a:cubicBezTo>
                  <a:cubicBezTo>
                    <a:pt x="53" y="102"/>
                    <a:pt x="53" y="102"/>
                    <a:pt x="53" y="102"/>
                  </a:cubicBezTo>
                  <a:cubicBezTo>
                    <a:pt x="4" y="102"/>
                    <a:pt x="4" y="102"/>
                    <a:pt x="4" y="102"/>
                  </a:cubicBezTo>
                  <a:cubicBezTo>
                    <a:pt x="4" y="25"/>
                    <a:pt x="4" y="25"/>
                    <a:pt x="4" y="25"/>
                  </a:cubicBezTo>
                  <a:cubicBezTo>
                    <a:pt x="4" y="22"/>
                    <a:pt x="0" y="20"/>
                    <a:pt x="3" y="14"/>
                  </a:cubicBezTo>
                  <a:cubicBezTo>
                    <a:pt x="6" y="9"/>
                    <a:pt x="1" y="6"/>
                    <a:pt x="4" y="3"/>
                  </a:cubicBezTo>
                  <a:cubicBezTo>
                    <a:pt x="6" y="3"/>
                    <a:pt x="7" y="0"/>
                    <a:pt x="16" y="3"/>
                  </a:cubicBezTo>
                  <a:cubicBezTo>
                    <a:pt x="27" y="5"/>
                    <a:pt x="22" y="6"/>
                    <a:pt x="24" y="6"/>
                  </a:cubicBezTo>
                  <a:cubicBezTo>
                    <a:pt x="27" y="5"/>
                    <a:pt x="27" y="8"/>
                    <a:pt x="30" y="8"/>
                  </a:cubicBezTo>
                  <a:cubicBezTo>
                    <a:pt x="32" y="6"/>
                    <a:pt x="36" y="13"/>
                    <a:pt x="39" y="9"/>
                  </a:cubicBezTo>
                  <a:cubicBezTo>
                    <a:pt x="45" y="3"/>
                    <a:pt x="44" y="6"/>
                    <a:pt x="45" y="5"/>
                  </a:cubicBezTo>
                  <a:cubicBezTo>
                    <a:pt x="47" y="2"/>
                    <a:pt x="47" y="3"/>
                    <a:pt x="50" y="2"/>
                  </a:cubicBezTo>
                  <a:cubicBezTo>
                    <a:pt x="53" y="0"/>
                    <a:pt x="54" y="5"/>
                    <a:pt x="56" y="3"/>
                  </a:cubicBezTo>
                  <a:cubicBezTo>
                    <a:pt x="57" y="2"/>
                    <a:pt x="57" y="2"/>
                    <a:pt x="59" y="3"/>
                  </a:cubicBezTo>
                  <a:cubicBezTo>
                    <a:pt x="61" y="5"/>
                    <a:pt x="61" y="5"/>
                    <a:pt x="61" y="5"/>
                  </a:cubicBezTo>
                  <a:cubicBezTo>
                    <a:pt x="59" y="5"/>
                    <a:pt x="57" y="3"/>
                    <a:pt x="57" y="3"/>
                  </a:cubicBezTo>
                  <a:cubicBezTo>
                    <a:pt x="57" y="5"/>
                    <a:pt x="56" y="5"/>
                    <a:pt x="57" y="5"/>
                  </a:cubicBezTo>
                  <a:cubicBezTo>
                    <a:pt x="57" y="6"/>
                    <a:pt x="59" y="5"/>
                    <a:pt x="59" y="6"/>
                  </a:cubicBezTo>
                  <a:cubicBezTo>
                    <a:pt x="61" y="8"/>
                    <a:pt x="62" y="6"/>
                    <a:pt x="61" y="6"/>
                  </a:cubicBezTo>
                  <a:cubicBezTo>
                    <a:pt x="61" y="5"/>
                    <a:pt x="61" y="5"/>
                    <a:pt x="62" y="6"/>
                  </a:cubicBezTo>
                  <a:cubicBezTo>
                    <a:pt x="65" y="9"/>
                    <a:pt x="67" y="5"/>
                    <a:pt x="68" y="6"/>
                  </a:cubicBezTo>
                  <a:cubicBezTo>
                    <a:pt x="70" y="8"/>
                    <a:pt x="68" y="8"/>
                    <a:pt x="76" y="5"/>
                  </a:cubicBezTo>
                  <a:cubicBezTo>
                    <a:pt x="76" y="5"/>
                    <a:pt x="76" y="6"/>
                    <a:pt x="77" y="6"/>
                  </a:cubicBezTo>
                  <a:cubicBezTo>
                    <a:pt x="79" y="11"/>
                    <a:pt x="80" y="17"/>
                    <a:pt x="82" y="24"/>
                  </a:cubicBezTo>
                </a:path>
              </a:pathLst>
            </a:custGeom>
            <a:solidFill>
              <a:schemeClr val="accent5"/>
            </a:solidFill>
            <a:ln w="6350" cmpd="sng">
              <a:solidFill>
                <a:schemeClr val="bg1"/>
              </a:solidFill>
              <a:round/>
              <a:headEnd/>
              <a:tailEnd/>
            </a:ln>
          </p:spPr>
          <p:txBody>
            <a:bodyPr/>
            <a:lstStyle/>
            <a:p>
              <a:endParaRPr lang="en-GB" sz="1633" dirty="0"/>
            </a:p>
          </p:txBody>
        </p:sp>
        <p:sp>
          <p:nvSpPr>
            <p:cNvPr id="138" name="Freeform 89"/>
            <p:cNvSpPr>
              <a:spLocks/>
            </p:cNvSpPr>
            <p:nvPr/>
          </p:nvSpPr>
          <p:spPr bwMode="auto">
            <a:xfrm>
              <a:off x="6406250" y="3953327"/>
              <a:ext cx="165499" cy="168709"/>
            </a:xfrm>
            <a:custGeom>
              <a:avLst/>
              <a:gdLst/>
              <a:ahLst/>
              <a:cxnLst>
                <a:cxn ang="0">
                  <a:pos x="2" y="29"/>
                </a:cxn>
                <a:cxn ang="0">
                  <a:pos x="5" y="29"/>
                </a:cxn>
                <a:cxn ang="0">
                  <a:pos x="5" y="29"/>
                </a:cxn>
                <a:cxn ang="0">
                  <a:pos x="5" y="31"/>
                </a:cxn>
                <a:cxn ang="0">
                  <a:pos x="8" y="34"/>
                </a:cxn>
                <a:cxn ang="0">
                  <a:pos x="5" y="37"/>
                </a:cxn>
                <a:cxn ang="0">
                  <a:pos x="6" y="39"/>
                </a:cxn>
                <a:cxn ang="0">
                  <a:pos x="3" y="39"/>
                </a:cxn>
                <a:cxn ang="0">
                  <a:pos x="2" y="40"/>
                </a:cxn>
                <a:cxn ang="0">
                  <a:pos x="3" y="40"/>
                </a:cxn>
                <a:cxn ang="0">
                  <a:pos x="0" y="45"/>
                </a:cxn>
                <a:cxn ang="0">
                  <a:pos x="0" y="45"/>
                </a:cxn>
                <a:cxn ang="0">
                  <a:pos x="0" y="45"/>
                </a:cxn>
                <a:cxn ang="0">
                  <a:pos x="0" y="48"/>
                </a:cxn>
                <a:cxn ang="0">
                  <a:pos x="0" y="49"/>
                </a:cxn>
                <a:cxn ang="0">
                  <a:pos x="2" y="49"/>
                </a:cxn>
                <a:cxn ang="0">
                  <a:pos x="3" y="52"/>
                </a:cxn>
                <a:cxn ang="0">
                  <a:pos x="9" y="54"/>
                </a:cxn>
                <a:cxn ang="0">
                  <a:pos x="18" y="48"/>
                </a:cxn>
                <a:cxn ang="0">
                  <a:pos x="24" y="43"/>
                </a:cxn>
                <a:cxn ang="0">
                  <a:pos x="35" y="37"/>
                </a:cxn>
                <a:cxn ang="0">
                  <a:pos x="43" y="32"/>
                </a:cxn>
                <a:cxn ang="0">
                  <a:pos x="44" y="28"/>
                </a:cxn>
                <a:cxn ang="0">
                  <a:pos x="44" y="28"/>
                </a:cxn>
                <a:cxn ang="0">
                  <a:pos x="44" y="26"/>
                </a:cxn>
                <a:cxn ang="0">
                  <a:pos x="44" y="23"/>
                </a:cxn>
                <a:cxn ang="0">
                  <a:pos x="46" y="17"/>
                </a:cxn>
                <a:cxn ang="0">
                  <a:pos x="44" y="11"/>
                </a:cxn>
                <a:cxn ang="0">
                  <a:pos x="49" y="9"/>
                </a:cxn>
                <a:cxn ang="0">
                  <a:pos x="53" y="3"/>
                </a:cxn>
                <a:cxn ang="0">
                  <a:pos x="53" y="2"/>
                </a:cxn>
                <a:cxn ang="0">
                  <a:pos x="52" y="2"/>
                </a:cxn>
                <a:cxn ang="0">
                  <a:pos x="47" y="3"/>
                </a:cxn>
                <a:cxn ang="0">
                  <a:pos x="41" y="3"/>
                </a:cxn>
                <a:cxn ang="0">
                  <a:pos x="27" y="8"/>
                </a:cxn>
                <a:cxn ang="0">
                  <a:pos x="21" y="5"/>
                </a:cxn>
                <a:cxn ang="0">
                  <a:pos x="14" y="8"/>
                </a:cxn>
                <a:cxn ang="0">
                  <a:pos x="12" y="8"/>
                </a:cxn>
                <a:cxn ang="0">
                  <a:pos x="8" y="6"/>
                </a:cxn>
                <a:cxn ang="0">
                  <a:pos x="8" y="11"/>
                </a:cxn>
                <a:cxn ang="0">
                  <a:pos x="8" y="12"/>
                </a:cxn>
                <a:cxn ang="0">
                  <a:pos x="6" y="12"/>
                </a:cxn>
                <a:cxn ang="0">
                  <a:pos x="3" y="17"/>
                </a:cxn>
                <a:cxn ang="0">
                  <a:pos x="2" y="15"/>
                </a:cxn>
                <a:cxn ang="0">
                  <a:pos x="2" y="22"/>
                </a:cxn>
                <a:cxn ang="0">
                  <a:pos x="2" y="29"/>
                </a:cxn>
              </a:cxnLst>
              <a:rect l="0" t="0" r="r" b="b"/>
              <a:pathLst>
                <a:path w="53" h="54">
                  <a:moveTo>
                    <a:pt x="2" y="29"/>
                  </a:moveTo>
                  <a:cubicBezTo>
                    <a:pt x="3" y="29"/>
                    <a:pt x="3" y="29"/>
                    <a:pt x="5" y="29"/>
                  </a:cubicBezTo>
                  <a:cubicBezTo>
                    <a:pt x="5" y="29"/>
                    <a:pt x="5" y="29"/>
                    <a:pt x="5" y="29"/>
                  </a:cubicBezTo>
                  <a:cubicBezTo>
                    <a:pt x="6" y="31"/>
                    <a:pt x="5" y="31"/>
                    <a:pt x="5" y="31"/>
                  </a:cubicBezTo>
                  <a:cubicBezTo>
                    <a:pt x="6" y="31"/>
                    <a:pt x="8" y="32"/>
                    <a:pt x="8" y="34"/>
                  </a:cubicBezTo>
                  <a:cubicBezTo>
                    <a:pt x="8" y="36"/>
                    <a:pt x="5" y="36"/>
                    <a:pt x="5" y="37"/>
                  </a:cubicBezTo>
                  <a:cubicBezTo>
                    <a:pt x="5" y="37"/>
                    <a:pt x="6" y="37"/>
                    <a:pt x="6" y="39"/>
                  </a:cubicBezTo>
                  <a:cubicBezTo>
                    <a:pt x="3" y="39"/>
                    <a:pt x="3" y="39"/>
                    <a:pt x="3" y="39"/>
                  </a:cubicBezTo>
                  <a:cubicBezTo>
                    <a:pt x="3" y="39"/>
                    <a:pt x="3" y="39"/>
                    <a:pt x="2" y="40"/>
                  </a:cubicBezTo>
                  <a:cubicBezTo>
                    <a:pt x="3" y="40"/>
                    <a:pt x="3" y="40"/>
                    <a:pt x="3" y="40"/>
                  </a:cubicBezTo>
                  <a:cubicBezTo>
                    <a:pt x="3" y="42"/>
                    <a:pt x="0" y="45"/>
                    <a:pt x="0" y="45"/>
                  </a:cubicBezTo>
                  <a:cubicBezTo>
                    <a:pt x="0" y="45"/>
                    <a:pt x="0" y="45"/>
                    <a:pt x="0" y="45"/>
                  </a:cubicBezTo>
                  <a:cubicBezTo>
                    <a:pt x="0" y="45"/>
                    <a:pt x="0" y="45"/>
                    <a:pt x="0" y="45"/>
                  </a:cubicBezTo>
                  <a:cubicBezTo>
                    <a:pt x="0" y="46"/>
                    <a:pt x="0" y="48"/>
                    <a:pt x="0" y="48"/>
                  </a:cubicBezTo>
                  <a:cubicBezTo>
                    <a:pt x="0" y="49"/>
                    <a:pt x="0" y="49"/>
                    <a:pt x="0" y="49"/>
                  </a:cubicBezTo>
                  <a:cubicBezTo>
                    <a:pt x="0" y="51"/>
                    <a:pt x="0" y="49"/>
                    <a:pt x="2" y="49"/>
                  </a:cubicBezTo>
                  <a:cubicBezTo>
                    <a:pt x="3" y="51"/>
                    <a:pt x="3" y="51"/>
                    <a:pt x="3" y="52"/>
                  </a:cubicBezTo>
                  <a:cubicBezTo>
                    <a:pt x="5" y="52"/>
                    <a:pt x="8" y="54"/>
                    <a:pt x="9" y="54"/>
                  </a:cubicBezTo>
                  <a:cubicBezTo>
                    <a:pt x="11" y="54"/>
                    <a:pt x="15" y="49"/>
                    <a:pt x="18" y="48"/>
                  </a:cubicBezTo>
                  <a:cubicBezTo>
                    <a:pt x="20" y="46"/>
                    <a:pt x="23" y="45"/>
                    <a:pt x="24" y="43"/>
                  </a:cubicBezTo>
                  <a:cubicBezTo>
                    <a:pt x="27" y="40"/>
                    <a:pt x="32" y="39"/>
                    <a:pt x="35" y="37"/>
                  </a:cubicBezTo>
                  <a:cubicBezTo>
                    <a:pt x="37" y="36"/>
                    <a:pt x="40" y="34"/>
                    <a:pt x="43" y="32"/>
                  </a:cubicBezTo>
                  <a:cubicBezTo>
                    <a:pt x="43" y="31"/>
                    <a:pt x="44" y="29"/>
                    <a:pt x="44" y="28"/>
                  </a:cubicBezTo>
                  <a:cubicBezTo>
                    <a:pt x="44" y="28"/>
                    <a:pt x="44" y="28"/>
                    <a:pt x="44" y="28"/>
                  </a:cubicBezTo>
                  <a:cubicBezTo>
                    <a:pt x="44" y="28"/>
                    <a:pt x="44" y="28"/>
                    <a:pt x="44" y="26"/>
                  </a:cubicBezTo>
                  <a:cubicBezTo>
                    <a:pt x="44" y="26"/>
                    <a:pt x="44" y="25"/>
                    <a:pt x="44" y="23"/>
                  </a:cubicBezTo>
                  <a:cubicBezTo>
                    <a:pt x="44" y="22"/>
                    <a:pt x="46" y="19"/>
                    <a:pt x="46" y="17"/>
                  </a:cubicBezTo>
                  <a:cubicBezTo>
                    <a:pt x="44" y="15"/>
                    <a:pt x="44" y="14"/>
                    <a:pt x="44" y="11"/>
                  </a:cubicBezTo>
                  <a:cubicBezTo>
                    <a:pt x="46" y="9"/>
                    <a:pt x="47" y="9"/>
                    <a:pt x="49" y="9"/>
                  </a:cubicBezTo>
                  <a:cubicBezTo>
                    <a:pt x="50" y="8"/>
                    <a:pt x="52" y="5"/>
                    <a:pt x="53" y="3"/>
                  </a:cubicBezTo>
                  <a:cubicBezTo>
                    <a:pt x="53" y="2"/>
                    <a:pt x="53" y="2"/>
                    <a:pt x="53" y="2"/>
                  </a:cubicBezTo>
                  <a:cubicBezTo>
                    <a:pt x="53" y="2"/>
                    <a:pt x="52" y="0"/>
                    <a:pt x="52" y="2"/>
                  </a:cubicBezTo>
                  <a:cubicBezTo>
                    <a:pt x="50" y="3"/>
                    <a:pt x="49" y="3"/>
                    <a:pt x="47" y="3"/>
                  </a:cubicBezTo>
                  <a:cubicBezTo>
                    <a:pt x="44" y="3"/>
                    <a:pt x="43" y="3"/>
                    <a:pt x="41" y="3"/>
                  </a:cubicBezTo>
                  <a:cubicBezTo>
                    <a:pt x="37" y="5"/>
                    <a:pt x="34" y="8"/>
                    <a:pt x="27" y="8"/>
                  </a:cubicBezTo>
                  <a:cubicBezTo>
                    <a:pt x="24" y="8"/>
                    <a:pt x="24" y="6"/>
                    <a:pt x="21" y="5"/>
                  </a:cubicBezTo>
                  <a:cubicBezTo>
                    <a:pt x="18" y="5"/>
                    <a:pt x="17" y="8"/>
                    <a:pt x="14" y="8"/>
                  </a:cubicBezTo>
                  <a:cubicBezTo>
                    <a:pt x="12" y="8"/>
                    <a:pt x="12" y="8"/>
                    <a:pt x="12" y="8"/>
                  </a:cubicBezTo>
                  <a:cubicBezTo>
                    <a:pt x="11" y="8"/>
                    <a:pt x="8" y="6"/>
                    <a:pt x="8" y="6"/>
                  </a:cubicBezTo>
                  <a:cubicBezTo>
                    <a:pt x="8" y="6"/>
                    <a:pt x="6" y="9"/>
                    <a:pt x="8" y="11"/>
                  </a:cubicBezTo>
                  <a:cubicBezTo>
                    <a:pt x="8" y="12"/>
                    <a:pt x="8" y="12"/>
                    <a:pt x="8" y="12"/>
                  </a:cubicBezTo>
                  <a:cubicBezTo>
                    <a:pt x="6" y="12"/>
                    <a:pt x="6" y="12"/>
                    <a:pt x="6" y="12"/>
                  </a:cubicBezTo>
                  <a:cubicBezTo>
                    <a:pt x="5" y="12"/>
                    <a:pt x="5" y="17"/>
                    <a:pt x="3" y="17"/>
                  </a:cubicBezTo>
                  <a:cubicBezTo>
                    <a:pt x="3" y="17"/>
                    <a:pt x="3" y="15"/>
                    <a:pt x="2" y="15"/>
                  </a:cubicBezTo>
                  <a:cubicBezTo>
                    <a:pt x="2" y="17"/>
                    <a:pt x="0" y="19"/>
                    <a:pt x="2" y="22"/>
                  </a:cubicBezTo>
                  <a:cubicBezTo>
                    <a:pt x="3" y="23"/>
                    <a:pt x="2" y="25"/>
                    <a:pt x="2" y="29"/>
                  </a:cubicBezTo>
                </a:path>
              </a:pathLst>
            </a:custGeom>
            <a:solidFill>
              <a:schemeClr val="accent5"/>
            </a:solidFill>
            <a:ln w="6350" cmpd="sng">
              <a:solidFill>
                <a:schemeClr val="bg1"/>
              </a:solidFill>
              <a:round/>
              <a:headEnd/>
              <a:tailEnd/>
            </a:ln>
          </p:spPr>
          <p:txBody>
            <a:bodyPr/>
            <a:lstStyle/>
            <a:p>
              <a:endParaRPr lang="en-GB" sz="1633" dirty="0"/>
            </a:p>
          </p:txBody>
        </p:sp>
        <p:sp>
          <p:nvSpPr>
            <p:cNvPr id="139" name="Freeform 90"/>
            <p:cNvSpPr>
              <a:spLocks/>
            </p:cNvSpPr>
            <p:nvPr/>
          </p:nvSpPr>
          <p:spPr bwMode="auto">
            <a:xfrm>
              <a:off x="6391789" y="4043305"/>
              <a:ext cx="36956" cy="53023"/>
            </a:xfrm>
            <a:custGeom>
              <a:avLst/>
              <a:gdLst/>
              <a:ahLst/>
              <a:cxnLst>
                <a:cxn ang="0">
                  <a:pos x="5" y="16"/>
                </a:cxn>
                <a:cxn ang="0">
                  <a:pos x="3" y="16"/>
                </a:cxn>
                <a:cxn ang="0">
                  <a:pos x="3" y="17"/>
                </a:cxn>
                <a:cxn ang="0">
                  <a:pos x="0" y="17"/>
                </a:cxn>
                <a:cxn ang="0">
                  <a:pos x="3" y="11"/>
                </a:cxn>
                <a:cxn ang="0">
                  <a:pos x="5" y="6"/>
                </a:cxn>
                <a:cxn ang="0">
                  <a:pos x="6" y="0"/>
                </a:cxn>
                <a:cxn ang="0">
                  <a:pos x="9" y="0"/>
                </a:cxn>
                <a:cxn ang="0">
                  <a:pos x="9" y="0"/>
                </a:cxn>
                <a:cxn ang="0">
                  <a:pos x="9" y="2"/>
                </a:cxn>
                <a:cxn ang="0">
                  <a:pos x="12" y="5"/>
                </a:cxn>
                <a:cxn ang="0">
                  <a:pos x="9" y="8"/>
                </a:cxn>
                <a:cxn ang="0">
                  <a:pos x="11" y="10"/>
                </a:cxn>
                <a:cxn ang="0">
                  <a:pos x="8" y="10"/>
                </a:cxn>
                <a:cxn ang="0">
                  <a:pos x="6" y="11"/>
                </a:cxn>
                <a:cxn ang="0">
                  <a:pos x="8" y="11"/>
                </a:cxn>
                <a:cxn ang="0">
                  <a:pos x="5" y="16"/>
                </a:cxn>
              </a:cxnLst>
              <a:rect l="0" t="0" r="r" b="b"/>
              <a:pathLst>
                <a:path w="12" h="17">
                  <a:moveTo>
                    <a:pt x="5" y="16"/>
                  </a:moveTo>
                  <a:cubicBezTo>
                    <a:pt x="3" y="16"/>
                    <a:pt x="3" y="14"/>
                    <a:pt x="3" y="16"/>
                  </a:cubicBezTo>
                  <a:cubicBezTo>
                    <a:pt x="3" y="17"/>
                    <a:pt x="3" y="17"/>
                    <a:pt x="3" y="17"/>
                  </a:cubicBezTo>
                  <a:cubicBezTo>
                    <a:pt x="3" y="17"/>
                    <a:pt x="2" y="17"/>
                    <a:pt x="0" y="17"/>
                  </a:cubicBezTo>
                  <a:cubicBezTo>
                    <a:pt x="2" y="13"/>
                    <a:pt x="2" y="14"/>
                    <a:pt x="3" y="11"/>
                  </a:cubicBezTo>
                  <a:cubicBezTo>
                    <a:pt x="3" y="6"/>
                    <a:pt x="5" y="10"/>
                    <a:pt x="5" y="6"/>
                  </a:cubicBezTo>
                  <a:cubicBezTo>
                    <a:pt x="3" y="2"/>
                    <a:pt x="8" y="3"/>
                    <a:pt x="6" y="0"/>
                  </a:cubicBezTo>
                  <a:cubicBezTo>
                    <a:pt x="8" y="0"/>
                    <a:pt x="8" y="0"/>
                    <a:pt x="9" y="0"/>
                  </a:cubicBezTo>
                  <a:cubicBezTo>
                    <a:pt x="9" y="0"/>
                    <a:pt x="9" y="0"/>
                    <a:pt x="9" y="0"/>
                  </a:cubicBezTo>
                  <a:cubicBezTo>
                    <a:pt x="11" y="2"/>
                    <a:pt x="9" y="2"/>
                    <a:pt x="9" y="2"/>
                  </a:cubicBezTo>
                  <a:cubicBezTo>
                    <a:pt x="11" y="2"/>
                    <a:pt x="12" y="3"/>
                    <a:pt x="12" y="5"/>
                  </a:cubicBezTo>
                  <a:cubicBezTo>
                    <a:pt x="12" y="6"/>
                    <a:pt x="9" y="6"/>
                    <a:pt x="9" y="8"/>
                  </a:cubicBezTo>
                  <a:cubicBezTo>
                    <a:pt x="9" y="8"/>
                    <a:pt x="11" y="8"/>
                    <a:pt x="11" y="10"/>
                  </a:cubicBezTo>
                  <a:cubicBezTo>
                    <a:pt x="8" y="10"/>
                    <a:pt x="8" y="10"/>
                    <a:pt x="8" y="10"/>
                  </a:cubicBezTo>
                  <a:cubicBezTo>
                    <a:pt x="8" y="10"/>
                    <a:pt x="8" y="10"/>
                    <a:pt x="6" y="11"/>
                  </a:cubicBezTo>
                  <a:cubicBezTo>
                    <a:pt x="8" y="11"/>
                    <a:pt x="8" y="11"/>
                    <a:pt x="8" y="11"/>
                  </a:cubicBezTo>
                  <a:cubicBezTo>
                    <a:pt x="8" y="13"/>
                    <a:pt x="5" y="16"/>
                    <a:pt x="5" y="16"/>
                  </a:cubicBezTo>
                </a:path>
              </a:pathLst>
            </a:custGeom>
            <a:solidFill>
              <a:schemeClr val="accent5"/>
            </a:solidFill>
            <a:ln w="6350" cmpd="sng">
              <a:solidFill>
                <a:schemeClr val="bg1"/>
              </a:solidFill>
              <a:round/>
              <a:headEnd/>
              <a:tailEnd/>
            </a:ln>
          </p:spPr>
          <p:txBody>
            <a:bodyPr/>
            <a:lstStyle/>
            <a:p>
              <a:endParaRPr lang="en-GB" sz="1633" dirty="0"/>
            </a:p>
          </p:txBody>
        </p:sp>
        <p:sp>
          <p:nvSpPr>
            <p:cNvPr id="140" name="Freeform 91"/>
            <p:cNvSpPr>
              <a:spLocks/>
            </p:cNvSpPr>
            <p:nvPr/>
          </p:nvSpPr>
          <p:spPr bwMode="auto">
            <a:xfrm>
              <a:off x="6388575" y="4088294"/>
              <a:ext cx="109261" cy="136574"/>
            </a:xfrm>
            <a:custGeom>
              <a:avLst/>
              <a:gdLst/>
              <a:ahLst/>
              <a:cxnLst>
                <a:cxn ang="0">
                  <a:pos x="6" y="7"/>
                </a:cxn>
                <a:cxn ang="0">
                  <a:pos x="5" y="10"/>
                </a:cxn>
                <a:cxn ang="0">
                  <a:pos x="5" y="11"/>
                </a:cxn>
                <a:cxn ang="0">
                  <a:pos x="5" y="19"/>
                </a:cxn>
                <a:cxn ang="0">
                  <a:pos x="5" y="24"/>
                </a:cxn>
                <a:cxn ang="0">
                  <a:pos x="2" y="34"/>
                </a:cxn>
                <a:cxn ang="0">
                  <a:pos x="0" y="40"/>
                </a:cxn>
                <a:cxn ang="0">
                  <a:pos x="0" y="42"/>
                </a:cxn>
                <a:cxn ang="0">
                  <a:pos x="9" y="44"/>
                </a:cxn>
                <a:cxn ang="0">
                  <a:pos x="15" y="37"/>
                </a:cxn>
                <a:cxn ang="0">
                  <a:pos x="21" y="36"/>
                </a:cxn>
                <a:cxn ang="0">
                  <a:pos x="21" y="33"/>
                </a:cxn>
                <a:cxn ang="0">
                  <a:pos x="24" y="30"/>
                </a:cxn>
                <a:cxn ang="0">
                  <a:pos x="17" y="20"/>
                </a:cxn>
                <a:cxn ang="0">
                  <a:pos x="21" y="19"/>
                </a:cxn>
                <a:cxn ang="0">
                  <a:pos x="33" y="13"/>
                </a:cxn>
                <a:cxn ang="0">
                  <a:pos x="35" y="13"/>
                </a:cxn>
                <a:cxn ang="0">
                  <a:pos x="32" y="11"/>
                </a:cxn>
                <a:cxn ang="0">
                  <a:pos x="32" y="10"/>
                </a:cxn>
                <a:cxn ang="0">
                  <a:pos x="33" y="10"/>
                </a:cxn>
                <a:cxn ang="0">
                  <a:pos x="33" y="8"/>
                </a:cxn>
                <a:cxn ang="0">
                  <a:pos x="30" y="0"/>
                </a:cxn>
                <a:cxn ang="0">
                  <a:pos x="24" y="5"/>
                </a:cxn>
                <a:cxn ang="0">
                  <a:pos x="15" y="11"/>
                </a:cxn>
                <a:cxn ang="0">
                  <a:pos x="9" y="10"/>
                </a:cxn>
                <a:cxn ang="0">
                  <a:pos x="8" y="7"/>
                </a:cxn>
                <a:cxn ang="0">
                  <a:pos x="6" y="7"/>
                </a:cxn>
              </a:cxnLst>
              <a:rect l="0" t="0" r="r" b="b"/>
              <a:pathLst>
                <a:path w="35" h="44">
                  <a:moveTo>
                    <a:pt x="6" y="7"/>
                  </a:moveTo>
                  <a:cubicBezTo>
                    <a:pt x="5" y="7"/>
                    <a:pt x="5" y="8"/>
                    <a:pt x="5" y="10"/>
                  </a:cubicBezTo>
                  <a:cubicBezTo>
                    <a:pt x="5" y="11"/>
                    <a:pt x="5" y="11"/>
                    <a:pt x="5" y="11"/>
                  </a:cubicBezTo>
                  <a:cubicBezTo>
                    <a:pt x="5" y="13"/>
                    <a:pt x="6" y="17"/>
                    <a:pt x="5" y="19"/>
                  </a:cubicBezTo>
                  <a:cubicBezTo>
                    <a:pt x="5" y="20"/>
                    <a:pt x="5" y="22"/>
                    <a:pt x="5" y="24"/>
                  </a:cubicBezTo>
                  <a:cubicBezTo>
                    <a:pt x="5" y="25"/>
                    <a:pt x="2" y="30"/>
                    <a:pt x="2" y="34"/>
                  </a:cubicBezTo>
                  <a:cubicBezTo>
                    <a:pt x="2" y="36"/>
                    <a:pt x="0" y="40"/>
                    <a:pt x="0" y="40"/>
                  </a:cubicBezTo>
                  <a:cubicBezTo>
                    <a:pt x="0" y="40"/>
                    <a:pt x="0" y="40"/>
                    <a:pt x="0" y="42"/>
                  </a:cubicBezTo>
                  <a:cubicBezTo>
                    <a:pt x="2" y="42"/>
                    <a:pt x="8" y="44"/>
                    <a:pt x="9" y="44"/>
                  </a:cubicBezTo>
                  <a:cubicBezTo>
                    <a:pt x="12" y="44"/>
                    <a:pt x="12" y="39"/>
                    <a:pt x="15" y="37"/>
                  </a:cubicBezTo>
                  <a:cubicBezTo>
                    <a:pt x="15" y="36"/>
                    <a:pt x="20" y="37"/>
                    <a:pt x="21" y="36"/>
                  </a:cubicBezTo>
                  <a:cubicBezTo>
                    <a:pt x="21" y="34"/>
                    <a:pt x="21" y="33"/>
                    <a:pt x="21" y="33"/>
                  </a:cubicBezTo>
                  <a:cubicBezTo>
                    <a:pt x="23" y="31"/>
                    <a:pt x="24" y="31"/>
                    <a:pt x="24" y="30"/>
                  </a:cubicBezTo>
                  <a:cubicBezTo>
                    <a:pt x="17" y="20"/>
                    <a:pt x="17" y="20"/>
                    <a:pt x="17" y="20"/>
                  </a:cubicBezTo>
                  <a:cubicBezTo>
                    <a:pt x="17" y="19"/>
                    <a:pt x="20" y="19"/>
                    <a:pt x="21" y="19"/>
                  </a:cubicBezTo>
                  <a:cubicBezTo>
                    <a:pt x="23" y="17"/>
                    <a:pt x="32" y="16"/>
                    <a:pt x="33" y="13"/>
                  </a:cubicBezTo>
                  <a:cubicBezTo>
                    <a:pt x="35" y="13"/>
                    <a:pt x="35" y="13"/>
                    <a:pt x="35" y="13"/>
                  </a:cubicBezTo>
                  <a:cubicBezTo>
                    <a:pt x="35" y="10"/>
                    <a:pt x="33" y="11"/>
                    <a:pt x="32" y="11"/>
                  </a:cubicBezTo>
                  <a:cubicBezTo>
                    <a:pt x="32" y="10"/>
                    <a:pt x="32" y="10"/>
                    <a:pt x="32" y="10"/>
                  </a:cubicBezTo>
                  <a:cubicBezTo>
                    <a:pt x="33" y="10"/>
                    <a:pt x="33" y="10"/>
                    <a:pt x="33" y="10"/>
                  </a:cubicBezTo>
                  <a:cubicBezTo>
                    <a:pt x="33" y="10"/>
                    <a:pt x="33" y="10"/>
                    <a:pt x="33" y="8"/>
                  </a:cubicBezTo>
                  <a:cubicBezTo>
                    <a:pt x="32" y="7"/>
                    <a:pt x="32" y="4"/>
                    <a:pt x="30" y="0"/>
                  </a:cubicBezTo>
                  <a:cubicBezTo>
                    <a:pt x="29" y="2"/>
                    <a:pt x="26" y="4"/>
                    <a:pt x="24" y="5"/>
                  </a:cubicBezTo>
                  <a:cubicBezTo>
                    <a:pt x="21" y="7"/>
                    <a:pt x="17" y="11"/>
                    <a:pt x="15" y="11"/>
                  </a:cubicBezTo>
                  <a:cubicBezTo>
                    <a:pt x="14" y="11"/>
                    <a:pt x="11" y="10"/>
                    <a:pt x="9" y="10"/>
                  </a:cubicBezTo>
                  <a:cubicBezTo>
                    <a:pt x="9" y="8"/>
                    <a:pt x="9" y="8"/>
                    <a:pt x="8" y="7"/>
                  </a:cubicBezTo>
                  <a:cubicBezTo>
                    <a:pt x="6" y="7"/>
                    <a:pt x="6" y="8"/>
                    <a:pt x="6" y="7"/>
                  </a:cubicBezTo>
                </a:path>
              </a:pathLst>
            </a:custGeom>
            <a:solidFill>
              <a:schemeClr val="accent5"/>
            </a:solidFill>
            <a:ln w="6350" cmpd="sng">
              <a:solidFill>
                <a:schemeClr val="bg1"/>
              </a:solidFill>
              <a:round/>
              <a:headEnd/>
              <a:tailEnd/>
            </a:ln>
          </p:spPr>
          <p:txBody>
            <a:bodyPr/>
            <a:lstStyle/>
            <a:p>
              <a:endParaRPr lang="en-GB" sz="1633" dirty="0"/>
            </a:p>
          </p:txBody>
        </p:sp>
        <p:sp>
          <p:nvSpPr>
            <p:cNvPr id="141" name="Freeform 92"/>
            <p:cNvSpPr>
              <a:spLocks/>
            </p:cNvSpPr>
            <p:nvPr/>
          </p:nvSpPr>
          <p:spPr bwMode="auto">
            <a:xfrm>
              <a:off x="6541219" y="4761523"/>
              <a:ext cx="265119" cy="422575"/>
            </a:xfrm>
            <a:custGeom>
              <a:avLst/>
              <a:gdLst/>
              <a:ahLst/>
              <a:cxnLst>
                <a:cxn ang="0">
                  <a:pos x="5" y="136"/>
                </a:cxn>
                <a:cxn ang="0">
                  <a:pos x="0" y="126"/>
                </a:cxn>
                <a:cxn ang="0">
                  <a:pos x="0" y="92"/>
                </a:cxn>
                <a:cxn ang="0">
                  <a:pos x="8" y="81"/>
                </a:cxn>
                <a:cxn ang="0">
                  <a:pos x="12" y="78"/>
                </a:cxn>
                <a:cxn ang="0">
                  <a:pos x="18" y="73"/>
                </a:cxn>
                <a:cxn ang="0">
                  <a:pos x="33" y="69"/>
                </a:cxn>
                <a:cxn ang="0">
                  <a:pos x="49" y="48"/>
                </a:cxn>
                <a:cxn ang="0">
                  <a:pos x="53" y="41"/>
                </a:cxn>
                <a:cxn ang="0">
                  <a:pos x="38" y="38"/>
                </a:cxn>
                <a:cxn ang="0">
                  <a:pos x="23" y="30"/>
                </a:cxn>
                <a:cxn ang="0">
                  <a:pos x="18" y="25"/>
                </a:cxn>
                <a:cxn ang="0">
                  <a:pos x="15" y="20"/>
                </a:cxn>
                <a:cxn ang="0">
                  <a:pos x="15" y="13"/>
                </a:cxn>
                <a:cxn ang="0">
                  <a:pos x="18" y="6"/>
                </a:cxn>
                <a:cxn ang="0">
                  <a:pos x="27" y="17"/>
                </a:cxn>
                <a:cxn ang="0">
                  <a:pos x="41" y="14"/>
                </a:cxn>
                <a:cxn ang="0">
                  <a:pos x="53" y="11"/>
                </a:cxn>
                <a:cxn ang="0">
                  <a:pos x="62" y="8"/>
                </a:cxn>
                <a:cxn ang="0">
                  <a:pos x="79" y="3"/>
                </a:cxn>
                <a:cxn ang="0">
                  <a:pos x="80" y="16"/>
                </a:cxn>
                <a:cxn ang="0">
                  <a:pos x="77" y="24"/>
                </a:cxn>
                <a:cxn ang="0">
                  <a:pos x="68" y="48"/>
                </a:cxn>
                <a:cxn ang="0">
                  <a:pos x="35" y="98"/>
                </a:cxn>
                <a:cxn ang="0">
                  <a:pos x="12" y="122"/>
                </a:cxn>
                <a:cxn ang="0">
                  <a:pos x="5" y="136"/>
                </a:cxn>
              </a:cxnLst>
              <a:rect l="0" t="0" r="r" b="b"/>
              <a:pathLst>
                <a:path w="85" h="136">
                  <a:moveTo>
                    <a:pt x="5" y="136"/>
                  </a:moveTo>
                  <a:cubicBezTo>
                    <a:pt x="3" y="131"/>
                    <a:pt x="0" y="133"/>
                    <a:pt x="0" y="126"/>
                  </a:cubicBezTo>
                  <a:cubicBezTo>
                    <a:pt x="0" y="119"/>
                    <a:pt x="0" y="92"/>
                    <a:pt x="0" y="92"/>
                  </a:cubicBezTo>
                  <a:cubicBezTo>
                    <a:pt x="0" y="92"/>
                    <a:pt x="5" y="84"/>
                    <a:pt x="8" y="81"/>
                  </a:cubicBezTo>
                  <a:cubicBezTo>
                    <a:pt x="9" y="78"/>
                    <a:pt x="9" y="78"/>
                    <a:pt x="12" y="78"/>
                  </a:cubicBezTo>
                  <a:cubicBezTo>
                    <a:pt x="18" y="78"/>
                    <a:pt x="11" y="77"/>
                    <a:pt x="18" y="73"/>
                  </a:cubicBezTo>
                  <a:cubicBezTo>
                    <a:pt x="27" y="69"/>
                    <a:pt x="27" y="77"/>
                    <a:pt x="33" y="69"/>
                  </a:cubicBezTo>
                  <a:cubicBezTo>
                    <a:pt x="39" y="61"/>
                    <a:pt x="42" y="56"/>
                    <a:pt x="49" y="48"/>
                  </a:cubicBezTo>
                  <a:cubicBezTo>
                    <a:pt x="56" y="41"/>
                    <a:pt x="56" y="41"/>
                    <a:pt x="53" y="41"/>
                  </a:cubicBezTo>
                  <a:cubicBezTo>
                    <a:pt x="52" y="41"/>
                    <a:pt x="49" y="42"/>
                    <a:pt x="38" y="38"/>
                  </a:cubicBezTo>
                  <a:cubicBezTo>
                    <a:pt x="27" y="33"/>
                    <a:pt x="26" y="34"/>
                    <a:pt x="23" y="30"/>
                  </a:cubicBezTo>
                  <a:cubicBezTo>
                    <a:pt x="20" y="27"/>
                    <a:pt x="18" y="28"/>
                    <a:pt x="18" y="25"/>
                  </a:cubicBezTo>
                  <a:cubicBezTo>
                    <a:pt x="17" y="22"/>
                    <a:pt x="17" y="24"/>
                    <a:pt x="15" y="20"/>
                  </a:cubicBezTo>
                  <a:cubicBezTo>
                    <a:pt x="14" y="16"/>
                    <a:pt x="12" y="16"/>
                    <a:pt x="15" y="13"/>
                  </a:cubicBezTo>
                  <a:cubicBezTo>
                    <a:pt x="18" y="6"/>
                    <a:pt x="18" y="6"/>
                    <a:pt x="18" y="6"/>
                  </a:cubicBezTo>
                  <a:cubicBezTo>
                    <a:pt x="21" y="11"/>
                    <a:pt x="20" y="14"/>
                    <a:pt x="27" y="17"/>
                  </a:cubicBezTo>
                  <a:cubicBezTo>
                    <a:pt x="32" y="20"/>
                    <a:pt x="33" y="11"/>
                    <a:pt x="41" y="14"/>
                  </a:cubicBezTo>
                  <a:cubicBezTo>
                    <a:pt x="47" y="17"/>
                    <a:pt x="45" y="10"/>
                    <a:pt x="53" y="11"/>
                  </a:cubicBezTo>
                  <a:cubicBezTo>
                    <a:pt x="61" y="11"/>
                    <a:pt x="52" y="8"/>
                    <a:pt x="62" y="8"/>
                  </a:cubicBezTo>
                  <a:cubicBezTo>
                    <a:pt x="73" y="10"/>
                    <a:pt x="74" y="0"/>
                    <a:pt x="79" y="3"/>
                  </a:cubicBezTo>
                  <a:cubicBezTo>
                    <a:pt x="83" y="5"/>
                    <a:pt x="76" y="8"/>
                    <a:pt x="80" y="16"/>
                  </a:cubicBezTo>
                  <a:cubicBezTo>
                    <a:pt x="85" y="22"/>
                    <a:pt x="79" y="13"/>
                    <a:pt x="77" y="24"/>
                  </a:cubicBezTo>
                  <a:cubicBezTo>
                    <a:pt x="77" y="30"/>
                    <a:pt x="73" y="34"/>
                    <a:pt x="68" y="48"/>
                  </a:cubicBezTo>
                  <a:cubicBezTo>
                    <a:pt x="59" y="72"/>
                    <a:pt x="47" y="89"/>
                    <a:pt x="35" y="98"/>
                  </a:cubicBezTo>
                  <a:cubicBezTo>
                    <a:pt x="21" y="109"/>
                    <a:pt x="21" y="111"/>
                    <a:pt x="12" y="122"/>
                  </a:cubicBezTo>
                  <a:cubicBezTo>
                    <a:pt x="5" y="131"/>
                    <a:pt x="9" y="130"/>
                    <a:pt x="5" y="136"/>
                  </a:cubicBezTo>
                </a:path>
              </a:pathLst>
            </a:custGeom>
            <a:solidFill>
              <a:schemeClr val="accent5"/>
            </a:solidFill>
            <a:ln w="6350" cmpd="sng">
              <a:solidFill>
                <a:schemeClr val="bg1"/>
              </a:solidFill>
              <a:round/>
              <a:headEnd/>
              <a:tailEnd/>
            </a:ln>
          </p:spPr>
          <p:txBody>
            <a:bodyPr/>
            <a:lstStyle/>
            <a:p>
              <a:endParaRPr lang="en-GB" sz="1633" dirty="0"/>
            </a:p>
          </p:txBody>
        </p:sp>
        <p:sp>
          <p:nvSpPr>
            <p:cNvPr id="142" name="Freeform 93"/>
            <p:cNvSpPr>
              <a:spLocks/>
            </p:cNvSpPr>
            <p:nvPr/>
          </p:nvSpPr>
          <p:spPr bwMode="auto">
            <a:xfrm>
              <a:off x="6332338" y="4669938"/>
              <a:ext cx="382414" cy="364732"/>
            </a:xfrm>
            <a:custGeom>
              <a:avLst/>
              <a:gdLst/>
              <a:ahLst/>
              <a:cxnLst>
                <a:cxn ang="0">
                  <a:pos x="26" y="104"/>
                </a:cxn>
                <a:cxn ang="0">
                  <a:pos x="38" y="109"/>
                </a:cxn>
                <a:cxn ang="0">
                  <a:pos x="49" y="114"/>
                </a:cxn>
                <a:cxn ang="0">
                  <a:pos x="53" y="115"/>
                </a:cxn>
                <a:cxn ang="0">
                  <a:pos x="61" y="109"/>
                </a:cxn>
                <a:cxn ang="0">
                  <a:pos x="67" y="109"/>
                </a:cxn>
                <a:cxn ang="0">
                  <a:pos x="75" y="110"/>
                </a:cxn>
                <a:cxn ang="0">
                  <a:pos x="79" y="107"/>
                </a:cxn>
                <a:cxn ang="0">
                  <a:pos x="85" y="103"/>
                </a:cxn>
                <a:cxn ang="0">
                  <a:pos x="101" y="98"/>
                </a:cxn>
                <a:cxn ang="0">
                  <a:pos x="116" y="78"/>
                </a:cxn>
                <a:cxn ang="0">
                  <a:pos x="120" y="70"/>
                </a:cxn>
                <a:cxn ang="0">
                  <a:pos x="105" y="67"/>
                </a:cxn>
                <a:cxn ang="0">
                  <a:pos x="90" y="59"/>
                </a:cxn>
                <a:cxn ang="0">
                  <a:pos x="85" y="54"/>
                </a:cxn>
                <a:cxn ang="0">
                  <a:pos x="82" y="50"/>
                </a:cxn>
                <a:cxn ang="0">
                  <a:pos x="82" y="42"/>
                </a:cxn>
                <a:cxn ang="0">
                  <a:pos x="73" y="40"/>
                </a:cxn>
                <a:cxn ang="0">
                  <a:pos x="78" y="26"/>
                </a:cxn>
                <a:cxn ang="0">
                  <a:pos x="72" y="17"/>
                </a:cxn>
                <a:cxn ang="0">
                  <a:pos x="64" y="9"/>
                </a:cxn>
                <a:cxn ang="0">
                  <a:pos x="56" y="6"/>
                </a:cxn>
                <a:cxn ang="0">
                  <a:pos x="52" y="6"/>
                </a:cxn>
                <a:cxn ang="0">
                  <a:pos x="44" y="3"/>
                </a:cxn>
                <a:cxn ang="0">
                  <a:pos x="38" y="7"/>
                </a:cxn>
                <a:cxn ang="0">
                  <a:pos x="32" y="7"/>
                </a:cxn>
                <a:cxn ang="0">
                  <a:pos x="29" y="23"/>
                </a:cxn>
                <a:cxn ang="0">
                  <a:pos x="21" y="31"/>
                </a:cxn>
                <a:cxn ang="0">
                  <a:pos x="18" y="43"/>
                </a:cxn>
                <a:cxn ang="0">
                  <a:pos x="14" y="43"/>
                </a:cxn>
                <a:cxn ang="0">
                  <a:pos x="14" y="51"/>
                </a:cxn>
                <a:cxn ang="0">
                  <a:pos x="9" y="67"/>
                </a:cxn>
                <a:cxn ang="0">
                  <a:pos x="5" y="70"/>
                </a:cxn>
                <a:cxn ang="0">
                  <a:pos x="12" y="78"/>
                </a:cxn>
                <a:cxn ang="0">
                  <a:pos x="18" y="87"/>
                </a:cxn>
                <a:cxn ang="0">
                  <a:pos x="24" y="96"/>
                </a:cxn>
                <a:cxn ang="0">
                  <a:pos x="26" y="104"/>
                </a:cxn>
              </a:cxnLst>
              <a:rect l="0" t="0" r="r" b="b"/>
              <a:pathLst>
                <a:path w="123" h="117">
                  <a:moveTo>
                    <a:pt x="26" y="104"/>
                  </a:moveTo>
                  <a:cubicBezTo>
                    <a:pt x="31" y="109"/>
                    <a:pt x="31" y="101"/>
                    <a:pt x="38" y="109"/>
                  </a:cubicBezTo>
                  <a:cubicBezTo>
                    <a:pt x="46" y="117"/>
                    <a:pt x="46" y="112"/>
                    <a:pt x="49" y="114"/>
                  </a:cubicBezTo>
                  <a:cubicBezTo>
                    <a:pt x="52" y="115"/>
                    <a:pt x="53" y="114"/>
                    <a:pt x="53" y="115"/>
                  </a:cubicBezTo>
                  <a:cubicBezTo>
                    <a:pt x="56" y="117"/>
                    <a:pt x="55" y="112"/>
                    <a:pt x="61" y="109"/>
                  </a:cubicBezTo>
                  <a:cubicBezTo>
                    <a:pt x="66" y="106"/>
                    <a:pt x="66" y="107"/>
                    <a:pt x="67" y="109"/>
                  </a:cubicBezTo>
                  <a:cubicBezTo>
                    <a:pt x="69" y="110"/>
                    <a:pt x="72" y="110"/>
                    <a:pt x="75" y="110"/>
                  </a:cubicBezTo>
                  <a:cubicBezTo>
                    <a:pt x="76" y="107"/>
                    <a:pt x="76" y="107"/>
                    <a:pt x="79" y="107"/>
                  </a:cubicBezTo>
                  <a:cubicBezTo>
                    <a:pt x="85" y="107"/>
                    <a:pt x="78" y="106"/>
                    <a:pt x="85" y="103"/>
                  </a:cubicBezTo>
                  <a:cubicBezTo>
                    <a:pt x="94" y="98"/>
                    <a:pt x="94" y="106"/>
                    <a:pt x="101" y="98"/>
                  </a:cubicBezTo>
                  <a:cubicBezTo>
                    <a:pt x="107" y="90"/>
                    <a:pt x="110" y="85"/>
                    <a:pt x="116" y="78"/>
                  </a:cubicBezTo>
                  <a:cubicBezTo>
                    <a:pt x="123" y="70"/>
                    <a:pt x="123" y="70"/>
                    <a:pt x="120" y="70"/>
                  </a:cubicBezTo>
                  <a:cubicBezTo>
                    <a:pt x="119" y="70"/>
                    <a:pt x="116" y="71"/>
                    <a:pt x="105" y="67"/>
                  </a:cubicBezTo>
                  <a:cubicBezTo>
                    <a:pt x="94" y="62"/>
                    <a:pt x="93" y="64"/>
                    <a:pt x="90" y="59"/>
                  </a:cubicBezTo>
                  <a:cubicBezTo>
                    <a:pt x="87" y="56"/>
                    <a:pt x="85" y="57"/>
                    <a:pt x="85" y="54"/>
                  </a:cubicBezTo>
                  <a:cubicBezTo>
                    <a:pt x="84" y="51"/>
                    <a:pt x="84" y="53"/>
                    <a:pt x="82" y="50"/>
                  </a:cubicBezTo>
                  <a:cubicBezTo>
                    <a:pt x="81" y="45"/>
                    <a:pt x="79" y="45"/>
                    <a:pt x="82" y="42"/>
                  </a:cubicBezTo>
                  <a:cubicBezTo>
                    <a:pt x="81" y="37"/>
                    <a:pt x="76" y="43"/>
                    <a:pt x="73" y="40"/>
                  </a:cubicBezTo>
                  <a:cubicBezTo>
                    <a:pt x="73" y="31"/>
                    <a:pt x="75" y="36"/>
                    <a:pt x="78" y="26"/>
                  </a:cubicBezTo>
                  <a:cubicBezTo>
                    <a:pt x="73" y="23"/>
                    <a:pt x="75" y="20"/>
                    <a:pt x="72" y="17"/>
                  </a:cubicBezTo>
                  <a:cubicBezTo>
                    <a:pt x="69" y="15"/>
                    <a:pt x="67" y="9"/>
                    <a:pt x="64" y="9"/>
                  </a:cubicBezTo>
                  <a:cubicBezTo>
                    <a:pt x="62" y="7"/>
                    <a:pt x="61" y="6"/>
                    <a:pt x="56" y="6"/>
                  </a:cubicBezTo>
                  <a:cubicBezTo>
                    <a:pt x="52" y="4"/>
                    <a:pt x="53" y="7"/>
                    <a:pt x="52" y="6"/>
                  </a:cubicBezTo>
                  <a:cubicBezTo>
                    <a:pt x="50" y="3"/>
                    <a:pt x="50" y="12"/>
                    <a:pt x="44" y="3"/>
                  </a:cubicBezTo>
                  <a:cubicBezTo>
                    <a:pt x="41" y="0"/>
                    <a:pt x="41" y="12"/>
                    <a:pt x="38" y="7"/>
                  </a:cubicBezTo>
                  <a:cubicBezTo>
                    <a:pt x="37" y="3"/>
                    <a:pt x="38" y="11"/>
                    <a:pt x="32" y="7"/>
                  </a:cubicBezTo>
                  <a:cubicBezTo>
                    <a:pt x="31" y="17"/>
                    <a:pt x="27" y="18"/>
                    <a:pt x="29" y="23"/>
                  </a:cubicBezTo>
                  <a:cubicBezTo>
                    <a:pt x="23" y="23"/>
                    <a:pt x="24" y="29"/>
                    <a:pt x="21" y="31"/>
                  </a:cubicBezTo>
                  <a:cubicBezTo>
                    <a:pt x="18" y="34"/>
                    <a:pt x="20" y="42"/>
                    <a:pt x="18" y="43"/>
                  </a:cubicBezTo>
                  <a:cubicBezTo>
                    <a:pt x="17" y="45"/>
                    <a:pt x="17" y="39"/>
                    <a:pt x="14" y="43"/>
                  </a:cubicBezTo>
                  <a:cubicBezTo>
                    <a:pt x="12" y="48"/>
                    <a:pt x="15" y="46"/>
                    <a:pt x="14" y="51"/>
                  </a:cubicBezTo>
                  <a:cubicBezTo>
                    <a:pt x="11" y="57"/>
                    <a:pt x="15" y="68"/>
                    <a:pt x="9" y="67"/>
                  </a:cubicBezTo>
                  <a:cubicBezTo>
                    <a:pt x="2" y="64"/>
                    <a:pt x="6" y="68"/>
                    <a:pt x="5" y="70"/>
                  </a:cubicBezTo>
                  <a:cubicBezTo>
                    <a:pt x="0" y="73"/>
                    <a:pt x="9" y="71"/>
                    <a:pt x="12" y="78"/>
                  </a:cubicBezTo>
                  <a:cubicBezTo>
                    <a:pt x="15" y="82"/>
                    <a:pt x="17" y="79"/>
                    <a:pt x="18" y="87"/>
                  </a:cubicBezTo>
                  <a:cubicBezTo>
                    <a:pt x="20" y="95"/>
                    <a:pt x="20" y="95"/>
                    <a:pt x="24" y="96"/>
                  </a:cubicBezTo>
                  <a:cubicBezTo>
                    <a:pt x="27" y="96"/>
                    <a:pt x="24" y="98"/>
                    <a:pt x="26" y="104"/>
                  </a:cubicBezTo>
                </a:path>
              </a:pathLst>
            </a:custGeom>
            <a:solidFill>
              <a:schemeClr val="accent5"/>
            </a:solidFill>
            <a:ln w="6350" cmpd="sng">
              <a:solidFill>
                <a:schemeClr val="bg1"/>
              </a:solidFill>
              <a:round/>
              <a:headEnd/>
              <a:tailEnd/>
            </a:ln>
          </p:spPr>
          <p:txBody>
            <a:bodyPr/>
            <a:lstStyle/>
            <a:p>
              <a:endParaRPr lang="en-GB" sz="1633" dirty="0"/>
            </a:p>
          </p:txBody>
        </p:sp>
        <p:sp>
          <p:nvSpPr>
            <p:cNvPr id="143" name="Freeform 94"/>
            <p:cNvSpPr>
              <a:spLocks/>
            </p:cNvSpPr>
            <p:nvPr/>
          </p:nvSpPr>
          <p:spPr bwMode="auto">
            <a:xfrm>
              <a:off x="6419104" y="4579960"/>
              <a:ext cx="171925" cy="181563"/>
            </a:xfrm>
            <a:custGeom>
              <a:avLst/>
              <a:gdLst/>
              <a:ahLst/>
              <a:cxnLst>
                <a:cxn ang="0">
                  <a:pos x="4" y="37"/>
                </a:cxn>
                <a:cxn ang="0">
                  <a:pos x="10" y="37"/>
                </a:cxn>
                <a:cxn ang="0">
                  <a:pos x="16" y="32"/>
                </a:cxn>
                <a:cxn ang="0">
                  <a:pos x="23" y="35"/>
                </a:cxn>
                <a:cxn ang="0">
                  <a:pos x="28" y="35"/>
                </a:cxn>
                <a:cxn ang="0">
                  <a:pos x="36" y="38"/>
                </a:cxn>
                <a:cxn ang="0">
                  <a:pos x="43" y="46"/>
                </a:cxn>
                <a:cxn ang="0">
                  <a:pos x="49" y="55"/>
                </a:cxn>
                <a:cxn ang="0">
                  <a:pos x="55" y="52"/>
                </a:cxn>
                <a:cxn ang="0">
                  <a:pos x="51" y="49"/>
                </a:cxn>
                <a:cxn ang="0">
                  <a:pos x="49" y="46"/>
                </a:cxn>
                <a:cxn ang="0">
                  <a:pos x="46" y="43"/>
                </a:cxn>
                <a:cxn ang="0">
                  <a:pos x="42" y="37"/>
                </a:cxn>
                <a:cxn ang="0">
                  <a:pos x="36" y="32"/>
                </a:cxn>
                <a:cxn ang="0">
                  <a:pos x="31" y="27"/>
                </a:cxn>
                <a:cxn ang="0">
                  <a:pos x="28" y="30"/>
                </a:cxn>
                <a:cxn ang="0">
                  <a:pos x="25" y="23"/>
                </a:cxn>
                <a:cxn ang="0">
                  <a:pos x="19" y="0"/>
                </a:cxn>
                <a:cxn ang="0">
                  <a:pos x="11" y="7"/>
                </a:cxn>
                <a:cxn ang="0">
                  <a:pos x="7" y="12"/>
                </a:cxn>
                <a:cxn ang="0">
                  <a:pos x="2" y="29"/>
                </a:cxn>
                <a:cxn ang="0">
                  <a:pos x="4" y="37"/>
                </a:cxn>
              </a:cxnLst>
              <a:rect l="0" t="0" r="r" b="b"/>
              <a:pathLst>
                <a:path w="55" h="58">
                  <a:moveTo>
                    <a:pt x="4" y="37"/>
                  </a:moveTo>
                  <a:cubicBezTo>
                    <a:pt x="10" y="40"/>
                    <a:pt x="8" y="32"/>
                    <a:pt x="10" y="37"/>
                  </a:cubicBezTo>
                  <a:cubicBezTo>
                    <a:pt x="13" y="41"/>
                    <a:pt x="13" y="29"/>
                    <a:pt x="16" y="32"/>
                  </a:cubicBezTo>
                  <a:cubicBezTo>
                    <a:pt x="22" y="41"/>
                    <a:pt x="22" y="32"/>
                    <a:pt x="23" y="35"/>
                  </a:cubicBezTo>
                  <a:cubicBezTo>
                    <a:pt x="25" y="37"/>
                    <a:pt x="23" y="34"/>
                    <a:pt x="28" y="35"/>
                  </a:cubicBezTo>
                  <a:cubicBezTo>
                    <a:pt x="33" y="35"/>
                    <a:pt x="34" y="37"/>
                    <a:pt x="36" y="38"/>
                  </a:cubicBezTo>
                  <a:cubicBezTo>
                    <a:pt x="39" y="38"/>
                    <a:pt x="40" y="44"/>
                    <a:pt x="43" y="46"/>
                  </a:cubicBezTo>
                  <a:cubicBezTo>
                    <a:pt x="46" y="49"/>
                    <a:pt x="45" y="52"/>
                    <a:pt x="49" y="55"/>
                  </a:cubicBezTo>
                  <a:cubicBezTo>
                    <a:pt x="51" y="54"/>
                    <a:pt x="51" y="58"/>
                    <a:pt x="55" y="52"/>
                  </a:cubicBezTo>
                  <a:cubicBezTo>
                    <a:pt x="54" y="50"/>
                    <a:pt x="52" y="52"/>
                    <a:pt x="51" y="49"/>
                  </a:cubicBezTo>
                  <a:cubicBezTo>
                    <a:pt x="51" y="47"/>
                    <a:pt x="51" y="49"/>
                    <a:pt x="49" y="46"/>
                  </a:cubicBezTo>
                  <a:cubicBezTo>
                    <a:pt x="46" y="40"/>
                    <a:pt x="48" y="46"/>
                    <a:pt x="46" y="43"/>
                  </a:cubicBezTo>
                  <a:cubicBezTo>
                    <a:pt x="45" y="38"/>
                    <a:pt x="45" y="44"/>
                    <a:pt x="42" y="37"/>
                  </a:cubicBezTo>
                  <a:cubicBezTo>
                    <a:pt x="37" y="30"/>
                    <a:pt x="39" y="37"/>
                    <a:pt x="36" y="32"/>
                  </a:cubicBezTo>
                  <a:cubicBezTo>
                    <a:pt x="34" y="27"/>
                    <a:pt x="34" y="35"/>
                    <a:pt x="31" y="27"/>
                  </a:cubicBezTo>
                  <a:cubicBezTo>
                    <a:pt x="28" y="21"/>
                    <a:pt x="29" y="30"/>
                    <a:pt x="28" y="30"/>
                  </a:cubicBezTo>
                  <a:cubicBezTo>
                    <a:pt x="28" y="29"/>
                    <a:pt x="28" y="27"/>
                    <a:pt x="25" y="23"/>
                  </a:cubicBezTo>
                  <a:cubicBezTo>
                    <a:pt x="23" y="18"/>
                    <a:pt x="23" y="7"/>
                    <a:pt x="19" y="0"/>
                  </a:cubicBezTo>
                  <a:cubicBezTo>
                    <a:pt x="16" y="9"/>
                    <a:pt x="13" y="4"/>
                    <a:pt x="11" y="7"/>
                  </a:cubicBezTo>
                  <a:cubicBezTo>
                    <a:pt x="8" y="13"/>
                    <a:pt x="5" y="6"/>
                    <a:pt x="7" y="12"/>
                  </a:cubicBezTo>
                  <a:cubicBezTo>
                    <a:pt x="7" y="21"/>
                    <a:pt x="4" y="26"/>
                    <a:pt x="2" y="29"/>
                  </a:cubicBezTo>
                  <a:cubicBezTo>
                    <a:pt x="0" y="30"/>
                    <a:pt x="4" y="34"/>
                    <a:pt x="4" y="37"/>
                  </a:cubicBezTo>
                </a:path>
              </a:pathLst>
            </a:custGeom>
            <a:solidFill>
              <a:schemeClr val="accent5"/>
            </a:solidFill>
            <a:ln w="6350" cmpd="sng">
              <a:solidFill>
                <a:schemeClr val="bg1"/>
              </a:solidFill>
              <a:round/>
              <a:headEnd/>
              <a:tailEnd/>
            </a:ln>
          </p:spPr>
          <p:txBody>
            <a:bodyPr/>
            <a:lstStyle/>
            <a:p>
              <a:endParaRPr lang="en-GB" sz="1633" dirty="0"/>
            </a:p>
          </p:txBody>
        </p:sp>
        <p:sp>
          <p:nvSpPr>
            <p:cNvPr id="144" name="Freeform 95"/>
            <p:cNvSpPr>
              <a:spLocks/>
            </p:cNvSpPr>
            <p:nvPr/>
          </p:nvSpPr>
          <p:spPr bwMode="auto">
            <a:xfrm>
              <a:off x="6558894" y="4742242"/>
              <a:ext cx="44990" cy="65877"/>
            </a:xfrm>
            <a:custGeom>
              <a:avLst/>
              <a:gdLst/>
              <a:ahLst/>
              <a:cxnLst>
                <a:cxn ang="0">
                  <a:pos x="9" y="19"/>
                </a:cxn>
                <a:cxn ang="0">
                  <a:pos x="0" y="17"/>
                </a:cxn>
                <a:cxn ang="0">
                  <a:pos x="5" y="3"/>
                </a:cxn>
                <a:cxn ang="0">
                  <a:pos x="11" y="0"/>
                </a:cxn>
                <a:cxn ang="0">
                  <a:pos x="11" y="10"/>
                </a:cxn>
                <a:cxn ang="0">
                  <a:pos x="12" y="13"/>
                </a:cxn>
                <a:cxn ang="0">
                  <a:pos x="9" y="19"/>
                </a:cxn>
              </a:cxnLst>
              <a:rect l="0" t="0" r="r" b="b"/>
              <a:pathLst>
                <a:path w="14" h="21">
                  <a:moveTo>
                    <a:pt x="9" y="19"/>
                  </a:moveTo>
                  <a:cubicBezTo>
                    <a:pt x="8" y="14"/>
                    <a:pt x="3" y="21"/>
                    <a:pt x="0" y="17"/>
                  </a:cubicBezTo>
                  <a:cubicBezTo>
                    <a:pt x="0" y="8"/>
                    <a:pt x="2" y="13"/>
                    <a:pt x="5" y="3"/>
                  </a:cubicBezTo>
                  <a:cubicBezTo>
                    <a:pt x="6" y="2"/>
                    <a:pt x="6" y="6"/>
                    <a:pt x="11" y="0"/>
                  </a:cubicBezTo>
                  <a:cubicBezTo>
                    <a:pt x="12" y="5"/>
                    <a:pt x="14" y="6"/>
                    <a:pt x="11" y="10"/>
                  </a:cubicBezTo>
                  <a:cubicBezTo>
                    <a:pt x="3" y="14"/>
                    <a:pt x="9" y="11"/>
                    <a:pt x="12" y="13"/>
                  </a:cubicBezTo>
                  <a:cubicBezTo>
                    <a:pt x="9" y="19"/>
                    <a:pt x="9" y="19"/>
                    <a:pt x="9" y="19"/>
                  </a:cubicBezTo>
                  <a:close/>
                </a:path>
              </a:pathLst>
            </a:custGeom>
            <a:grpFill/>
            <a:ln w="6350" cmpd="sng">
              <a:solidFill>
                <a:schemeClr val="bg1"/>
              </a:solidFill>
              <a:round/>
              <a:headEnd/>
              <a:tailEnd/>
            </a:ln>
          </p:spPr>
          <p:txBody>
            <a:bodyPr/>
            <a:lstStyle/>
            <a:p>
              <a:endParaRPr lang="en-GB" sz="1633" dirty="0"/>
            </a:p>
          </p:txBody>
        </p:sp>
        <p:sp>
          <p:nvSpPr>
            <p:cNvPr id="145" name="Freeform 96"/>
            <p:cNvSpPr>
              <a:spLocks/>
            </p:cNvSpPr>
            <p:nvPr/>
          </p:nvSpPr>
          <p:spPr bwMode="auto">
            <a:xfrm>
              <a:off x="5827809" y="4960760"/>
              <a:ext cx="482035" cy="600925"/>
            </a:xfrm>
            <a:custGeom>
              <a:avLst/>
              <a:gdLst/>
              <a:ahLst/>
              <a:cxnLst>
                <a:cxn ang="0">
                  <a:pos x="138" y="114"/>
                </a:cxn>
                <a:cxn ang="0">
                  <a:pos x="148" y="136"/>
                </a:cxn>
                <a:cxn ang="0">
                  <a:pos x="130" y="148"/>
                </a:cxn>
                <a:cxn ang="0">
                  <a:pos x="129" y="170"/>
                </a:cxn>
                <a:cxn ang="0">
                  <a:pos x="141" y="181"/>
                </a:cxn>
                <a:cxn ang="0">
                  <a:pos x="132" y="182"/>
                </a:cxn>
                <a:cxn ang="0">
                  <a:pos x="119" y="171"/>
                </a:cxn>
                <a:cxn ang="0">
                  <a:pos x="107" y="171"/>
                </a:cxn>
                <a:cxn ang="0">
                  <a:pos x="93" y="162"/>
                </a:cxn>
                <a:cxn ang="0">
                  <a:pos x="84" y="164"/>
                </a:cxn>
                <a:cxn ang="0">
                  <a:pos x="78" y="153"/>
                </a:cxn>
                <a:cxn ang="0">
                  <a:pos x="77" y="128"/>
                </a:cxn>
                <a:cxn ang="0">
                  <a:pos x="64" y="123"/>
                </a:cxn>
                <a:cxn ang="0">
                  <a:pos x="57" y="133"/>
                </a:cxn>
                <a:cxn ang="0">
                  <a:pos x="41" y="133"/>
                </a:cxn>
                <a:cxn ang="0">
                  <a:pos x="35" y="117"/>
                </a:cxn>
                <a:cxn ang="0">
                  <a:pos x="8" y="112"/>
                </a:cxn>
                <a:cxn ang="0">
                  <a:pos x="0" y="112"/>
                </a:cxn>
                <a:cxn ang="0">
                  <a:pos x="8" y="101"/>
                </a:cxn>
                <a:cxn ang="0">
                  <a:pos x="19" y="103"/>
                </a:cxn>
                <a:cxn ang="0">
                  <a:pos x="32" y="86"/>
                </a:cxn>
                <a:cxn ang="0">
                  <a:pos x="46" y="53"/>
                </a:cxn>
                <a:cxn ang="0">
                  <a:pos x="48" y="30"/>
                </a:cxn>
                <a:cxn ang="0">
                  <a:pos x="52" y="13"/>
                </a:cxn>
                <a:cxn ang="0">
                  <a:pos x="67" y="13"/>
                </a:cxn>
                <a:cxn ang="0">
                  <a:pos x="93" y="8"/>
                </a:cxn>
                <a:cxn ang="0">
                  <a:pos x="116" y="6"/>
                </a:cxn>
                <a:cxn ang="0">
                  <a:pos x="130" y="13"/>
                </a:cxn>
                <a:cxn ang="0">
                  <a:pos x="142" y="14"/>
                </a:cxn>
                <a:cxn ang="0">
                  <a:pos x="150" y="33"/>
                </a:cxn>
                <a:cxn ang="0">
                  <a:pos x="139" y="69"/>
                </a:cxn>
                <a:cxn ang="0">
                  <a:pos x="133" y="83"/>
                </a:cxn>
                <a:cxn ang="0">
                  <a:pos x="138" y="100"/>
                </a:cxn>
              </a:cxnLst>
              <a:rect l="0" t="0" r="r" b="b"/>
              <a:pathLst>
                <a:path w="155" h="193">
                  <a:moveTo>
                    <a:pt x="138" y="100"/>
                  </a:moveTo>
                  <a:cubicBezTo>
                    <a:pt x="136" y="106"/>
                    <a:pt x="139" y="109"/>
                    <a:pt x="138" y="114"/>
                  </a:cubicBezTo>
                  <a:cubicBezTo>
                    <a:pt x="136" y="119"/>
                    <a:pt x="144" y="125"/>
                    <a:pt x="145" y="128"/>
                  </a:cubicBezTo>
                  <a:cubicBezTo>
                    <a:pt x="145" y="133"/>
                    <a:pt x="147" y="134"/>
                    <a:pt x="148" y="136"/>
                  </a:cubicBezTo>
                  <a:cubicBezTo>
                    <a:pt x="142" y="137"/>
                    <a:pt x="133" y="136"/>
                    <a:pt x="133" y="140"/>
                  </a:cubicBezTo>
                  <a:cubicBezTo>
                    <a:pt x="133" y="147"/>
                    <a:pt x="127" y="145"/>
                    <a:pt x="130" y="148"/>
                  </a:cubicBezTo>
                  <a:cubicBezTo>
                    <a:pt x="135" y="154"/>
                    <a:pt x="129" y="153"/>
                    <a:pt x="130" y="157"/>
                  </a:cubicBezTo>
                  <a:cubicBezTo>
                    <a:pt x="133" y="161"/>
                    <a:pt x="127" y="167"/>
                    <a:pt x="129" y="170"/>
                  </a:cubicBezTo>
                  <a:cubicBezTo>
                    <a:pt x="130" y="173"/>
                    <a:pt x="132" y="176"/>
                    <a:pt x="135" y="178"/>
                  </a:cubicBezTo>
                  <a:cubicBezTo>
                    <a:pt x="139" y="179"/>
                    <a:pt x="141" y="168"/>
                    <a:pt x="141" y="181"/>
                  </a:cubicBezTo>
                  <a:cubicBezTo>
                    <a:pt x="139" y="193"/>
                    <a:pt x="139" y="184"/>
                    <a:pt x="138" y="186"/>
                  </a:cubicBezTo>
                  <a:cubicBezTo>
                    <a:pt x="135" y="189"/>
                    <a:pt x="135" y="189"/>
                    <a:pt x="132" y="182"/>
                  </a:cubicBezTo>
                  <a:cubicBezTo>
                    <a:pt x="129" y="178"/>
                    <a:pt x="127" y="176"/>
                    <a:pt x="124" y="176"/>
                  </a:cubicBezTo>
                  <a:cubicBezTo>
                    <a:pt x="122" y="176"/>
                    <a:pt x="121" y="173"/>
                    <a:pt x="119" y="171"/>
                  </a:cubicBezTo>
                  <a:cubicBezTo>
                    <a:pt x="119" y="168"/>
                    <a:pt x="118" y="167"/>
                    <a:pt x="118" y="171"/>
                  </a:cubicBezTo>
                  <a:cubicBezTo>
                    <a:pt x="116" y="175"/>
                    <a:pt x="115" y="173"/>
                    <a:pt x="107" y="171"/>
                  </a:cubicBezTo>
                  <a:cubicBezTo>
                    <a:pt x="101" y="170"/>
                    <a:pt x="109" y="162"/>
                    <a:pt x="101" y="167"/>
                  </a:cubicBezTo>
                  <a:cubicBezTo>
                    <a:pt x="95" y="170"/>
                    <a:pt x="101" y="162"/>
                    <a:pt x="93" y="162"/>
                  </a:cubicBezTo>
                  <a:cubicBezTo>
                    <a:pt x="93" y="164"/>
                    <a:pt x="93" y="164"/>
                    <a:pt x="90" y="164"/>
                  </a:cubicBezTo>
                  <a:cubicBezTo>
                    <a:pt x="89" y="162"/>
                    <a:pt x="87" y="165"/>
                    <a:pt x="84" y="164"/>
                  </a:cubicBezTo>
                  <a:cubicBezTo>
                    <a:pt x="81" y="164"/>
                    <a:pt x="83" y="167"/>
                    <a:pt x="80" y="167"/>
                  </a:cubicBezTo>
                  <a:cubicBezTo>
                    <a:pt x="77" y="165"/>
                    <a:pt x="83" y="159"/>
                    <a:pt x="78" y="153"/>
                  </a:cubicBezTo>
                  <a:cubicBezTo>
                    <a:pt x="74" y="147"/>
                    <a:pt x="78" y="140"/>
                    <a:pt x="77" y="136"/>
                  </a:cubicBezTo>
                  <a:cubicBezTo>
                    <a:pt x="75" y="131"/>
                    <a:pt x="77" y="131"/>
                    <a:pt x="77" y="128"/>
                  </a:cubicBezTo>
                  <a:cubicBezTo>
                    <a:pt x="77" y="125"/>
                    <a:pt x="64" y="129"/>
                    <a:pt x="67" y="125"/>
                  </a:cubicBezTo>
                  <a:cubicBezTo>
                    <a:pt x="67" y="123"/>
                    <a:pt x="66" y="122"/>
                    <a:pt x="64" y="123"/>
                  </a:cubicBezTo>
                  <a:cubicBezTo>
                    <a:pt x="63" y="125"/>
                    <a:pt x="58" y="122"/>
                    <a:pt x="58" y="126"/>
                  </a:cubicBezTo>
                  <a:cubicBezTo>
                    <a:pt x="58" y="131"/>
                    <a:pt x="57" y="128"/>
                    <a:pt x="57" y="133"/>
                  </a:cubicBezTo>
                  <a:cubicBezTo>
                    <a:pt x="58" y="136"/>
                    <a:pt x="54" y="134"/>
                    <a:pt x="52" y="134"/>
                  </a:cubicBezTo>
                  <a:cubicBezTo>
                    <a:pt x="51" y="133"/>
                    <a:pt x="43" y="137"/>
                    <a:pt x="41" y="133"/>
                  </a:cubicBezTo>
                  <a:cubicBezTo>
                    <a:pt x="40" y="128"/>
                    <a:pt x="38" y="129"/>
                    <a:pt x="38" y="125"/>
                  </a:cubicBezTo>
                  <a:cubicBezTo>
                    <a:pt x="38" y="122"/>
                    <a:pt x="37" y="122"/>
                    <a:pt x="35" y="117"/>
                  </a:cubicBezTo>
                  <a:cubicBezTo>
                    <a:pt x="35" y="112"/>
                    <a:pt x="35" y="112"/>
                    <a:pt x="25" y="114"/>
                  </a:cubicBezTo>
                  <a:cubicBezTo>
                    <a:pt x="12" y="114"/>
                    <a:pt x="14" y="112"/>
                    <a:pt x="8" y="112"/>
                  </a:cubicBezTo>
                  <a:cubicBezTo>
                    <a:pt x="6" y="112"/>
                    <a:pt x="6" y="112"/>
                    <a:pt x="3" y="112"/>
                  </a:cubicBezTo>
                  <a:cubicBezTo>
                    <a:pt x="2" y="114"/>
                    <a:pt x="2" y="114"/>
                    <a:pt x="0" y="112"/>
                  </a:cubicBezTo>
                  <a:cubicBezTo>
                    <a:pt x="5" y="112"/>
                    <a:pt x="2" y="106"/>
                    <a:pt x="3" y="103"/>
                  </a:cubicBezTo>
                  <a:cubicBezTo>
                    <a:pt x="6" y="101"/>
                    <a:pt x="6" y="101"/>
                    <a:pt x="8" y="101"/>
                  </a:cubicBezTo>
                  <a:cubicBezTo>
                    <a:pt x="11" y="106"/>
                    <a:pt x="14" y="97"/>
                    <a:pt x="17" y="98"/>
                  </a:cubicBezTo>
                  <a:cubicBezTo>
                    <a:pt x="20" y="100"/>
                    <a:pt x="15" y="103"/>
                    <a:pt x="19" y="103"/>
                  </a:cubicBezTo>
                  <a:cubicBezTo>
                    <a:pt x="23" y="105"/>
                    <a:pt x="26" y="95"/>
                    <a:pt x="28" y="95"/>
                  </a:cubicBezTo>
                  <a:cubicBezTo>
                    <a:pt x="31" y="95"/>
                    <a:pt x="34" y="89"/>
                    <a:pt x="32" y="86"/>
                  </a:cubicBezTo>
                  <a:cubicBezTo>
                    <a:pt x="29" y="80"/>
                    <a:pt x="37" y="67"/>
                    <a:pt x="41" y="66"/>
                  </a:cubicBezTo>
                  <a:cubicBezTo>
                    <a:pt x="46" y="62"/>
                    <a:pt x="43" y="59"/>
                    <a:pt x="46" y="53"/>
                  </a:cubicBezTo>
                  <a:cubicBezTo>
                    <a:pt x="48" y="48"/>
                    <a:pt x="45" y="50"/>
                    <a:pt x="46" y="42"/>
                  </a:cubicBezTo>
                  <a:cubicBezTo>
                    <a:pt x="48" y="34"/>
                    <a:pt x="45" y="36"/>
                    <a:pt x="48" y="30"/>
                  </a:cubicBezTo>
                  <a:cubicBezTo>
                    <a:pt x="52" y="25"/>
                    <a:pt x="52" y="24"/>
                    <a:pt x="52" y="22"/>
                  </a:cubicBezTo>
                  <a:cubicBezTo>
                    <a:pt x="51" y="17"/>
                    <a:pt x="49" y="14"/>
                    <a:pt x="52" y="13"/>
                  </a:cubicBezTo>
                  <a:cubicBezTo>
                    <a:pt x="54" y="11"/>
                    <a:pt x="54" y="3"/>
                    <a:pt x="61" y="6"/>
                  </a:cubicBezTo>
                  <a:cubicBezTo>
                    <a:pt x="67" y="10"/>
                    <a:pt x="64" y="13"/>
                    <a:pt x="67" y="13"/>
                  </a:cubicBezTo>
                  <a:cubicBezTo>
                    <a:pt x="77" y="13"/>
                    <a:pt x="81" y="19"/>
                    <a:pt x="84" y="11"/>
                  </a:cubicBezTo>
                  <a:cubicBezTo>
                    <a:pt x="87" y="3"/>
                    <a:pt x="84" y="14"/>
                    <a:pt x="93" y="8"/>
                  </a:cubicBezTo>
                  <a:cubicBezTo>
                    <a:pt x="101" y="3"/>
                    <a:pt x="101" y="10"/>
                    <a:pt x="104" y="5"/>
                  </a:cubicBezTo>
                  <a:cubicBezTo>
                    <a:pt x="107" y="0"/>
                    <a:pt x="115" y="10"/>
                    <a:pt x="116" y="6"/>
                  </a:cubicBezTo>
                  <a:cubicBezTo>
                    <a:pt x="119" y="3"/>
                    <a:pt x="119" y="6"/>
                    <a:pt x="122" y="6"/>
                  </a:cubicBezTo>
                  <a:cubicBezTo>
                    <a:pt x="125" y="11"/>
                    <a:pt x="129" y="16"/>
                    <a:pt x="130" y="13"/>
                  </a:cubicBezTo>
                  <a:cubicBezTo>
                    <a:pt x="133" y="10"/>
                    <a:pt x="135" y="16"/>
                    <a:pt x="136" y="11"/>
                  </a:cubicBezTo>
                  <a:cubicBezTo>
                    <a:pt x="139" y="8"/>
                    <a:pt x="141" y="10"/>
                    <a:pt x="142" y="14"/>
                  </a:cubicBezTo>
                  <a:cubicBezTo>
                    <a:pt x="145" y="19"/>
                    <a:pt x="145" y="16"/>
                    <a:pt x="148" y="22"/>
                  </a:cubicBezTo>
                  <a:cubicBezTo>
                    <a:pt x="148" y="30"/>
                    <a:pt x="145" y="31"/>
                    <a:pt x="150" y="33"/>
                  </a:cubicBezTo>
                  <a:cubicBezTo>
                    <a:pt x="155" y="36"/>
                    <a:pt x="148" y="39"/>
                    <a:pt x="144" y="44"/>
                  </a:cubicBezTo>
                  <a:cubicBezTo>
                    <a:pt x="139" y="48"/>
                    <a:pt x="139" y="59"/>
                    <a:pt x="139" y="69"/>
                  </a:cubicBezTo>
                  <a:cubicBezTo>
                    <a:pt x="130" y="75"/>
                    <a:pt x="138" y="75"/>
                    <a:pt x="135" y="78"/>
                  </a:cubicBezTo>
                  <a:cubicBezTo>
                    <a:pt x="132" y="80"/>
                    <a:pt x="133" y="80"/>
                    <a:pt x="133" y="83"/>
                  </a:cubicBezTo>
                  <a:cubicBezTo>
                    <a:pt x="135" y="86"/>
                    <a:pt x="136" y="86"/>
                    <a:pt x="135" y="90"/>
                  </a:cubicBezTo>
                  <a:cubicBezTo>
                    <a:pt x="135" y="95"/>
                    <a:pt x="138" y="97"/>
                    <a:pt x="138" y="100"/>
                  </a:cubicBezTo>
                </a:path>
              </a:pathLst>
            </a:custGeom>
            <a:solidFill>
              <a:schemeClr val="accent5"/>
            </a:solidFill>
            <a:ln w="6350" cmpd="sng">
              <a:solidFill>
                <a:schemeClr val="bg1"/>
              </a:solidFill>
              <a:round/>
              <a:headEnd/>
              <a:tailEnd/>
            </a:ln>
          </p:spPr>
          <p:txBody>
            <a:bodyPr/>
            <a:lstStyle/>
            <a:p>
              <a:endParaRPr lang="en-GB" sz="1633" dirty="0"/>
            </a:p>
          </p:txBody>
        </p:sp>
        <p:sp>
          <p:nvSpPr>
            <p:cNvPr id="146" name="Freeform 97"/>
            <p:cNvSpPr>
              <a:spLocks/>
            </p:cNvSpPr>
            <p:nvPr/>
          </p:nvSpPr>
          <p:spPr bwMode="auto">
            <a:xfrm>
              <a:off x="6359653" y="4978435"/>
              <a:ext cx="202455" cy="297249"/>
            </a:xfrm>
            <a:custGeom>
              <a:avLst/>
              <a:gdLst/>
              <a:ahLst/>
              <a:cxnLst>
                <a:cxn ang="0">
                  <a:pos x="2" y="8"/>
                </a:cxn>
                <a:cxn ang="0">
                  <a:pos x="8" y="22"/>
                </a:cxn>
                <a:cxn ang="0">
                  <a:pos x="6" y="41"/>
                </a:cxn>
                <a:cxn ang="0">
                  <a:pos x="2" y="59"/>
                </a:cxn>
                <a:cxn ang="0">
                  <a:pos x="29" y="78"/>
                </a:cxn>
                <a:cxn ang="0">
                  <a:pos x="32" y="86"/>
                </a:cxn>
                <a:cxn ang="0">
                  <a:pos x="44" y="95"/>
                </a:cxn>
                <a:cxn ang="0">
                  <a:pos x="49" y="86"/>
                </a:cxn>
                <a:cxn ang="0">
                  <a:pos x="52" y="78"/>
                </a:cxn>
                <a:cxn ang="0">
                  <a:pos x="56" y="70"/>
                </a:cxn>
                <a:cxn ang="0">
                  <a:pos x="62" y="66"/>
                </a:cxn>
                <a:cxn ang="0">
                  <a:pos x="58" y="56"/>
                </a:cxn>
                <a:cxn ang="0">
                  <a:pos x="58" y="22"/>
                </a:cxn>
                <a:cxn ang="0">
                  <a:pos x="65" y="11"/>
                </a:cxn>
                <a:cxn ang="0">
                  <a:pos x="58" y="10"/>
                </a:cxn>
                <a:cxn ang="0">
                  <a:pos x="52" y="10"/>
                </a:cxn>
                <a:cxn ang="0">
                  <a:pos x="44" y="16"/>
                </a:cxn>
                <a:cxn ang="0">
                  <a:pos x="40" y="14"/>
                </a:cxn>
                <a:cxn ang="0">
                  <a:pos x="29" y="10"/>
                </a:cxn>
                <a:cxn ang="0">
                  <a:pos x="17" y="5"/>
                </a:cxn>
                <a:cxn ang="0">
                  <a:pos x="14" y="2"/>
                </a:cxn>
                <a:cxn ang="0">
                  <a:pos x="8" y="2"/>
                </a:cxn>
                <a:cxn ang="0">
                  <a:pos x="2" y="8"/>
                </a:cxn>
              </a:cxnLst>
              <a:rect l="0" t="0" r="r" b="b"/>
              <a:pathLst>
                <a:path w="65" h="95">
                  <a:moveTo>
                    <a:pt x="2" y="8"/>
                  </a:moveTo>
                  <a:cubicBezTo>
                    <a:pt x="8" y="16"/>
                    <a:pt x="5" y="17"/>
                    <a:pt x="8" y="22"/>
                  </a:cubicBezTo>
                  <a:cubicBezTo>
                    <a:pt x="11" y="27"/>
                    <a:pt x="11" y="34"/>
                    <a:pt x="6" y="41"/>
                  </a:cubicBezTo>
                  <a:cubicBezTo>
                    <a:pt x="0" y="47"/>
                    <a:pt x="3" y="52"/>
                    <a:pt x="2" y="59"/>
                  </a:cubicBezTo>
                  <a:cubicBezTo>
                    <a:pt x="18" y="70"/>
                    <a:pt x="24" y="75"/>
                    <a:pt x="29" y="78"/>
                  </a:cubicBezTo>
                  <a:cubicBezTo>
                    <a:pt x="35" y="81"/>
                    <a:pt x="29" y="81"/>
                    <a:pt x="32" y="86"/>
                  </a:cubicBezTo>
                  <a:cubicBezTo>
                    <a:pt x="37" y="89"/>
                    <a:pt x="43" y="95"/>
                    <a:pt x="44" y="95"/>
                  </a:cubicBezTo>
                  <a:cubicBezTo>
                    <a:pt x="47" y="91"/>
                    <a:pt x="49" y="91"/>
                    <a:pt x="49" y="86"/>
                  </a:cubicBezTo>
                  <a:cubicBezTo>
                    <a:pt x="49" y="80"/>
                    <a:pt x="52" y="86"/>
                    <a:pt x="52" y="78"/>
                  </a:cubicBezTo>
                  <a:cubicBezTo>
                    <a:pt x="50" y="72"/>
                    <a:pt x="58" y="75"/>
                    <a:pt x="56" y="70"/>
                  </a:cubicBezTo>
                  <a:cubicBezTo>
                    <a:pt x="56" y="67"/>
                    <a:pt x="58" y="72"/>
                    <a:pt x="62" y="66"/>
                  </a:cubicBezTo>
                  <a:cubicBezTo>
                    <a:pt x="61" y="61"/>
                    <a:pt x="58" y="63"/>
                    <a:pt x="58" y="56"/>
                  </a:cubicBezTo>
                  <a:cubicBezTo>
                    <a:pt x="58" y="48"/>
                    <a:pt x="58" y="22"/>
                    <a:pt x="58" y="22"/>
                  </a:cubicBezTo>
                  <a:cubicBezTo>
                    <a:pt x="58" y="22"/>
                    <a:pt x="62" y="14"/>
                    <a:pt x="65" y="11"/>
                  </a:cubicBezTo>
                  <a:cubicBezTo>
                    <a:pt x="62" y="11"/>
                    <a:pt x="59" y="11"/>
                    <a:pt x="58" y="10"/>
                  </a:cubicBezTo>
                  <a:cubicBezTo>
                    <a:pt x="56" y="8"/>
                    <a:pt x="56" y="6"/>
                    <a:pt x="52" y="10"/>
                  </a:cubicBezTo>
                  <a:cubicBezTo>
                    <a:pt x="46" y="13"/>
                    <a:pt x="47" y="17"/>
                    <a:pt x="44" y="16"/>
                  </a:cubicBezTo>
                  <a:cubicBezTo>
                    <a:pt x="44" y="14"/>
                    <a:pt x="43" y="16"/>
                    <a:pt x="40" y="14"/>
                  </a:cubicBezTo>
                  <a:cubicBezTo>
                    <a:pt x="37" y="13"/>
                    <a:pt x="37" y="17"/>
                    <a:pt x="29" y="10"/>
                  </a:cubicBezTo>
                  <a:cubicBezTo>
                    <a:pt x="21" y="2"/>
                    <a:pt x="21" y="10"/>
                    <a:pt x="17" y="5"/>
                  </a:cubicBezTo>
                  <a:cubicBezTo>
                    <a:pt x="15" y="5"/>
                    <a:pt x="12" y="5"/>
                    <a:pt x="14" y="2"/>
                  </a:cubicBezTo>
                  <a:cubicBezTo>
                    <a:pt x="14" y="0"/>
                    <a:pt x="11" y="2"/>
                    <a:pt x="8" y="2"/>
                  </a:cubicBezTo>
                  <a:cubicBezTo>
                    <a:pt x="5" y="3"/>
                    <a:pt x="3" y="6"/>
                    <a:pt x="2" y="8"/>
                  </a:cubicBezTo>
                </a:path>
              </a:pathLst>
            </a:custGeom>
            <a:solidFill>
              <a:schemeClr val="accent5"/>
            </a:solidFill>
            <a:ln w="6350" cmpd="sng">
              <a:solidFill>
                <a:schemeClr val="bg1"/>
              </a:solidFill>
              <a:round/>
              <a:headEnd/>
              <a:tailEnd/>
            </a:ln>
          </p:spPr>
          <p:txBody>
            <a:bodyPr/>
            <a:lstStyle/>
            <a:p>
              <a:endParaRPr lang="en-GB" sz="1633" dirty="0"/>
            </a:p>
          </p:txBody>
        </p:sp>
        <p:sp>
          <p:nvSpPr>
            <p:cNvPr id="147" name="Freeform 98"/>
            <p:cNvSpPr>
              <a:spLocks/>
            </p:cNvSpPr>
            <p:nvPr/>
          </p:nvSpPr>
          <p:spPr bwMode="auto">
            <a:xfrm>
              <a:off x="6260033" y="5004143"/>
              <a:ext cx="131756" cy="175135"/>
            </a:xfrm>
            <a:custGeom>
              <a:avLst/>
              <a:gdLst/>
              <a:ahLst/>
              <a:cxnLst>
                <a:cxn ang="0">
                  <a:pos x="9" y="8"/>
                </a:cxn>
                <a:cxn ang="0">
                  <a:pos x="11" y="19"/>
                </a:cxn>
                <a:cxn ang="0">
                  <a:pos x="5" y="30"/>
                </a:cxn>
                <a:cxn ang="0">
                  <a:pos x="0" y="55"/>
                </a:cxn>
                <a:cxn ang="0">
                  <a:pos x="3" y="56"/>
                </a:cxn>
                <a:cxn ang="0">
                  <a:pos x="6" y="52"/>
                </a:cxn>
                <a:cxn ang="0">
                  <a:pos x="33" y="52"/>
                </a:cxn>
                <a:cxn ang="0">
                  <a:pos x="38" y="33"/>
                </a:cxn>
                <a:cxn ang="0">
                  <a:pos x="39" y="14"/>
                </a:cxn>
                <a:cxn ang="0">
                  <a:pos x="33" y="0"/>
                </a:cxn>
                <a:cxn ang="0">
                  <a:pos x="29" y="5"/>
                </a:cxn>
                <a:cxn ang="0">
                  <a:pos x="27" y="3"/>
                </a:cxn>
                <a:cxn ang="0">
                  <a:pos x="18" y="6"/>
                </a:cxn>
                <a:cxn ang="0">
                  <a:pos x="15" y="5"/>
                </a:cxn>
                <a:cxn ang="0">
                  <a:pos x="9" y="8"/>
                </a:cxn>
              </a:cxnLst>
              <a:rect l="0" t="0" r="r" b="b"/>
              <a:pathLst>
                <a:path w="42" h="56">
                  <a:moveTo>
                    <a:pt x="9" y="8"/>
                  </a:moveTo>
                  <a:cubicBezTo>
                    <a:pt x="9" y="16"/>
                    <a:pt x="6" y="17"/>
                    <a:pt x="11" y="19"/>
                  </a:cubicBezTo>
                  <a:cubicBezTo>
                    <a:pt x="15" y="22"/>
                    <a:pt x="9" y="25"/>
                    <a:pt x="5" y="30"/>
                  </a:cubicBezTo>
                  <a:cubicBezTo>
                    <a:pt x="0" y="34"/>
                    <a:pt x="0" y="45"/>
                    <a:pt x="0" y="55"/>
                  </a:cubicBezTo>
                  <a:cubicBezTo>
                    <a:pt x="3" y="53"/>
                    <a:pt x="0" y="56"/>
                    <a:pt x="3" y="56"/>
                  </a:cubicBezTo>
                  <a:cubicBezTo>
                    <a:pt x="5" y="55"/>
                    <a:pt x="5" y="53"/>
                    <a:pt x="6" y="52"/>
                  </a:cubicBezTo>
                  <a:cubicBezTo>
                    <a:pt x="9" y="52"/>
                    <a:pt x="29" y="52"/>
                    <a:pt x="33" y="52"/>
                  </a:cubicBezTo>
                  <a:cubicBezTo>
                    <a:pt x="35" y="44"/>
                    <a:pt x="32" y="39"/>
                    <a:pt x="38" y="33"/>
                  </a:cubicBezTo>
                  <a:cubicBezTo>
                    <a:pt x="42" y="27"/>
                    <a:pt x="42" y="19"/>
                    <a:pt x="39" y="14"/>
                  </a:cubicBezTo>
                  <a:cubicBezTo>
                    <a:pt x="36" y="10"/>
                    <a:pt x="39" y="8"/>
                    <a:pt x="33" y="0"/>
                  </a:cubicBezTo>
                  <a:cubicBezTo>
                    <a:pt x="32" y="3"/>
                    <a:pt x="32" y="5"/>
                    <a:pt x="29" y="5"/>
                  </a:cubicBezTo>
                  <a:cubicBezTo>
                    <a:pt x="26" y="5"/>
                    <a:pt x="29" y="5"/>
                    <a:pt x="27" y="3"/>
                  </a:cubicBezTo>
                  <a:cubicBezTo>
                    <a:pt x="23" y="3"/>
                    <a:pt x="20" y="10"/>
                    <a:pt x="18" y="6"/>
                  </a:cubicBezTo>
                  <a:cubicBezTo>
                    <a:pt x="17" y="5"/>
                    <a:pt x="17" y="3"/>
                    <a:pt x="15" y="5"/>
                  </a:cubicBezTo>
                  <a:cubicBezTo>
                    <a:pt x="14" y="8"/>
                    <a:pt x="12" y="0"/>
                    <a:pt x="9" y="8"/>
                  </a:cubicBezTo>
                </a:path>
              </a:pathLst>
            </a:custGeom>
            <a:solidFill>
              <a:schemeClr val="accent5"/>
            </a:solidFill>
            <a:ln w="6350" cmpd="sng">
              <a:solidFill>
                <a:schemeClr val="bg1"/>
              </a:solidFill>
              <a:round/>
              <a:headEnd/>
              <a:tailEnd/>
            </a:ln>
          </p:spPr>
          <p:txBody>
            <a:bodyPr/>
            <a:lstStyle/>
            <a:p>
              <a:endParaRPr lang="en-GB" sz="1633" dirty="0"/>
            </a:p>
          </p:txBody>
        </p:sp>
        <p:sp>
          <p:nvSpPr>
            <p:cNvPr id="148" name="Freeform 99"/>
            <p:cNvSpPr>
              <a:spLocks/>
            </p:cNvSpPr>
            <p:nvPr/>
          </p:nvSpPr>
          <p:spPr bwMode="auto">
            <a:xfrm>
              <a:off x="5808526" y="5309426"/>
              <a:ext cx="318143" cy="384013"/>
            </a:xfrm>
            <a:custGeom>
              <a:avLst/>
              <a:gdLst/>
              <a:ahLst/>
              <a:cxnLst>
                <a:cxn ang="0">
                  <a:pos x="95" y="117"/>
                </a:cxn>
                <a:cxn ang="0">
                  <a:pos x="84" y="100"/>
                </a:cxn>
                <a:cxn ang="0">
                  <a:pos x="84" y="73"/>
                </a:cxn>
                <a:cxn ang="0">
                  <a:pos x="98" y="72"/>
                </a:cxn>
                <a:cxn ang="0">
                  <a:pos x="99" y="65"/>
                </a:cxn>
                <a:cxn ang="0">
                  <a:pos x="99" y="59"/>
                </a:cxn>
                <a:cxn ang="0">
                  <a:pos x="99" y="50"/>
                </a:cxn>
                <a:cxn ang="0">
                  <a:pos x="96" y="51"/>
                </a:cxn>
                <a:cxn ang="0">
                  <a:pos x="90" y="51"/>
                </a:cxn>
                <a:cxn ang="0">
                  <a:pos x="85" y="55"/>
                </a:cxn>
                <a:cxn ang="0">
                  <a:pos x="84" y="41"/>
                </a:cxn>
                <a:cxn ang="0">
                  <a:pos x="82" y="24"/>
                </a:cxn>
                <a:cxn ang="0">
                  <a:pos x="82" y="16"/>
                </a:cxn>
                <a:cxn ang="0">
                  <a:pos x="73" y="13"/>
                </a:cxn>
                <a:cxn ang="0">
                  <a:pos x="70" y="11"/>
                </a:cxn>
                <a:cxn ang="0">
                  <a:pos x="64" y="14"/>
                </a:cxn>
                <a:cxn ang="0">
                  <a:pos x="63" y="20"/>
                </a:cxn>
                <a:cxn ang="0">
                  <a:pos x="58" y="22"/>
                </a:cxn>
                <a:cxn ang="0">
                  <a:pos x="47" y="20"/>
                </a:cxn>
                <a:cxn ang="0">
                  <a:pos x="44" y="13"/>
                </a:cxn>
                <a:cxn ang="0">
                  <a:pos x="41" y="5"/>
                </a:cxn>
                <a:cxn ang="0">
                  <a:pos x="31" y="2"/>
                </a:cxn>
                <a:cxn ang="0">
                  <a:pos x="14" y="0"/>
                </a:cxn>
                <a:cxn ang="0">
                  <a:pos x="8" y="3"/>
                </a:cxn>
                <a:cxn ang="0">
                  <a:pos x="14" y="28"/>
                </a:cxn>
                <a:cxn ang="0">
                  <a:pos x="18" y="47"/>
                </a:cxn>
                <a:cxn ang="0">
                  <a:pos x="14" y="67"/>
                </a:cxn>
                <a:cxn ang="0">
                  <a:pos x="5" y="96"/>
                </a:cxn>
                <a:cxn ang="0">
                  <a:pos x="2" y="114"/>
                </a:cxn>
                <a:cxn ang="0">
                  <a:pos x="12" y="110"/>
                </a:cxn>
                <a:cxn ang="0">
                  <a:pos x="22" y="115"/>
                </a:cxn>
                <a:cxn ang="0">
                  <a:pos x="50" y="115"/>
                </a:cxn>
                <a:cxn ang="0">
                  <a:pos x="58" y="117"/>
                </a:cxn>
                <a:cxn ang="0">
                  <a:pos x="72" y="120"/>
                </a:cxn>
                <a:cxn ang="0">
                  <a:pos x="76" y="120"/>
                </a:cxn>
                <a:cxn ang="0">
                  <a:pos x="79" y="121"/>
                </a:cxn>
                <a:cxn ang="0">
                  <a:pos x="95" y="117"/>
                </a:cxn>
              </a:cxnLst>
              <a:rect l="0" t="0" r="r" b="b"/>
              <a:pathLst>
                <a:path w="102" h="123">
                  <a:moveTo>
                    <a:pt x="95" y="117"/>
                  </a:moveTo>
                  <a:cubicBezTo>
                    <a:pt x="90" y="112"/>
                    <a:pt x="84" y="106"/>
                    <a:pt x="84" y="100"/>
                  </a:cubicBezTo>
                  <a:cubicBezTo>
                    <a:pt x="84" y="96"/>
                    <a:pt x="84" y="78"/>
                    <a:pt x="84" y="73"/>
                  </a:cubicBezTo>
                  <a:cubicBezTo>
                    <a:pt x="84" y="70"/>
                    <a:pt x="88" y="72"/>
                    <a:pt x="98" y="72"/>
                  </a:cubicBezTo>
                  <a:cubicBezTo>
                    <a:pt x="101" y="72"/>
                    <a:pt x="98" y="69"/>
                    <a:pt x="99" y="65"/>
                  </a:cubicBezTo>
                  <a:cubicBezTo>
                    <a:pt x="102" y="64"/>
                    <a:pt x="98" y="64"/>
                    <a:pt x="99" y="59"/>
                  </a:cubicBezTo>
                  <a:cubicBezTo>
                    <a:pt x="101" y="53"/>
                    <a:pt x="99" y="51"/>
                    <a:pt x="99" y="50"/>
                  </a:cubicBezTo>
                  <a:cubicBezTo>
                    <a:pt x="99" y="51"/>
                    <a:pt x="99" y="51"/>
                    <a:pt x="96" y="51"/>
                  </a:cubicBezTo>
                  <a:cubicBezTo>
                    <a:pt x="95" y="50"/>
                    <a:pt x="93" y="53"/>
                    <a:pt x="90" y="51"/>
                  </a:cubicBezTo>
                  <a:cubicBezTo>
                    <a:pt x="87" y="51"/>
                    <a:pt x="88" y="55"/>
                    <a:pt x="85" y="55"/>
                  </a:cubicBezTo>
                  <a:cubicBezTo>
                    <a:pt x="82" y="53"/>
                    <a:pt x="88" y="47"/>
                    <a:pt x="84" y="41"/>
                  </a:cubicBezTo>
                  <a:cubicBezTo>
                    <a:pt x="79" y="34"/>
                    <a:pt x="84" y="28"/>
                    <a:pt x="82" y="24"/>
                  </a:cubicBezTo>
                  <a:cubicBezTo>
                    <a:pt x="81" y="19"/>
                    <a:pt x="82" y="19"/>
                    <a:pt x="82" y="16"/>
                  </a:cubicBezTo>
                  <a:cubicBezTo>
                    <a:pt x="82" y="13"/>
                    <a:pt x="70" y="17"/>
                    <a:pt x="73" y="13"/>
                  </a:cubicBezTo>
                  <a:cubicBezTo>
                    <a:pt x="73" y="11"/>
                    <a:pt x="72" y="10"/>
                    <a:pt x="70" y="11"/>
                  </a:cubicBezTo>
                  <a:cubicBezTo>
                    <a:pt x="69" y="13"/>
                    <a:pt x="64" y="10"/>
                    <a:pt x="64" y="14"/>
                  </a:cubicBezTo>
                  <a:cubicBezTo>
                    <a:pt x="64" y="19"/>
                    <a:pt x="63" y="16"/>
                    <a:pt x="63" y="20"/>
                  </a:cubicBezTo>
                  <a:cubicBezTo>
                    <a:pt x="64" y="24"/>
                    <a:pt x="60" y="22"/>
                    <a:pt x="58" y="22"/>
                  </a:cubicBezTo>
                  <a:cubicBezTo>
                    <a:pt x="56" y="20"/>
                    <a:pt x="49" y="25"/>
                    <a:pt x="47" y="20"/>
                  </a:cubicBezTo>
                  <a:cubicBezTo>
                    <a:pt x="46" y="16"/>
                    <a:pt x="44" y="17"/>
                    <a:pt x="44" y="13"/>
                  </a:cubicBezTo>
                  <a:cubicBezTo>
                    <a:pt x="44" y="10"/>
                    <a:pt x="43" y="10"/>
                    <a:pt x="41" y="5"/>
                  </a:cubicBezTo>
                  <a:cubicBezTo>
                    <a:pt x="41" y="0"/>
                    <a:pt x="41" y="0"/>
                    <a:pt x="31" y="2"/>
                  </a:cubicBezTo>
                  <a:cubicBezTo>
                    <a:pt x="18" y="2"/>
                    <a:pt x="20" y="0"/>
                    <a:pt x="14" y="0"/>
                  </a:cubicBezTo>
                  <a:cubicBezTo>
                    <a:pt x="9" y="3"/>
                    <a:pt x="6" y="2"/>
                    <a:pt x="8" y="3"/>
                  </a:cubicBezTo>
                  <a:cubicBezTo>
                    <a:pt x="8" y="6"/>
                    <a:pt x="17" y="25"/>
                    <a:pt x="14" y="28"/>
                  </a:cubicBezTo>
                  <a:cubicBezTo>
                    <a:pt x="11" y="33"/>
                    <a:pt x="15" y="41"/>
                    <a:pt x="18" y="47"/>
                  </a:cubicBezTo>
                  <a:cubicBezTo>
                    <a:pt x="20" y="53"/>
                    <a:pt x="20" y="62"/>
                    <a:pt x="14" y="67"/>
                  </a:cubicBezTo>
                  <a:cubicBezTo>
                    <a:pt x="5" y="73"/>
                    <a:pt x="8" y="90"/>
                    <a:pt x="5" y="96"/>
                  </a:cubicBezTo>
                  <a:cubicBezTo>
                    <a:pt x="0" y="103"/>
                    <a:pt x="3" y="104"/>
                    <a:pt x="2" y="114"/>
                  </a:cubicBezTo>
                  <a:cubicBezTo>
                    <a:pt x="8" y="114"/>
                    <a:pt x="8" y="114"/>
                    <a:pt x="12" y="110"/>
                  </a:cubicBezTo>
                  <a:cubicBezTo>
                    <a:pt x="18" y="107"/>
                    <a:pt x="17" y="115"/>
                    <a:pt x="22" y="115"/>
                  </a:cubicBezTo>
                  <a:cubicBezTo>
                    <a:pt x="26" y="115"/>
                    <a:pt x="46" y="115"/>
                    <a:pt x="50" y="115"/>
                  </a:cubicBezTo>
                  <a:cubicBezTo>
                    <a:pt x="55" y="115"/>
                    <a:pt x="56" y="114"/>
                    <a:pt x="58" y="117"/>
                  </a:cubicBezTo>
                  <a:cubicBezTo>
                    <a:pt x="60" y="123"/>
                    <a:pt x="69" y="118"/>
                    <a:pt x="72" y="120"/>
                  </a:cubicBezTo>
                  <a:cubicBezTo>
                    <a:pt x="75" y="121"/>
                    <a:pt x="75" y="121"/>
                    <a:pt x="76" y="120"/>
                  </a:cubicBezTo>
                  <a:cubicBezTo>
                    <a:pt x="76" y="118"/>
                    <a:pt x="78" y="121"/>
                    <a:pt x="79" y="121"/>
                  </a:cubicBezTo>
                  <a:cubicBezTo>
                    <a:pt x="82" y="120"/>
                    <a:pt x="95" y="117"/>
                    <a:pt x="95" y="117"/>
                  </a:cubicBezTo>
                </a:path>
              </a:pathLst>
            </a:custGeom>
            <a:solidFill>
              <a:schemeClr val="accent5"/>
            </a:solidFill>
            <a:ln w="6350" cmpd="sng">
              <a:solidFill>
                <a:schemeClr val="bg1"/>
              </a:solidFill>
              <a:round/>
              <a:headEnd/>
              <a:tailEnd/>
            </a:ln>
          </p:spPr>
          <p:txBody>
            <a:bodyPr/>
            <a:lstStyle/>
            <a:p>
              <a:endParaRPr lang="en-GB" sz="1633" dirty="0"/>
            </a:p>
          </p:txBody>
        </p:sp>
        <p:sp>
          <p:nvSpPr>
            <p:cNvPr id="149" name="Freeform 100"/>
            <p:cNvSpPr>
              <a:spLocks/>
            </p:cNvSpPr>
            <p:nvPr/>
          </p:nvSpPr>
          <p:spPr bwMode="auto">
            <a:xfrm>
              <a:off x="6070433" y="5381729"/>
              <a:ext cx="289221" cy="313317"/>
            </a:xfrm>
            <a:custGeom>
              <a:avLst/>
              <a:gdLst/>
              <a:ahLst/>
              <a:cxnLst>
                <a:cxn ang="0">
                  <a:pos x="26" y="95"/>
                </a:cxn>
                <a:cxn ang="0">
                  <a:pos x="11" y="94"/>
                </a:cxn>
                <a:cxn ang="0">
                  <a:pos x="0" y="76"/>
                </a:cxn>
                <a:cxn ang="0">
                  <a:pos x="0" y="50"/>
                </a:cxn>
                <a:cxn ang="0">
                  <a:pos x="14" y="48"/>
                </a:cxn>
                <a:cxn ang="0">
                  <a:pos x="15" y="42"/>
                </a:cxn>
                <a:cxn ang="0">
                  <a:pos x="15" y="36"/>
                </a:cxn>
                <a:cxn ang="0">
                  <a:pos x="15" y="27"/>
                </a:cxn>
                <a:cxn ang="0">
                  <a:pos x="23" y="31"/>
                </a:cxn>
                <a:cxn ang="0">
                  <a:pos x="29" y="36"/>
                </a:cxn>
                <a:cxn ang="0">
                  <a:pos x="40" y="36"/>
                </a:cxn>
                <a:cxn ang="0">
                  <a:pos x="41" y="36"/>
                </a:cxn>
                <a:cxn ang="0">
                  <a:pos x="46" y="41"/>
                </a:cxn>
                <a:cxn ang="0">
                  <a:pos x="53" y="47"/>
                </a:cxn>
                <a:cxn ang="0">
                  <a:pos x="59" y="50"/>
                </a:cxn>
                <a:cxn ang="0">
                  <a:pos x="63" y="45"/>
                </a:cxn>
                <a:cxn ang="0">
                  <a:pos x="56" y="42"/>
                </a:cxn>
                <a:cxn ang="0">
                  <a:pos x="50" y="35"/>
                </a:cxn>
                <a:cxn ang="0">
                  <a:pos x="52" y="22"/>
                </a:cxn>
                <a:cxn ang="0">
                  <a:pos x="52" y="13"/>
                </a:cxn>
                <a:cxn ang="0">
                  <a:pos x="55" y="5"/>
                </a:cxn>
                <a:cxn ang="0">
                  <a:pos x="70" y="0"/>
                </a:cxn>
                <a:cxn ang="0">
                  <a:pos x="76" y="6"/>
                </a:cxn>
                <a:cxn ang="0">
                  <a:pos x="79" y="8"/>
                </a:cxn>
                <a:cxn ang="0">
                  <a:pos x="87" y="13"/>
                </a:cxn>
                <a:cxn ang="0">
                  <a:pos x="90" y="16"/>
                </a:cxn>
                <a:cxn ang="0">
                  <a:pos x="90" y="20"/>
                </a:cxn>
                <a:cxn ang="0">
                  <a:pos x="91" y="27"/>
                </a:cxn>
                <a:cxn ang="0">
                  <a:pos x="90" y="31"/>
                </a:cxn>
                <a:cxn ang="0">
                  <a:pos x="90" y="38"/>
                </a:cxn>
                <a:cxn ang="0">
                  <a:pos x="90" y="44"/>
                </a:cxn>
                <a:cxn ang="0">
                  <a:pos x="85" y="53"/>
                </a:cxn>
                <a:cxn ang="0">
                  <a:pos x="88" y="58"/>
                </a:cxn>
                <a:cxn ang="0">
                  <a:pos x="66" y="67"/>
                </a:cxn>
                <a:cxn ang="0">
                  <a:pos x="67" y="73"/>
                </a:cxn>
                <a:cxn ang="0">
                  <a:pos x="56" y="76"/>
                </a:cxn>
                <a:cxn ang="0">
                  <a:pos x="52" y="84"/>
                </a:cxn>
                <a:cxn ang="0">
                  <a:pos x="40" y="97"/>
                </a:cxn>
                <a:cxn ang="0">
                  <a:pos x="32" y="97"/>
                </a:cxn>
                <a:cxn ang="0">
                  <a:pos x="26" y="95"/>
                </a:cxn>
              </a:cxnLst>
              <a:rect l="0" t="0" r="r" b="b"/>
              <a:pathLst>
                <a:path w="93" h="101">
                  <a:moveTo>
                    <a:pt x="26" y="95"/>
                  </a:moveTo>
                  <a:cubicBezTo>
                    <a:pt x="23" y="90"/>
                    <a:pt x="18" y="92"/>
                    <a:pt x="11" y="94"/>
                  </a:cubicBezTo>
                  <a:cubicBezTo>
                    <a:pt x="6" y="89"/>
                    <a:pt x="0" y="83"/>
                    <a:pt x="0" y="76"/>
                  </a:cubicBezTo>
                  <a:cubicBezTo>
                    <a:pt x="0" y="73"/>
                    <a:pt x="0" y="55"/>
                    <a:pt x="0" y="50"/>
                  </a:cubicBezTo>
                  <a:cubicBezTo>
                    <a:pt x="0" y="47"/>
                    <a:pt x="5" y="48"/>
                    <a:pt x="14" y="48"/>
                  </a:cubicBezTo>
                  <a:cubicBezTo>
                    <a:pt x="17" y="48"/>
                    <a:pt x="14" y="45"/>
                    <a:pt x="15" y="42"/>
                  </a:cubicBezTo>
                  <a:cubicBezTo>
                    <a:pt x="18" y="41"/>
                    <a:pt x="14" y="41"/>
                    <a:pt x="15" y="36"/>
                  </a:cubicBezTo>
                  <a:cubicBezTo>
                    <a:pt x="17" y="30"/>
                    <a:pt x="15" y="28"/>
                    <a:pt x="15" y="27"/>
                  </a:cubicBezTo>
                  <a:cubicBezTo>
                    <a:pt x="23" y="27"/>
                    <a:pt x="17" y="35"/>
                    <a:pt x="23" y="31"/>
                  </a:cubicBezTo>
                  <a:cubicBezTo>
                    <a:pt x="31" y="27"/>
                    <a:pt x="23" y="35"/>
                    <a:pt x="29" y="36"/>
                  </a:cubicBezTo>
                  <a:cubicBezTo>
                    <a:pt x="37" y="38"/>
                    <a:pt x="38" y="39"/>
                    <a:pt x="40" y="36"/>
                  </a:cubicBezTo>
                  <a:cubicBezTo>
                    <a:pt x="40" y="31"/>
                    <a:pt x="41" y="33"/>
                    <a:pt x="41" y="36"/>
                  </a:cubicBezTo>
                  <a:cubicBezTo>
                    <a:pt x="43" y="38"/>
                    <a:pt x="44" y="41"/>
                    <a:pt x="46" y="41"/>
                  </a:cubicBezTo>
                  <a:cubicBezTo>
                    <a:pt x="49" y="41"/>
                    <a:pt x="50" y="42"/>
                    <a:pt x="53" y="47"/>
                  </a:cubicBezTo>
                  <a:cubicBezTo>
                    <a:pt x="56" y="53"/>
                    <a:pt x="56" y="53"/>
                    <a:pt x="59" y="50"/>
                  </a:cubicBezTo>
                  <a:cubicBezTo>
                    <a:pt x="61" y="48"/>
                    <a:pt x="61" y="58"/>
                    <a:pt x="63" y="45"/>
                  </a:cubicBezTo>
                  <a:cubicBezTo>
                    <a:pt x="63" y="33"/>
                    <a:pt x="61" y="44"/>
                    <a:pt x="56" y="42"/>
                  </a:cubicBezTo>
                  <a:cubicBezTo>
                    <a:pt x="53" y="41"/>
                    <a:pt x="52" y="38"/>
                    <a:pt x="50" y="35"/>
                  </a:cubicBezTo>
                  <a:cubicBezTo>
                    <a:pt x="49" y="31"/>
                    <a:pt x="55" y="25"/>
                    <a:pt x="52" y="22"/>
                  </a:cubicBezTo>
                  <a:cubicBezTo>
                    <a:pt x="50" y="17"/>
                    <a:pt x="56" y="19"/>
                    <a:pt x="52" y="13"/>
                  </a:cubicBezTo>
                  <a:cubicBezTo>
                    <a:pt x="49" y="10"/>
                    <a:pt x="55" y="11"/>
                    <a:pt x="55" y="5"/>
                  </a:cubicBezTo>
                  <a:cubicBezTo>
                    <a:pt x="55" y="0"/>
                    <a:pt x="64" y="2"/>
                    <a:pt x="70" y="0"/>
                  </a:cubicBezTo>
                  <a:cubicBezTo>
                    <a:pt x="72" y="5"/>
                    <a:pt x="75" y="3"/>
                    <a:pt x="76" y="6"/>
                  </a:cubicBezTo>
                  <a:cubicBezTo>
                    <a:pt x="78" y="10"/>
                    <a:pt x="78" y="5"/>
                    <a:pt x="79" y="8"/>
                  </a:cubicBezTo>
                  <a:cubicBezTo>
                    <a:pt x="81" y="11"/>
                    <a:pt x="79" y="8"/>
                    <a:pt x="87" y="13"/>
                  </a:cubicBezTo>
                  <a:cubicBezTo>
                    <a:pt x="87" y="16"/>
                    <a:pt x="87" y="13"/>
                    <a:pt x="90" y="16"/>
                  </a:cubicBezTo>
                  <a:cubicBezTo>
                    <a:pt x="91" y="17"/>
                    <a:pt x="88" y="17"/>
                    <a:pt x="90" y="20"/>
                  </a:cubicBezTo>
                  <a:cubicBezTo>
                    <a:pt x="93" y="22"/>
                    <a:pt x="93" y="24"/>
                    <a:pt x="91" y="27"/>
                  </a:cubicBezTo>
                  <a:cubicBezTo>
                    <a:pt x="88" y="28"/>
                    <a:pt x="91" y="30"/>
                    <a:pt x="90" y="31"/>
                  </a:cubicBezTo>
                  <a:cubicBezTo>
                    <a:pt x="88" y="33"/>
                    <a:pt x="90" y="35"/>
                    <a:pt x="90" y="38"/>
                  </a:cubicBezTo>
                  <a:cubicBezTo>
                    <a:pt x="88" y="42"/>
                    <a:pt x="93" y="44"/>
                    <a:pt x="90" y="44"/>
                  </a:cubicBezTo>
                  <a:cubicBezTo>
                    <a:pt x="85" y="44"/>
                    <a:pt x="88" y="50"/>
                    <a:pt x="85" y="53"/>
                  </a:cubicBezTo>
                  <a:cubicBezTo>
                    <a:pt x="84" y="55"/>
                    <a:pt x="87" y="56"/>
                    <a:pt x="88" y="58"/>
                  </a:cubicBezTo>
                  <a:cubicBezTo>
                    <a:pt x="87" y="59"/>
                    <a:pt x="67" y="67"/>
                    <a:pt x="66" y="67"/>
                  </a:cubicBezTo>
                  <a:cubicBezTo>
                    <a:pt x="64" y="67"/>
                    <a:pt x="66" y="72"/>
                    <a:pt x="67" y="73"/>
                  </a:cubicBezTo>
                  <a:cubicBezTo>
                    <a:pt x="64" y="75"/>
                    <a:pt x="61" y="73"/>
                    <a:pt x="56" y="76"/>
                  </a:cubicBezTo>
                  <a:cubicBezTo>
                    <a:pt x="52" y="80"/>
                    <a:pt x="56" y="83"/>
                    <a:pt x="52" y="84"/>
                  </a:cubicBezTo>
                  <a:cubicBezTo>
                    <a:pt x="46" y="87"/>
                    <a:pt x="43" y="92"/>
                    <a:pt x="40" y="97"/>
                  </a:cubicBezTo>
                  <a:cubicBezTo>
                    <a:pt x="37" y="101"/>
                    <a:pt x="35" y="95"/>
                    <a:pt x="32" y="97"/>
                  </a:cubicBezTo>
                  <a:cubicBezTo>
                    <a:pt x="31" y="98"/>
                    <a:pt x="31" y="95"/>
                    <a:pt x="26" y="95"/>
                  </a:cubicBezTo>
                </a:path>
              </a:pathLst>
            </a:custGeom>
            <a:solidFill>
              <a:schemeClr val="accent5"/>
            </a:solidFill>
            <a:ln w="6350" cmpd="sng">
              <a:solidFill>
                <a:schemeClr val="bg1"/>
              </a:solidFill>
              <a:round/>
              <a:headEnd/>
              <a:tailEnd/>
            </a:ln>
          </p:spPr>
          <p:txBody>
            <a:bodyPr/>
            <a:lstStyle/>
            <a:p>
              <a:endParaRPr lang="en-GB" sz="1633" dirty="0"/>
            </a:p>
          </p:txBody>
        </p:sp>
        <p:sp>
          <p:nvSpPr>
            <p:cNvPr id="150" name="Freeform 101"/>
            <p:cNvSpPr>
              <a:spLocks/>
            </p:cNvSpPr>
            <p:nvPr/>
          </p:nvSpPr>
          <p:spPr bwMode="auto">
            <a:xfrm>
              <a:off x="6269673" y="5455640"/>
              <a:ext cx="271546" cy="507733"/>
            </a:xfrm>
            <a:custGeom>
              <a:avLst/>
              <a:gdLst/>
              <a:ahLst/>
              <a:cxnLst>
                <a:cxn ang="0">
                  <a:pos x="17" y="163"/>
                </a:cxn>
                <a:cxn ang="0">
                  <a:pos x="23" y="163"/>
                </a:cxn>
                <a:cxn ang="0">
                  <a:pos x="21" y="156"/>
                </a:cxn>
                <a:cxn ang="0">
                  <a:pos x="34" y="145"/>
                </a:cxn>
                <a:cxn ang="0">
                  <a:pos x="43" y="132"/>
                </a:cxn>
                <a:cxn ang="0">
                  <a:pos x="44" y="120"/>
                </a:cxn>
                <a:cxn ang="0">
                  <a:pos x="41" y="114"/>
                </a:cxn>
                <a:cxn ang="0">
                  <a:pos x="38" y="101"/>
                </a:cxn>
                <a:cxn ang="0">
                  <a:pos x="37" y="93"/>
                </a:cxn>
                <a:cxn ang="0">
                  <a:pos x="43" y="87"/>
                </a:cxn>
                <a:cxn ang="0">
                  <a:pos x="53" y="78"/>
                </a:cxn>
                <a:cxn ang="0">
                  <a:pos x="69" y="65"/>
                </a:cxn>
                <a:cxn ang="0">
                  <a:pos x="82" y="48"/>
                </a:cxn>
                <a:cxn ang="0">
                  <a:pos x="85" y="42"/>
                </a:cxn>
                <a:cxn ang="0">
                  <a:pos x="82" y="31"/>
                </a:cxn>
                <a:cxn ang="0">
                  <a:pos x="82" y="12"/>
                </a:cxn>
                <a:cxn ang="0">
                  <a:pos x="82" y="0"/>
                </a:cxn>
                <a:cxn ang="0">
                  <a:pos x="70" y="8"/>
                </a:cxn>
                <a:cxn ang="0">
                  <a:pos x="63" y="8"/>
                </a:cxn>
                <a:cxn ang="0">
                  <a:pos x="55" y="11"/>
                </a:cxn>
                <a:cxn ang="0">
                  <a:pos x="47" y="11"/>
                </a:cxn>
                <a:cxn ang="0">
                  <a:pos x="37" y="9"/>
                </a:cxn>
                <a:cxn ang="0">
                  <a:pos x="35" y="14"/>
                </a:cxn>
                <a:cxn ang="0">
                  <a:pos x="35" y="26"/>
                </a:cxn>
                <a:cxn ang="0">
                  <a:pos x="43" y="36"/>
                </a:cxn>
                <a:cxn ang="0">
                  <a:pos x="46" y="48"/>
                </a:cxn>
                <a:cxn ang="0">
                  <a:pos x="44" y="56"/>
                </a:cxn>
                <a:cxn ang="0">
                  <a:pos x="41" y="61"/>
                </a:cxn>
                <a:cxn ang="0">
                  <a:pos x="40" y="65"/>
                </a:cxn>
                <a:cxn ang="0">
                  <a:pos x="35" y="56"/>
                </a:cxn>
                <a:cxn ang="0">
                  <a:pos x="35" y="47"/>
                </a:cxn>
                <a:cxn ang="0">
                  <a:pos x="29" y="39"/>
                </a:cxn>
                <a:cxn ang="0">
                  <a:pos x="24" y="34"/>
                </a:cxn>
                <a:cxn ang="0">
                  <a:pos x="2" y="43"/>
                </a:cxn>
                <a:cxn ang="0">
                  <a:pos x="3" y="50"/>
                </a:cxn>
                <a:cxn ang="0">
                  <a:pos x="12" y="56"/>
                </a:cxn>
                <a:cxn ang="0">
                  <a:pos x="21" y="61"/>
                </a:cxn>
                <a:cxn ang="0">
                  <a:pos x="23" y="67"/>
                </a:cxn>
                <a:cxn ang="0">
                  <a:pos x="21" y="82"/>
                </a:cxn>
                <a:cxn ang="0">
                  <a:pos x="21" y="87"/>
                </a:cxn>
                <a:cxn ang="0">
                  <a:pos x="23" y="96"/>
                </a:cxn>
                <a:cxn ang="0">
                  <a:pos x="17" y="109"/>
                </a:cxn>
                <a:cxn ang="0">
                  <a:pos x="9" y="118"/>
                </a:cxn>
                <a:cxn ang="0">
                  <a:pos x="15" y="156"/>
                </a:cxn>
                <a:cxn ang="0">
                  <a:pos x="17" y="163"/>
                </a:cxn>
              </a:cxnLst>
              <a:rect l="0" t="0" r="r" b="b"/>
              <a:pathLst>
                <a:path w="87" h="163">
                  <a:moveTo>
                    <a:pt x="17" y="163"/>
                  </a:moveTo>
                  <a:cubicBezTo>
                    <a:pt x="23" y="163"/>
                    <a:pt x="23" y="163"/>
                    <a:pt x="23" y="163"/>
                  </a:cubicBezTo>
                  <a:cubicBezTo>
                    <a:pt x="24" y="152"/>
                    <a:pt x="21" y="160"/>
                    <a:pt x="21" y="156"/>
                  </a:cubicBezTo>
                  <a:cubicBezTo>
                    <a:pt x="20" y="152"/>
                    <a:pt x="26" y="148"/>
                    <a:pt x="34" y="145"/>
                  </a:cubicBezTo>
                  <a:cubicBezTo>
                    <a:pt x="41" y="142"/>
                    <a:pt x="44" y="137"/>
                    <a:pt x="43" y="132"/>
                  </a:cubicBezTo>
                  <a:cubicBezTo>
                    <a:pt x="41" y="129"/>
                    <a:pt x="44" y="129"/>
                    <a:pt x="44" y="120"/>
                  </a:cubicBezTo>
                  <a:cubicBezTo>
                    <a:pt x="43" y="110"/>
                    <a:pt x="43" y="121"/>
                    <a:pt x="41" y="114"/>
                  </a:cubicBezTo>
                  <a:cubicBezTo>
                    <a:pt x="40" y="104"/>
                    <a:pt x="41" y="106"/>
                    <a:pt x="38" y="101"/>
                  </a:cubicBezTo>
                  <a:cubicBezTo>
                    <a:pt x="35" y="98"/>
                    <a:pt x="37" y="96"/>
                    <a:pt x="37" y="93"/>
                  </a:cubicBezTo>
                  <a:cubicBezTo>
                    <a:pt x="37" y="90"/>
                    <a:pt x="38" y="95"/>
                    <a:pt x="43" y="87"/>
                  </a:cubicBezTo>
                  <a:cubicBezTo>
                    <a:pt x="49" y="81"/>
                    <a:pt x="47" y="87"/>
                    <a:pt x="53" y="78"/>
                  </a:cubicBezTo>
                  <a:cubicBezTo>
                    <a:pt x="58" y="67"/>
                    <a:pt x="64" y="67"/>
                    <a:pt x="69" y="65"/>
                  </a:cubicBezTo>
                  <a:cubicBezTo>
                    <a:pt x="75" y="64"/>
                    <a:pt x="78" y="57"/>
                    <a:pt x="82" y="48"/>
                  </a:cubicBezTo>
                  <a:cubicBezTo>
                    <a:pt x="85" y="42"/>
                    <a:pt x="82" y="47"/>
                    <a:pt x="85" y="42"/>
                  </a:cubicBezTo>
                  <a:cubicBezTo>
                    <a:pt x="87" y="37"/>
                    <a:pt x="82" y="40"/>
                    <a:pt x="82" y="31"/>
                  </a:cubicBezTo>
                  <a:cubicBezTo>
                    <a:pt x="84" y="23"/>
                    <a:pt x="84" y="18"/>
                    <a:pt x="82" y="12"/>
                  </a:cubicBezTo>
                  <a:cubicBezTo>
                    <a:pt x="81" y="3"/>
                    <a:pt x="87" y="8"/>
                    <a:pt x="82" y="0"/>
                  </a:cubicBezTo>
                  <a:cubicBezTo>
                    <a:pt x="79" y="3"/>
                    <a:pt x="76" y="4"/>
                    <a:pt x="70" y="8"/>
                  </a:cubicBezTo>
                  <a:cubicBezTo>
                    <a:pt x="64" y="11"/>
                    <a:pt x="63" y="3"/>
                    <a:pt x="63" y="8"/>
                  </a:cubicBezTo>
                  <a:cubicBezTo>
                    <a:pt x="61" y="12"/>
                    <a:pt x="56" y="12"/>
                    <a:pt x="55" y="11"/>
                  </a:cubicBezTo>
                  <a:cubicBezTo>
                    <a:pt x="53" y="9"/>
                    <a:pt x="50" y="14"/>
                    <a:pt x="47" y="11"/>
                  </a:cubicBezTo>
                  <a:cubicBezTo>
                    <a:pt x="44" y="6"/>
                    <a:pt x="44" y="12"/>
                    <a:pt x="37" y="9"/>
                  </a:cubicBezTo>
                  <a:cubicBezTo>
                    <a:pt x="35" y="11"/>
                    <a:pt x="37" y="12"/>
                    <a:pt x="35" y="14"/>
                  </a:cubicBezTo>
                  <a:cubicBezTo>
                    <a:pt x="34" y="17"/>
                    <a:pt x="35" y="22"/>
                    <a:pt x="35" y="26"/>
                  </a:cubicBezTo>
                  <a:cubicBezTo>
                    <a:pt x="37" y="29"/>
                    <a:pt x="38" y="29"/>
                    <a:pt x="43" y="36"/>
                  </a:cubicBezTo>
                  <a:cubicBezTo>
                    <a:pt x="49" y="42"/>
                    <a:pt x="46" y="43"/>
                    <a:pt x="46" y="48"/>
                  </a:cubicBezTo>
                  <a:cubicBezTo>
                    <a:pt x="46" y="53"/>
                    <a:pt x="46" y="54"/>
                    <a:pt x="44" y="56"/>
                  </a:cubicBezTo>
                  <a:cubicBezTo>
                    <a:pt x="41" y="56"/>
                    <a:pt x="40" y="57"/>
                    <a:pt x="41" y="61"/>
                  </a:cubicBezTo>
                  <a:cubicBezTo>
                    <a:pt x="41" y="64"/>
                    <a:pt x="41" y="67"/>
                    <a:pt x="40" y="65"/>
                  </a:cubicBezTo>
                  <a:cubicBezTo>
                    <a:pt x="38" y="65"/>
                    <a:pt x="40" y="62"/>
                    <a:pt x="35" y="56"/>
                  </a:cubicBezTo>
                  <a:cubicBezTo>
                    <a:pt x="31" y="51"/>
                    <a:pt x="35" y="53"/>
                    <a:pt x="35" y="47"/>
                  </a:cubicBezTo>
                  <a:cubicBezTo>
                    <a:pt x="37" y="40"/>
                    <a:pt x="35" y="37"/>
                    <a:pt x="29" y="39"/>
                  </a:cubicBezTo>
                  <a:cubicBezTo>
                    <a:pt x="27" y="40"/>
                    <a:pt x="26" y="37"/>
                    <a:pt x="24" y="34"/>
                  </a:cubicBezTo>
                  <a:cubicBezTo>
                    <a:pt x="23" y="36"/>
                    <a:pt x="3" y="43"/>
                    <a:pt x="2" y="43"/>
                  </a:cubicBezTo>
                  <a:cubicBezTo>
                    <a:pt x="0" y="43"/>
                    <a:pt x="2" y="48"/>
                    <a:pt x="3" y="50"/>
                  </a:cubicBezTo>
                  <a:cubicBezTo>
                    <a:pt x="2" y="57"/>
                    <a:pt x="8" y="51"/>
                    <a:pt x="12" y="56"/>
                  </a:cubicBezTo>
                  <a:cubicBezTo>
                    <a:pt x="17" y="59"/>
                    <a:pt x="18" y="57"/>
                    <a:pt x="21" y="61"/>
                  </a:cubicBezTo>
                  <a:cubicBezTo>
                    <a:pt x="24" y="62"/>
                    <a:pt x="21" y="62"/>
                    <a:pt x="23" y="67"/>
                  </a:cubicBezTo>
                  <a:cubicBezTo>
                    <a:pt x="24" y="70"/>
                    <a:pt x="23" y="82"/>
                    <a:pt x="21" y="82"/>
                  </a:cubicBezTo>
                  <a:cubicBezTo>
                    <a:pt x="20" y="82"/>
                    <a:pt x="23" y="84"/>
                    <a:pt x="21" y="87"/>
                  </a:cubicBezTo>
                  <a:cubicBezTo>
                    <a:pt x="20" y="92"/>
                    <a:pt x="26" y="90"/>
                    <a:pt x="23" y="96"/>
                  </a:cubicBezTo>
                  <a:cubicBezTo>
                    <a:pt x="17" y="104"/>
                    <a:pt x="20" y="106"/>
                    <a:pt x="17" y="109"/>
                  </a:cubicBezTo>
                  <a:cubicBezTo>
                    <a:pt x="15" y="112"/>
                    <a:pt x="9" y="118"/>
                    <a:pt x="9" y="118"/>
                  </a:cubicBezTo>
                  <a:cubicBezTo>
                    <a:pt x="12" y="126"/>
                    <a:pt x="17" y="146"/>
                    <a:pt x="15" y="156"/>
                  </a:cubicBezTo>
                  <a:cubicBezTo>
                    <a:pt x="17" y="163"/>
                    <a:pt x="17" y="163"/>
                    <a:pt x="17" y="163"/>
                  </a:cubicBezTo>
                  <a:close/>
                </a:path>
              </a:pathLst>
            </a:custGeom>
            <a:solidFill>
              <a:schemeClr val="accent5"/>
            </a:solidFill>
            <a:ln w="6350" cmpd="sng">
              <a:solidFill>
                <a:schemeClr val="bg1"/>
              </a:solidFill>
              <a:round/>
              <a:headEnd/>
              <a:tailEnd/>
            </a:ln>
          </p:spPr>
          <p:txBody>
            <a:bodyPr/>
            <a:lstStyle/>
            <a:p>
              <a:endParaRPr lang="en-GB" sz="1633" dirty="0"/>
            </a:p>
          </p:txBody>
        </p:sp>
        <p:sp>
          <p:nvSpPr>
            <p:cNvPr id="151" name="Freeform 102"/>
            <p:cNvSpPr>
              <a:spLocks/>
            </p:cNvSpPr>
            <p:nvPr/>
          </p:nvSpPr>
          <p:spPr bwMode="auto">
            <a:xfrm>
              <a:off x="5808526" y="5645236"/>
              <a:ext cx="342245" cy="390441"/>
            </a:xfrm>
            <a:custGeom>
              <a:avLst/>
              <a:gdLst/>
              <a:ahLst/>
              <a:cxnLst>
                <a:cxn ang="0">
                  <a:pos x="2" y="6"/>
                </a:cxn>
                <a:cxn ang="0">
                  <a:pos x="15" y="42"/>
                </a:cxn>
                <a:cxn ang="0">
                  <a:pos x="23" y="68"/>
                </a:cxn>
                <a:cxn ang="0">
                  <a:pos x="29" y="101"/>
                </a:cxn>
                <a:cxn ang="0">
                  <a:pos x="40" y="121"/>
                </a:cxn>
                <a:cxn ang="0">
                  <a:pos x="46" y="116"/>
                </a:cxn>
                <a:cxn ang="0">
                  <a:pos x="51" y="124"/>
                </a:cxn>
                <a:cxn ang="0">
                  <a:pos x="60" y="124"/>
                </a:cxn>
                <a:cxn ang="0">
                  <a:pos x="69" y="119"/>
                </a:cxn>
                <a:cxn ang="0">
                  <a:pos x="69" y="82"/>
                </a:cxn>
                <a:cxn ang="0">
                  <a:pos x="69" y="54"/>
                </a:cxn>
                <a:cxn ang="0">
                  <a:pos x="77" y="54"/>
                </a:cxn>
                <a:cxn ang="0">
                  <a:pos x="77" y="17"/>
                </a:cxn>
                <a:cxn ang="0">
                  <a:pos x="87" y="14"/>
                </a:cxn>
                <a:cxn ang="0">
                  <a:pos x="96" y="15"/>
                </a:cxn>
                <a:cxn ang="0">
                  <a:pos x="102" y="14"/>
                </a:cxn>
                <a:cxn ang="0">
                  <a:pos x="110" y="11"/>
                </a:cxn>
                <a:cxn ang="0">
                  <a:pos x="95" y="9"/>
                </a:cxn>
                <a:cxn ang="0">
                  <a:pos x="80" y="14"/>
                </a:cxn>
                <a:cxn ang="0">
                  <a:pos x="77" y="12"/>
                </a:cxn>
                <a:cxn ang="0">
                  <a:pos x="72" y="12"/>
                </a:cxn>
                <a:cxn ang="0">
                  <a:pos x="58" y="9"/>
                </a:cxn>
                <a:cxn ang="0">
                  <a:pos x="51" y="8"/>
                </a:cxn>
                <a:cxn ang="0">
                  <a:pos x="22" y="8"/>
                </a:cxn>
                <a:cxn ang="0">
                  <a:pos x="12" y="3"/>
                </a:cxn>
                <a:cxn ang="0">
                  <a:pos x="2" y="6"/>
                </a:cxn>
              </a:cxnLst>
              <a:rect l="0" t="0" r="r" b="b"/>
              <a:pathLst>
                <a:path w="110" h="125">
                  <a:moveTo>
                    <a:pt x="2" y="6"/>
                  </a:moveTo>
                  <a:cubicBezTo>
                    <a:pt x="0" y="15"/>
                    <a:pt x="11" y="25"/>
                    <a:pt x="15" y="42"/>
                  </a:cubicBezTo>
                  <a:cubicBezTo>
                    <a:pt x="19" y="57"/>
                    <a:pt x="26" y="49"/>
                    <a:pt x="23" y="68"/>
                  </a:cubicBezTo>
                  <a:cubicBezTo>
                    <a:pt x="23" y="76"/>
                    <a:pt x="28" y="90"/>
                    <a:pt x="29" y="101"/>
                  </a:cubicBezTo>
                  <a:cubicBezTo>
                    <a:pt x="29" y="113"/>
                    <a:pt x="37" y="118"/>
                    <a:pt x="40" y="121"/>
                  </a:cubicBezTo>
                  <a:cubicBezTo>
                    <a:pt x="44" y="119"/>
                    <a:pt x="43" y="113"/>
                    <a:pt x="46" y="116"/>
                  </a:cubicBezTo>
                  <a:cubicBezTo>
                    <a:pt x="49" y="119"/>
                    <a:pt x="44" y="121"/>
                    <a:pt x="51" y="124"/>
                  </a:cubicBezTo>
                  <a:cubicBezTo>
                    <a:pt x="55" y="125"/>
                    <a:pt x="58" y="122"/>
                    <a:pt x="60" y="124"/>
                  </a:cubicBezTo>
                  <a:cubicBezTo>
                    <a:pt x="61" y="125"/>
                    <a:pt x="64" y="121"/>
                    <a:pt x="69" y="119"/>
                  </a:cubicBezTo>
                  <a:cubicBezTo>
                    <a:pt x="69" y="82"/>
                    <a:pt x="69" y="82"/>
                    <a:pt x="69" y="82"/>
                  </a:cubicBezTo>
                  <a:cubicBezTo>
                    <a:pt x="69" y="54"/>
                    <a:pt x="69" y="54"/>
                    <a:pt x="69" y="54"/>
                  </a:cubicBezTo>
                  <a:cubicBezTo>
                    <a:pt x="77" y="54"/>
                    <a:pt x="77" y="54"/>
                    <a:pt x="77" y="54"/>
                  </a:cubicBezTo>
                  <a:cubicBezTo>
                    <a:pt x="77" y="17"/>
                    <a:pt x="77" y="17"/>
                    <a:pt x="77" y="17"/>
                  </a:cubicBezTo>
                  <a:cubicBezTo>
                    <a:pt x="77" y="17"/>
                    <a:pt x="81" y="15"/>
                    <a:pt x="87" y="14"/>
                  </a:cubicBezTo>
                  <a:cubicBezTo>
                    <a:pt x="93" y="14"/>
                    <a:pt x="95" y="12"/>
                    <a:pt x="96" y="15"/>
                  </a:cubicBezTo>
                  <a:cubicBezTo>
                    <a:pt x="98" y="20"/>
                    <a:pt x="99" y="14"/>
                    <a:pt x="102" y="14"/>
                  </a:cubicBezTo>
                  <a:cubicBezTo>
                    <a:pt x="105" y="14"/>
                    <a:pt x="105" y="12"/>
                    <a:pt x="110" y="11"/>
                  </a:cubicBezTo>
                  <a:cubicBezTo>
                    <a:pt x="107" y="6"/>
                    <a:pt x="102" y="8"/>
                    <a:pt x="95" y="9"/>
                  </a:cubicBezTo>
                  <a:cubicBezTo>
                    <a:pt x="95" y="9"/>
                    <a:pt x="83" y="12"/>
                    <a:pt x="80" y="14"/>
                  </a:cubicBezTo>
                  <a:cubicBezTo>
                    <a:pt x="78" y="14"/>
                    <a:pt x="77" y="11"/>
                    <a:pt x="77" y="12"/>
                  </a:cubicBezTo>
                  <a:cubicBezTo>
                    <a:pt x="75" y="14"/>
                    <a:pt x="75" y="14"/>
                    <a:pt x="72" y="12"/>
                  </a:cubicBezTo>
                  <a:cubicBezTo>
                    <a:pt x="69" y="11"/>
                    <a:pt x="60" y="15"/>
                    <a:pt x="58" y="9"/>
                  </a:cubicBezTo>
                  <a:cubicBezTo>
                    <a:pt x="57" y="6"/>
                    <a:pt x="55" y="8"/>
                    <a:pt x="51" y="8"/>
                  </a:cubicBezTo>
                  <a:cubicBezTo>
                    <a:pt x="46" y="8"/>
                    <a:pt x="26" y="8"/>
                    <a:pt x="22" y="8"/>
                  </a:cubicBezTo>
                  <a:cubicBezTo>
                    <a:pt x="17" y="8"/>
                    <a:pt x="19" y="0"/>
                    <a:pt x="12" y="3"/>
                  </a:cubicBezTo>
                  <a:cubicBezTo>
                    <a:pt x="8" y="6"/>
                    <a:pt x="8" y="6"/>
                    <a:pt x="2" y="6"/>
                  </a:cubicBezTo>
                </a:path>
              </a:pathLst>
            </a:custGeom>
            <a:solidFill>
              <a:schemeClr val="accent5"/>
            </a:solidFill>
            <a:ln w="6350" cmpd="sng">
              <a:solidFill>
                <a:schemeClr val="bg1"/>
              </a:solidFill>
              <a:round/>
              <a:headEnd/>
              <a:tailEnd/>
            </a:ln>
          </p:spPr>
          <p:txBody>
            <a:bodyPr/>
            <a:lstStyle/>
            <a:p>
              <a:endParaRPr lang="en-GB" sz="1633" dirty="0"/>
            </a:p>
          </p:txBody>
        </p:sp>
        <p:sp>
          <p:nvSpPr>
            <p:cNvPr id="152" name="Freeform 103"/>
            <p:cNvSpPr>
              <a:spLocks/>
            </p:cNvSpPr>
            <p:nvPr/>
          </p:nvSpPr>
          <p:spPr bwMode="auto">
            <a:xfrm>
              <a:off x="6023836" y="5677371"/>
              <a:ext cx="226556" cy="295642"/>
            </a:xfrm>
            <a:custGeom>
              <a:avLst/>
              <a:gdLst/>
              <a:ahLst/>
              <a:cxnLst>
                <a:cxn ang="0">
                  <a:pos x="41" y="0"/>
                </a:cxn>
                <a:cxn ang="0">
                  <a:pos x="34" y="3"/>
                </a:cxn>
                <a:cxn ang="0">
                  <a:pos x="27" y="5"/>
                </a:cxn>
                <a:cxn ang="0">
                  <a:pos x="18" y="3"/>
                </a:cxn>
                <a:cxn ang="0">
                  <a:pos x="8" y="7"/>
                </a:cxn>
                <a:cxn ang="0">
                  <a:pos x="8" y="44"/>
                </a:cxn>
                <a:cxn ang="0">
                  <a:pos x="0" y="44"/>
                </a:cxn>
                <a:cxn ang="0">
                  <a:pos x="0" y="72"/>
                </a:cxn>
                <a:cxn ang="0">
                  <a:pos x="5" y="88"/>
                </a:cxn>
                <a:cxn ang="0">
                  <a:pos x="6" y="94"/>
                </a:cxn>
                <a:cxn ang="0">
                  <a:pos x="17" y="89"/>
                </a:cxn>
                <a:cxn ang="0">
                  <a:pos x="30" y="80"/>
                </a:cxn>
                <a:cxn ang="0">
                  <a:pos x="46" y="75"/>
                </a:cxn>
                <a:cxn ang="0">
                  <a:pos x="55" y="63"/>
                </a:cxn>
                <a:cxn ang="0">
                  <a:pos x="62" y="53"/>
                </a:cxn>
                <a:cxn ang="0">
                  <a:pos x="73" y="46"/>
                </a:cxn>
                <a:cxn ang="0">
                  <a:pos x="65" y="39"/>
                </a:cxn>
                <a:cxn ang="0">
                  <a:pos x="61" y="30"/>
                </a:cxn>
                <a:cxn ang="0">
                  <a:pos x="58" y="25"/>
                </a:cxn>
                <a:cxn ang="0">
                  <a:pos x="47" y="16"/>
                </a:cxn>
                <a:cxn ang="0">
                  <a:pos x="41" y="0"/>
                </a:cxn>
              </a:cxnLst>
              <a:rect l="0" t="0" r="r" b="b"/>
              <a:pathLst>
                <a:path w="73" h="95">
                  <a:moveTo>
                    <a:pt x="41" y="0"/>
                  </a:moveTo>
                  <a:cubicBezTo>
                    <a:pt x="37" y="2"/>
                    <a:pt x="37" y="3"/>
                    <a:pt x="34" y="3"/>
                  </a:cubicBezTo>
                  <a:cubicBezTo>
                    <a:pt x="30" y="3"/>
                    <a:pt x="29" y="10"/>
                    <a:pt x="27" y="5"/>
                  </a:cubicBezTo>
                  <a:cubicBezTo>
                    <a:pt x="26" y="2"/>
                    <a:pt x="24" y="3"/>
                    <a:pt x="18" y="3"/>
                  </a:cubicBezTo>
                  <a:cubicBezTo>
                    <a:pt x="12" y="5"/>
                    <a:pt x="8" y="7"/>
                    <a:pt x="8" y="7"/>
                  </a:cubicBezTo>
                  <a:cubicBezTo>
                    <a:pt x="8" y="44"/>
                    <a:pt x="8" y="44"/>
                    <a:pt x="8" y="44"/>
                  </a:cubicBezTo>
                  <a:cubicBezTo>
                    <a:pt x="0" y="44"/>
                    <a:pt x="0" y="44"/>
                    <a:pt x="0" y="44"/>
                  </a:cubicBezTo>
                  <a:cubicBezTo>
                    <a:pt x="0" y="72"/>
                    <a:pt x="0" y="72"/>
                    <a:pt x="0" y="72"/>
                  </a:cubicBezTo>
                  <a:cubicBezTo>
                    <a:pt x="3" y="75"/>
                    <a:pt x="6" y="84"/>
                    <a:pt x="5" y="88"/>
                  </a:cubicBezTo>
                  <a:cubicBezTo>
                    <a:pt x="3" y="89"/>
                    <a:pt x="3" y="94"/>
                    <a:pt x="6" y="94"/>
                  </a:cubicBezTo>
                  <a:cubicBezTo>
                    <a:pt x="9" y="92"/>
                    <a:pt x="11" y="95"/>
                    <a:pt x="17" y="89"/>
                  </a:cubicBezTo>
                  <a:cubicBezTo>
                    <a:pt x="21" y="83"/>
                    <a:pt x="20" y="72"/>
                    <a:pt x="30" y="80"/>
                  </a:cubicBezTo>
                  <a:cubicBezTo>
                    <a:pt x="41" y="86"/>
                    <a:pt x="43" y="80"/>
                    <a:pt x="46" y="75"/>
                  </a:cubicBezTo>
                  <a:cubicBezTo>
                    <a:pt x="47" y="69"/>
                    <a:pt x="53" y="70"/>
                    <a:pt x="55" y="63"/>
                  </a:cubicBezTo>
                  <a:cubicBezTo>
                    <a:pt x="56" y="56"/>
                    <a:pt x="61" y="58"/>
                    <a:pt x="62" y="53"/>
                  </a:cubicBezTo>
                  <a:cubicBezTo>
                    <a:pt x="64" y="49"/>
                    <a:pt x="68" y="50"/>
                    <a:pt x="73" y="46"/>
                  </a:cubicBezTo>
                  <a:cubicBezTo>
                    <a:pt x="72" y="41"/>
                    <a:pt x="70" y="41"/>
                    <a:pt x="65" y="39"/>
                  </a:cubicBezTo>
                  <a:cubicBezTo>
                    <a:pt x="62" y="38"/>
                    <a:pt x="59" y="35"/>
                    <a:pt x="61" y="30"/>
                  </a:cubicBezTo>
                  <a:cubicBezTo>
                    <a:pt x="61" y="25"/>
                    <a:pt x="58" y="30"/>
                    <a:pt x="58" y="25"/>
                  </a:cubicBezTo>
                  <a:cubicBezTo>
                    <a:pt x="58" y="22"/>
                    <a:pt x="49" y="22"/>
                    <a:pt x="47" y="16"/>
                  </a:cubicBezTo>
                  <a:cubicBezTo>
                    <a:pt x="46" y="11"/>
                    <a:pt x="43" y="8"/>
                    <a:pt x="41" y="0"/>
                  </a:cubicBezTo>
                </a:path>
              </a:pathLst>
            </a:custGeom>
            <a:solidFill>
              <a:schemeClr val="accent5"/>
            </a:solidFill>
            <a:ln w="6350" cmpd="sng">
              <a:solidFill>
                <a:schemeClr val="bg1"/>
              </a:solidFill>
              <a:round/>
              <a:headEnd/>
              <a:tailEnd/>
            </a:ln>
          </p:spPr>
          <p:txBody>
            <a:bodyPr/>
            <a:lstStyle/>
            <a:p>
              <a:endParaRPr lang="en-GB" sz="1633" dirty="0"/>
            </a:p>
          </p:txBody>
        </p:sp>
        <p:sp>
          <p:nvSpPr>
            <p:cNvPr id="153" name="Freeform 104"/>
            <p:cNvSpPr>
              <a:spLocks/>
            </p:cNvSpPr>
            <p:nvPr/>
          </p:nvSpPr>
          <p:spPr bwMode="auto">
            <a:xfrm>
              <a:off x="6150771" y="5608281"/>
              <a:ext cx="199241" cy="215305"/>
            </a:xfrm>
            <a:custGeom>
              <a:avLst/>
              <a:gdLst/>
              <a:ahLst/>
              <a:cxnLst>
                <a:cxn ang="0">
                  <a:pos x="0" y="22"/>
                </a:cxn>
                <a:cxn ang="0">
                  <a:pos x="6" y="38"/>
                </a:cxn>
                <a:cxn ang="0">
                  <a:pos x="17" y="47"/>
                </a:cxn>
                <a:cxn ang="0">
                  <a:pos x="20" y="52"/>
                </a:cxn>
                <a:cxn ang="0">
                  <a:pos x="24" y="61"/>
                </a:cxn>
                <a:cxn ang="0">
                  <a:pos x="32" y="67"/>
                </a:cxn>
                <a:cxn ang="0">
                  <a:pos x="43" y="69"/>
                </a:cxn>
                <a:cxn ang="0">
                  <a:pos x="47" y="69"/>
                </a:cxn>
                <a:cxn ang="0">
                  <a:pos x="55" y="59"/>
                </a:cxn>
                <a:cxn ang="0">
                  <a:pos x="61" y="47"/>
                </a:cxn>
                <a:cxn ang="0">
                  <a:pos x="59" y="38"/>
                </a:cxn>
                <a:cxn ang="0">
                  <a:pos x="59" y="33"/>
                </a:cxn>
                <a:cxn ang="0">
                  <a:pos x="61" y="17"/>
                </a:cxn>
                <a:cxn ang="0">
                  <a:pos x="59" y="11"/>
                </a:cxn>
                <a:cxn ang="0">
                  <a:pos x="50" y="7"/>
                </a:cxn>
                <a:cxn ang="0">
                  <a:pos x="41" y="0"/>
                </a:cxn>
                <a:cxn ang="0">
                  <a:pos x="31" y="3"/>
                </a:cxn>
                <a:cxn ang="0">
                  <a:pos x="26" y="11"/>
                </a:cxn>
                <a:cxn ang="0">
                  <a:pos x="14" y="24"/>
                </a:cxn>
                <a:cxn ang="0">
                  <a:pos x="6" y="24"/>
                </a:cxn>
                <a:cxn ang="0">
                  <a:pos x="0" y="22"/>
                </a:cxn>
              </a:cxnLst>
              <a:rect l="0" t="0" r="r" b="b"/>
              <a:pathLst>
                <a:path w="64" h="69">
                  <a:moveTo>
                    <a:pt x="0" y="22"/>
                  </a:moveTo>
                  <a:cubicBezTo>
                    <a:pt x="2" y="30"/>
                    <a:pt x="5" y="33"/>
                    <a:pt x="6" y="38"/>
                  </a:cubicBezTo>
                  <a:cubicBezTo>
                    <a:pt x="8" y="44"/>
                    <a:pt x="17" y="44"/>
                    <a:pt x="17" y="47"/>
                  </a:cubicBezTo>
                  <a:cubicBezTo>
                    <a:pt x="17" y="52"/>
                    <a:pt x="20" y="47"/>
                    <a:pt x="20" y="52"/>
                  </a:cubicBezTo>
                  <a:cubicBezTo>
                    <a:pt x="18" y="56"/>
                    <a:pt x="21" y="59"/>
                    <a:pt x="24" y="61"/>
                  </a:cubicBezTo>
                  <a:cubicBezTo>
                    <a:pt x="29" y="63"/>
                    <a:pt x="31" y="63"/>
                    <a:pt x="32" y="67"/>
                  </a:cubicBezTo>
                  <a:cubicBezTo>
                    <a:pt x="37" y="66"/>
                    <a:pt x="40" y="69"/>
                    <a:pt x="43" y="69"/>
                  </a:cubicBezTo>
                  <a:cubicBezTo>
                    <a:pt x="44" y="67"/>
                    <a:pt x="46" y="69"/>
                    <a:pt x="47" y="69"/>
                  </a:cubicBezTo>
                  <a:cubicBezTo>
                    <a:pt x="47" y="69"/>
                    <a:pt x="53" y="63"/>
                    <a:pt x="55" y="59"/>
                  </a:cubicBezTo>
                  <a:cubicBezTo>
                    <a:pt x="58" y="56"/>
                    <a:pt x="55" y="55"/>
                    <a:pt x="61" y="47"/>
                  </a:cubicBezTo>
                  <a:cubicBezTo>
                    <a:pt x="64" y="41"/>
                    <a:pt x="58" y="42"/>
                    <a:pt x="59" y="38"/>
                  </a:cubicBezTo>
                  <a:cubicBezTo>
                    <a:pt x="61" y="35"/>
                    <a:pt x="58" y="33"/>
                    <a:pt x="59" y="33"/>
                  </a:cubicBezTo>
                  <a:cubicBezTo>
                    <a:pt x="61" y="33"/>
                    <a:pt x="62" y="21"/>
                    <a:pt x="61" y="17"/>
                  </a:cubicBezTo>
                  <a:cubicBezTo>
                    <a:pt x="59" y="13"/>
                    <a:pt x="62" y="13"/>
                    <a:pt x="59" y="11"/>
                  </a:cubicBezTo>
                  <a:cubicBezTo>
                    <a:pt x="56" y="8"/>
                    <a:pt x="55" y="10"/>
                    <a:pt x="50" y="7"/>
                  </a:cubicBezTo>
                  <a:cubicBezTo>
                    <a:pt x="46" y="2"/>
                    <a:pt x="40" y="8"/>
                    <a:pt x="41" y="0"/>
                  </a:cubicBezTo>
                  <a:cubicBezTo>
                    <a:pt x="38" y="2"/>
                    <a:pt x="35" y="0"/>
                    <a:pt x="31" y="3"/>
                  </a:cubicBezTo>
                  <a:cubicBezTo>
                    <a:pt x="26" y="7"/>
                    <a:pt x="31" y="10"/>
                    <a:pt x="26" y="11"/>
                  </a:cubicBezTo>
                  <a:cubicBezTo>
                    <a:pt x="20" y="14"/>
                    <a:pt x="17" y="19"/>
                    <a:pt x="14" y="24"/>
                  </a:cubicBezTo>
                  <a:cubicBezTo>
                    <a:pt x="11" y="28"/>
                    <a:pt x="9" y="22"/>
                    <a:pt x="6" y="24"/>
                  </a:cubicBezTo>
                  <a:cubicBezTo>
                    <a:pt x="5" y="25"/>
                    <a:pt x="5" y="22"/>
                    <a:pt x="0" y="22"/>
                  </a:cubicBezTo>
                </a:path>
              </a:pathLst>
            </a:custGeom>
            <a:solidFill>
              <a:schemeClr val="accent5"/>
            </a:solidFill>
            <a:ln w="6350" cmpd="sng">
              <a:solidFill>
                <a:schemeClr val="bg1"/>
              </a:solidFill>
              <a:round/>
              <a:headEnd/>
              <a:tailEnd/>
            </a:ln>
          </p:spPr>
          <p:txBody>
            <a:bodyPr/>
            <a:lstStyle/>
            <a:p>
              <a:endParaRPr lang="en-GB" sz="1633" dirty="0"/>
            </a:p>
          </p:txBody>
        </p:sp>
        <p:sp>
          <p:nvSpPr>
            <p:cNvPr id="154" name="Freeform 105"/>
            <p:cNvSpPr>
              <a:spLocks/>
            </p:cNvSpPr>
            <p:nvPr/>
          </p:nvSpPr>
          <p:spPr bwMode="auto">
            <a:xfrm>
              <a:off x="5933856" y="5813946"/>
              <a:ext cx="408123" cy="414542"/>
            </a:xfrm>
            <a:custGeom>
              <a:avLst/>
              <a:gdLst/>
              <a:ahLst/>
              <a:cxnLst>
                <a:cxn ang="0">
                  <a:pos x="102" y="1"/>
                </a:cxn>
                <a:cxn ang="0">
                  <a:pos x="113" y="3"/>
                </a:cxn>
                <a:cxn ang="0">
                  <a:pos x="117" y="3"/>
                </a:cxn>
                <a:cxn ang="0">
                  <a:pos x="123" y="40"/>
                </a:cxn>
                <a:cxn ang="0">
                  <a:pos x="114" y="43"/>
                </a:cxn>
                <a:cxn ang="0">
                  <a:pos x="122" y="54"/>
                </a:cxn>
                <a:cxn ang="0">
                  <a:pos x="125" y="48"/>
                </a:cxn>
                <a:cxn ang="0">
                  <a:pos x="131" y="48"/>
                </a:cxn>
                <a:cxn ang="0">
                  <a:pos x="116" y="81"/>
                </a:cxn>
                <a:cxn ang="0">
                  <a:pos x="102" y="101"/>
                </a:cxn>
                <a:cxn ang="0">
                  <a:pos x="84" y="119"/>
                </a:cxn>
                <a:cxn ang="0">
                  <a:pos x="73" y="123"/>
                </a:cxn>
                <a:cxn ang="0">
                  <a:pos x="67" y="124"/>
                </a:cxn>
                <a:cxn ang="0">
                  <a:pos x="56" y="124"/>
                </a:cxn>
                <a:cxn ang="0">
                  <a:pos x="47" y="124"/>
                </a:cxn>
                <a:cxn ang="0">
                  <a:pos x="41" y="127"/>
                </a:cxn>
                <a:cxn ang="0">
                  <a:pos x="34" y="129"/>
                </a:cxn>
                <a:cxn ang="0">
                  <a:pos x="29" y="132"/>
                </a:cxn>
                <a:cxn ang="0">
                  <a:pos x="24" y="132"/>
                </a:cxn>
                <a:cxn ang="0">
                  <a:pos x="23" y="129"/>
                </a:cxn>
                <a:cxn ang="0">
                  <a:pos x="20" y="126"/>
                </a:cxn>
                <a:cxn ang="0">
                  <a:pos x="17" y="126"/>
                </a:cxn>
                <a:cxn ang="0">
                  <a:pos x="15" y="123"/>
                </a:cxn>
                <a:cxn ang="0">
                  <a:pos x="12" y="116"/>
                </a:cxn>
                <a:cxn ang="0">
                  <a:pos x="12" y="110"/>
                </a:cxn>
                <a:cxn ang="0">
                  <a:pos x="11" y="95"/>
                </a:cxn>
                <a:cxn ang="0">
                  <a:pos x="0" y="67"/>
                </a:cxn>
                <a:cxn ang="0">
                  <a:pos x="6" y="62"/>
                </a:cxn>
                <a:cxn ang="0">
                  <a:pos x="11" y="70"/>
                </a:cxn>
                <a:cxn ang="0">
                  <a:pos x="20" y="70"/>
                </a:cxn>
                <a:cxn ang="0">
                  <a:pos x="29" y="65"/>
                </a:cxn>
                <a:cxn ang="0">
                  <a:pos x="29" y="28"/>
                </a:cxn>
                <a:cxn ang="0">
                  <a:pos x="34" y="43"/>
                </a:cxn>
                <a:cxn ang="0">
                  <a:pos x="35" y="50"/>
                </a:cxn>
                <a:cxn ang="0">
                  <a:pos x="46" y="45"/>
                </a:cxn>
                <a:cxn ang="0">
                  <a:pos x="59" y="36"/>
                </a:cxn>
                <a:cxn ang="0">
                  <a:pos x="75" y="31"/>
                </a:cxn>
                <a:cxn ang="0">
                  <a:pos x="84" y="19"/>
                </a:cxn>
                <a:cxn ang="0">
                  <a:pos x="91" y="9"/>
                </a:cxn>
                <a:cxn ang="0">
                  <a:pos x="102" y="1"/>
                </a:cxn>
              </a:cxnLst>
              <a:rect l="0" t="0" r="r" b="b"/>
              <a:pathLst>
                <a:path w="131" h="133">
                  <a:moveTo>
                    <a:pt x="102" y="1"/>
                  </a:moveTo>
                  <a:cubicBezTo>
                    <a:pt x="107" y="0"/>
                    <a:pt x="110" y="3"/>
                    <a:pt x="113" y="3"/>
                  </a:cubicBezTo>
                  <a:cubicBezTo>
                    <a:pt x="114" y="1"/>
                    <a:pt x="116" y="3"/>
                    <a:pt x="117" y="3"/>
                  </a:cubicBezTo>
                  <a:cubicBezTo>
                    <a:pt x="120" y="11"/>
                    <a:pt x="125" y="31"/>
                    <a:pt x="123" y="40"/>
                  </a:cubicBezTo>
                  <a:cubicBezTo>
                    <a:pt x="117" y="36"/>
                    <a:pt x="116" y="39"/>
                    <a:pt x="114" y="43"/>
                  </a:cubicBezTo>
                  <a:cubicBezTo>
                    <a:pt x="113" y="50"/>
                    <a:pt x="119" y="54"/>
                    <a:pt x="122" y="54"/>
                  </a:cubicBezTo>
                  <a:cubicBezTo>
                    <a:pt x="125" y="54"/>
                    <a:pt x="122" y="48"/>
                    <a:pt x="125" y="48"/>
                  </a:cubicBezTo>
                  <a:cubicBezTo>
                    <a:pt x="131" y="48"/>
                    <a:pt x="131" y="48"/>
                    <a:pt x="131" y="48"/>
                  </a:cubicBezTo>
                  <a:cubicBezTo>
                    <a:pt x="128" y="74"/>
                    <a:pt x="123" y="62"/>
                    <a:pt x="116" y="81"/>
                  </a:cubicBezTo>
                  <a:cubicBezTo>
                    <a:pt x="108" y="98"/>
                    <a:pt x="105" y="95"/>
                    <a:pt x="102" y="101"/>
                  </a:cubicBezTo>
                  <a:cubicBezTo>
                    <a:pt x="94" y="112"/>
                    <a:pt x="87" y="116"/>
                    <a:pt x="84" y="119"/>
                  </a:cubicBezTo>
                  <a:cubicBezTo>
                    <a:pt x="79" y="123"/>
                    <a:pt x="73" y="119"/>
                    <a:pt x="73" y="123"/>
                  </a:cubicBezTo>
                  <a:cubicBezTo>
                    <a:pt x="75" y="126"/>
                    <a:pt x="69" y="121"/>
                    <a:pt x="67" y="124"/>
                  </a:cubicBezTo>
                  <a:cubicBezTo>
                    <a:pt x="64" y="129"/>
                    <a:pt x="58" y="123"/>
                    <a:pt x="56" y="124"/>
                  </a:cubicBezTo>
                  <a:cubicBezTo>
                    <a:pt x="53" y="126"/>
                    <a:pt x="50" y="123"/>
                    <a:pt x="47" y="124"/>
                  </a:cubicBezTo>
                  <a:cubicBezTo>
                    <a:pt x="44" y="124"/>
                    <a:pt x="46" y="126"/>
                    <a:pt x="41" y="127"/>
                  </a:cubicBezTo>
                  <a:cubicBezTo>
                    <a:pt x="37" y="129"/>
                    <a:pt x="38" y="127"/>
                    <a:pt x="34" y="129"/>
                  </a:cubicBezTo>
                  <a:cubicBezTo>
                    <a:pt x="29" y="129"/>
                    <a:pt x="31" y="133"/>
                    <a:pt x="29" y="132"/>
                  </a:cubicBezTo>
                  <a:cubicBezTo>
                    <a:pt x="28" y="132"/>
                    <a:pt x="26" y="133"/>
                    <a:pt x="24" y="132"/>
                  </a:cubicBezTo>
                  <a:cubicBezTo>
                    <a:pt x="24" y="130"/>
                    <a:pt x="23" y="132"/>
                    <a:pt x="23" y="129"/>
                  </a:cubicBezTo>
                  <a:cubicBezTo>
                    <a:pt x="23" y="126"/>
                    <a:pt x="20" y="130"/>
                    <a:pt x="20" y="126"/>
                  </a:cubicBezTo>
                  <a:cubicBezTo>
                    <a:pt x="20" y="124"/>
                    <a:pt x="17" y="124"/>
                    <a:pt x="17" y="126"/>
                  </a:cubicBezTo>
                  <a:cubicBezTo>
                    <a:pt x="15" y="129"/>
                    <a:pt x="14" y="124"/>
                    <a:pt x="15" y="123"/>
                  </a:cubicBezTo>
                  <a:cubicBezTo>
                    <a:pt x="17" y="121"/>
                    <a:pt x="15" y="119"/>
                    <a:pt x="12" y="116"/>
                  </a:cubicBezTo>
                  <a:cubicBezTo>
                    <a:pt x="9" y="112"/>
                    <a:pt x="11" y="109"/>
                    <a:pt x="12" y="110"/>
                  </a:cubicBezTo>
                  <a:cubicBezTo>
                    <a:pt x="14" y="112"/>
                    <a:pt x="18" y="105"/>
                    <a:pt x="11" y="95"/>
                  </a:cubicBezTo>
                  <a:cubicBezTo>
                    <a:pt x="3" y="81"/>
                    <a:pt x="6" y="74"/>
                    <a:pt x="0" y="67"/>
                  </a:cubicBezTo>
                  <a:cubicBezTo>
                    <a:pt x="5" y="65"/>
                    <a:pt x="3" y="59"/>
                    <a:pt x="6" y="62"/>
                  </a:cubicBezTo>
                  <a:cubicBezTo>
                    <a:pt x="9" y="65"/>
                    <a:pt x="5" y="67"/>
                    <a:pt x="11" y="70"/>
                  </a:cubicBezTo>
                  <a:cubicBezTo>
                    <a:pt x="15" y="71"/>
                    <a:pt x="18" y="68"/>
                    <a:pt x="20" y="70"/>
                  </a:cubicBezTo>
                  <a:cubicBezTo>
                    <a:pt x="21" y="71"/>
                    <a:pt x="24" y="67"/>
                    <a:pt x="29" y="65"/>
                  </a:cubicBezTo>
                  <a:cubicBezTo>
                    <a:pt x="29" y="28"/>
                    <a:pt x="29" y="28"/>
                    <a:pt x="29" y="28"/>
                  </a:cubicBezTo>
                  <a:cubicBezTo>
                    <a:pt x="32" y="31"/>
                    <a:pt x="35" y="40"/>
                    <a:pt x="34" y="43"/>
                  </a:cubicBezTo>
                  <a:cubicBezTo>
                    <a:pt x="32" y="45"/>
                    <a:pt x="32" y="50"/>
                    <a:pt x="35" y="50"/>
                  </a:cubicBezTo>
                  <a:cubicBezTo>
                    <a:pt x="38" y="48"/>
                    <a:pt x="40" y="51"/>
                    <a:pt x="46" y="45"/>
                  </a:cubicBezTo>
                  <a:cubicBezTo>
                    <a:pt x="50" y="39"/>
                    <a:pt x="49" y="28"/>
                    <a:pt x="59" y="36"/>
                  </a:cubicBezTo>
                  <a:cubicBezTo>
                    <a:pt x="70" y="42"/>
                    <a:pt x="72" y="36"/>
                    <a:pt x="75" y="31"/>
                  </a:cubicBezTo>
                  <a:cubicBezTo>
                    <a:pt x="76" y="25"/>
                    <a:pt x="82" y="26"/>
                    <a:pt x="84" y="19"/>
                  </a:cubicBezTo>
                  <a:cubicBezTo>
                    <a:pt x="85" y="12"/>
                    <a:pt x="90" y="14"/>
                    <a:pt x="91" y="9"/>
                  </a:cubicBezTo>
                  <a:cubicBezTo>
                    <a:pt x="93" y="5"/>
                    <a:pt x="98" y="6"/>
                    <a:pt x="102" y="1"/>
                  </a:cubicBezTo>
                </a:path>
              </a:pathLst>
            </a:custGeom>
            <a:solidFill>
              <a:schemeClr val="accent5"/>
            </a:solidFill>
            <a:ln w="6350" cmpd="sng">
              <a:solidFill>
                <a:schemeClr val="bg1"/>
              </a:solidFill>
              <a:round/>
              <a:headEnd/>
              <a:tailEnd/>
            </a:ln>
          </p:spPr>
          <p:txBody>
            <a:bodyPr/>
            <a:lstStyle/>
            <a:p>
              <a:endParaRPr lang="en-GB" sz="1633" dirty="0"/>
            </a:p>
          </p:txBody>
        </p:sp>
        <p:sp>
          <p:nvSpPr>
            <p:cNvPr id="155" name="Freeform 106"/>
            <p:cNvSpPr>
              <a:spLocks/>
            </p:cNvSpPr>
            <p:nvPr/>
          </p:nvSpPr>
          <p:spPr bwMode="auto">
            <a:xfrm>
              <a:off x="6189334" y="6009970"/>
              <a:ext cx="70699" cy="85158"/>
            </a:xfrm>
            <a:custGeom>
              <a:avLst/>
              <a:gdLst/>
              <a:ahLst/>
              <a:cxnLst>
                <a:cxn ang="0">
                  <a:pos x="8" y="25"/>
                </a:cxn>
                <a:cxn ang="0">
                  <a:pos x="3" y="13"/>
                </a:cxn>
                <a:cxn ang="0">
                  <a:pos x="15" y="3"/>
                </a:cxn>
                <a:cxn ang="0">
                  <a:pos x="20" y="14"/>
                </a:cxn>
                <a:cxn ang="0">
                  <a:pos x="11" y="22"/>
                </a:cxn>
                <a:cxn ang="0">
                  <a:pos x="8" y="25"/>
                </a:cxn>
              </a:cxnLst>
              <a:rect l="0" t="0" r="r" b="b"/>
              <a:pathLst>
                <a:path w="23" h="27">
                  <a:moveTo>
                    <a:pt x="8" y="25"/>
                  </a:moveTo>
                  <a:cubicBezTo>
                    <a:pt x="5" y="21"/>
                    <a:pt x="0" y="18"/>
                    <a:pt x="3" y="13"/>
                  </a:cubicBezTo>
                  <a:cubicBezTo>
                    <a:pt x="6" y="8"/>
                    <a:pt x="14" y="0"/>
                    <a:pt x="15" y="3"/>
                  </a:cubicBezTo>
                  <a:cubicBezTo>
                    <a:pt x="18" y="7"/>
                    <a:pt x="23" y="8"/>
                    <a:pt x="20" y="14"/>
                  </a:cubicBezTo>
                  <a:cubicBezTo>
                    <a:pt x="18" y="19"/>
                    <a:pt x="12" y="19"/>
                    <a:pt x="11" y="22"/>
                  </a:cubicBezTo>
                  <a:cubicBezTo>
                    <a:pt x="9" y="25"/>
                    <a:pt x="9" y="27"/>
                    <a:pt x="8" y="25"/>
                  </a:cubicBezTo>
                </a:path>
              </a:pathLst>
            </a:custGeom>
            <a:solidFill>
              <a:schemeClr val="accent5"/>
            </a:solidFill>
            <a:ln w="6350" cmpd="sng">
              <a:solidFill>
                <a:schemeClr val="bg1"/>
              </a:solidFill>
              <a:round/>
              <a:headEnd/>
              <a:tailEnd/>
            </a:ln>
          </p:spPr>
          <p:txBody>
            <a:bodyPr/>
            <a:lstStyle/>
            <a:p>
              <a:endParaRPr lang="en-GB" sz="1633" dirty="0"/>
            </a:p>
          </p:txBody>
        </p:sp>
        <p:sp>
          <p:nvSpPr>
            <p:cNvPr id="156" name="Freeform 107"/>
            <p:cNvSpPr>
              <a:spLocks/>
            </p:cNvSpPr>
            <p:nvPr/>
          </p:nvSpPr>
          <p:spPr bwMode="auto">
            <a:xfrm>
              <a:off x="6285741" y="5923204"/>
              <a:ext cx="36956" cy="59450"/>
            </a:xfrm>
            <a:custGeom>
              <a:avLst/>
              <a:gdLst/>
              <a:ahLst/>
              <a:cxnLst>
                <a:cxn ang="0">
                  <a:pos x="10" y="5"/>
                </a:cxn>
                <a:cxn ang="0">
                  <a:pos x="12" y="13"/>
                </a:cxn>
                <a:cxn ang="0">
                  <a:pos x="9" y="19"/>
                </a:cxn>
                <a:cxn ang="0">
                  <a:pos x="1" y="8"/>
                </a:cxn>
                <a:cxn ang="0">
                  <a:pos x="10" y="5"/>
                </a:cxn>
              </a:cxnLst>
              <a:rect l="0" t="0" r="r" b="b"/>
              <a:pathLst>
                <a:path w="12" h="19">
                  <a:moveTo>
                    <a:pt x="10" y="5"/>
                  </a:moveTo>
                  <a:cubicBezTo>
                    <a:pt x="12" y="13"/>
                    <a:pt x="12" y="13"/>
                    <a:pt x="12" y="13"/>
                  </a:cubicBezTo>
                  <a:cubicBezTo>
                    <a:pt x="9" y="13"/>
                    <a:pt x="12" y="19"/>
                    <a:pt x="9" y="19"/>
                  </a:cubicBezTo>
                  <a:cubicBezTo>
                    <a:pt x="6" y="19"/>
                    <a:pt x="0" y="15"/>
                    <a:pt x="1" y="8"/>
                  </a:cubicBezTo>
                  <a:cubicBezTo>
                    <a:pt x="3" y="4"/>
                    <a:pt x="4" y="0"/>
                    <a:pt x="10" y="5"/>
                  </a:cubicBezTo>
                </a:path>
              </a:pathLst>
            </a:custGeom>
            <a:solidFill>
              <a:schemeClr val="accent5"/>
            </a:solidFill>
            <a:ln w="6350" cmpd="sng">
              <a:solidFill>
                <a:schemeClr val="bg1"/>
              </a:solidFill>
              <a:round/>
              <a:headEnd/>
              <a:tailEnd/>
            </a:ln>
          </p:spPr>
          <p:txBody>
            <a:bodyPr/>
            <a:lstStyle/>
            <a:p>
              <a:endParaRPr lang="en-GB" sz="1633" dirty="0"/>
            </a:p>
          </p:txBody>
        </p:sp>
        <p:sp>
          <p:nvSpPr>
            <p:cNvPr id="157" name="Freeform 108"/>
            <p:cNvSpPr>
              <a:spLocks/>
            </p:cNvSpPr>
            <p:nvPr/>
          </p:nvSpPr>
          <p:spPr bwMode="auto">
            <a:xfrm>
              <a:off x="6332338" y="5421898"/>
              <a:ext cx="86766" cy="242620"/>
            </a:xfrm>
            <a:custGeom>
              <a:avLst/>
              <a:gdLst/>
              <a:ahLst/>
              <a:cxnLst>
                <a:cxn ang="0">
                  <a:pos x="4" y="45"/>
                </a:cxn>
                <a:cxn ang="0">
                  <a:pos x="9" y="50"/>
                </a:cxn>
                <a:cxn ang="0">
                  <a:pos x="15" y="58"/>
                </a:cxn>
                <a:cxn ang="0">
                  <a:pos x="15" y="67"/>
                </a:cxn>
                <a:cxn ang="0">
                  <a:pos x="19" y="76"/>
                </a:cxn>
                <a:cxn ang="0">
                  <a:pos x="21" y="72"/>
                </a:cxn>
                <a:cxn ang="0">
                  <a:pos x="24" y="67"/>
                </a:cxn>
                <a:cxn ang="0">
                  <a:pos x="25" y="59"/>
                </a:cxn>
                <a:cxn ang="0">
                  <a:pos x="22" y="47"/>
                </a:cxn>
                <a:cxn ang="0">
                  <a:pos x="15" y="37"/>
                </a:cxn>
                <a:cxn ang="0">
                  <a:pos x="15" y="25"/>
                </a:cxn>
                <a:cxn ang="0">
                  <a:pos x="16" y="20"/>
                </a:cxn>
                <a:cxn ang="0">
                  <a:pos x="15" y="11"/>
                </a:cxn>
                <a:cxn ang="0">
                  <a:pos x="10" y="2"/>
                </a:cxn>
                <a:cxn ang="0">
                  <a:pos x="3" y="0"/>
                </a:cxn>
                <a:cxn ang="0">
                  <a:pos x="6" y="3"/>
                </a:cxn>
                <a:cxn ang="0">
                  <a:pos x="6" y="8"/>
                </a:cxn>
                <a:cxn ang="0">
                  <a:pos x="7" y="14"/>
                </a:cxn>
                <a:cxn ang="0">
                  <a:pos x="6" y="19"/>
                </a:cxn>
                <a:cxn ang="0">
                  <a:pos x="6" y="25"/>
                </a:cxn>
                <a:cxn ang="0">
                  <a:pos x="6" y="31"/>
                </a:cxn>
                <a:cxn ang="0">
                  <a:pos x="1" y="41"/>
                </a:cxn>
                <a:cxn ang="0">
                  <a:pos x="4" y="45"/>
                </a:cxn>
              </a:cxnLst>
              <a:rect l="0" t="0" r="r" b="b"/>
              <a:pathLst>
                <a:path w="28" h="78">
                  <a:moveTo>
                    <a:pt x="4" y="45"/>
                  </a:moveTo>
                  <a:cubicBezTo>
                    <a:pt x="6" y="48"/>
                    <a:pt x="7" y="51"/>
                    <a:pt x="9" y="50"/>
                  </a:cubicBezTo>
                  <a:cubicBezTo>
                    <a:pt x="15" y="48"/>
                    <a:pt x="16" y="51"/>
                    <a:pt x="15" y="58"/>
                  </a:cubicBezTo>
                  <a:cubicBezTo>
                    <a:pt x="15" y="64"/>
                    <a:pt x="10" y="62"/>
                    <a:pt x="15" y="67"/>
                  </a:cubicBezTo>
                  <a:cubicBezTo>
                    <a:pt x="19" y="73"/>
                    <a:pt x="18" y="76"/>
                    <a:pt x="19" y="76"/>
                  </a:cubicBezTo>
                  <a:cubicBezTo>
                    <a:pt x="21" y="78"/>
                    <a:pt x="21" y="75"/>
                    <a:pt x="21" y="72"/>
                  </a:cubicBezTo>
                  <a:cubicBezTo>
                    <a:pt x="19" y="69"/>
                    <a:pt x="21" y="67"/>
                    <a:pt x="24" y="67"/>
                  </a:cubicBezTo>
                  <a:cubicBezTo>
                    <a:pt x="25" y="65"/>
                    <a:pt x="25" y="64"/>
                    <a:pt x="25" y="59"/>
                  </a:cubicBezTo>
                  <a:cubicBezTo>
                    <a:pt x="25" y="55"/>
                    <a:pt x="28" y="53"/>
                    <a:pt x="22" y="47"/>
                  </a:cubicBezTo>
                  <a:cubicBezTo>
                    <a:pt x="18" y="41"/>
                    <a:pt x="16" y="41"/>
                    <a:pt x="15" y="37"/>
                  </a:cubicBezTo>
                  <a:cubicBezTo>
                    <a:pt x="15" y="33"/>
                    <a:pt x="13" y="28"/>
                    <a:pt x="15" y="25"/>
                  </a:cubicBezTo>
                  <a:cubicBezTo>
                    <a:pt x="16" y="24"/>
                    <a:pt x="15" y="22"/>
                    <a:pt x="16" y="20"/>
                  </a:cubicBezTo>
                  <a:cubicBezTo>
                    <a:pt x="13" y="16"/>
                    <a:pt x="16" y="16"/>
                    <a:pt x="15" y="11"/>
                  </a:cubicBezTo>
                  <a:cubicBezTo>
                    <a:pt x="13" y="6"/>
                    <a:pt x="12" y="3"/>
                    <a:pt x="10" y="2"/>
                  </a:cubicBezTo>
                  <a:cubicBezTo>
                    <a:pt x="7" y="2"/>
                    <a:pt x="4" y="2"/>
                    <a:pt x="3" y="0"/>
                  </a:cubicBezTo>
                  <a:cubicBezTo>
                    <a:pt x="3" y="3"/>
                    <a:pt x="3" y="0"/>
                    <a:pt x="6" y="3"/>
                  </a:cubicBezTo>
                  <a:cubicBezTo>
                    <a:pt x="7" y="5"/>
                    <a:pt x="4" y="5"/>
                    <a:pt x="6" y="8"/>
                  </a:cubicBezTo>
                  <a:cubicBezTo>
                    <a:pt x="9" y="10"/>
                    <a:pt x="9" y="11"/>
                    <a:pt x="7" y="14"/>
                  </a:cubicBezTo>
                  <a:cubicBezTo>
                    <a:pt x="4" y="16"/>
                    <a:pt x="7" y="17"/>
                    <a:pt x="6" y="19"/>
                  </a:cubicBezTo>
                  <a:cubicBezTo>
                    <a:pt x="4" y="20"/>
                    <a:pt x="6" y="22"/>
                    <a:pt x="6" y="25"/>
                  </a:cubicBezTo>
                  <a:cubicBezTo>
                    <a:pt x="4" y="30"/>
                    <a:pt x="9" y="31"/>
                    <a:pt x="6" y="31"/>
                  </a:cubicBezTo>
                  <a:cubicBezTo>
                    <a:pt x="1" y="31"/>
                    <a:pt x="4" y="37"/>
                    <a:pt x="1" y="41"/>
                  </a:cubicBezTo>
                  <a:cubicBezTo>
                    <a:pt x="0" y="42"/>
                    <a:pt x="3" y="44"/>
                    <a:pt x="4" y="45"/>
                  </a:cubicBezTo>
                </a:path>
              </a:pathLst>
            </a:custGeom>
            <a:solidFill>
              <a:schemeClr val="accent5"/>
            </a:solidFill>
            <a:ln w="6350" cmpd="sng">
              <a:solidFill>
                <a:schemeClr val="bg1"/>
              </a:solidFill>
              <a:round/>
              <a:headEnd/>
              <a:tailEnd/>
            </a:ln>
          </p:spPr>
          <p:txBody>
            <a:bodyPr/>
            <a:lstStyle/>
            <a:p>
              <a:endParaRPr lang="en-GB" sz="1633" dirty="0"/>
            </a:p>
          </p:txBody>
        </p:sp>
        <p:sp>
          <p:nvSpPr>
            <p:cNvPr id="158" name="Freeform 109"/>
            <p:cNvSpPr>
              <a:spLocks/>
            </p:cNvSpPr>
            <p:nvPr/>
          </p:nvSpPr>
          <p:spPr bwMode="auto">
            <a:xfrm>
              <a:off x="5851910" y="4408038"/>
              <a:ext cx="274759" cy="499700"/>
            </a:xfrm>
            <a:custGeom>
              <a:avLst/>
              <a:gdLst/>
              <a:ahLst/>
              <a:cxnLst>
                <a:cxn ang="0">
                  <a:pos x="18" y="159"/>
                </a:cxn>
                <a:cxn ang="0">
                  <a:pos x="26" y="157"/>
                </a:cxn>
                <a:cxn ang="0">
                  <a:pos x="31" y="157"/>
                </a:cxn>
                <a:cxn ang="0">
                  <a:pos x="46" y="151"/>
                </a:cxn>
                <a:cxn ang="0">
                  <a:pos x="46" y="145"/>
                </a:cxn>
                <a:cxn ang="0">
                  <a:pos x="62" y="138"/>
                </a:cxn>
                <a:cxn ang="0">
                  <a:pos x="67" y="129"/>
                </a:cxn>
                <a:cxn ang="0">
                  <a:pos x="77" y="126"/>
                </a:cxn>
                <a:cxn ang="0">
                  <a:pos x="74" y="118"/>
                </a:cxn>
                <a:cxn ang="0">
                  <a:pos x="73" y="110"/>
                </a:cxn>
                <a:cxn ang="0">
                  <a:pos x="68" y="109"/>
                </a:cxn>
                <a:cxn ang="0">
                  <a:pos x="71" y="100"/>
                </a:cxn>
                <a:cxn ang="0">
                  <a:pos x="73" y="92"/>
                </a:cxn>
                <a:cxn ang="0">
                  <a:pos x="76" y="87"/>
                </a:cxn>
                <a:cxn ang="0">
                  <a:pos x="77" y="82"/>
                </a:cxn>
                <a:cxn ang="0">
                  <a:pos x="84" y="78"/>
                </a:cxn>
                <a:cxn ang="0">
                  <a:pos x="85" y="76"/>
                </a:cxn>
                <a:cxn ang="0">
                  <a:pos x="85" y="40"/>
                </a:cxn>
                <a:cxn ang="0">
                  <a:pos x="23" y="0"/>
                </a:cxn>
                <a:cxn ang="0">
                  <a:pos x="14" y="5"/>
                </a:cxn>
                <a:cxn ang="0">
                  <a:pos x="18" y="27"/>
                </a:cxn>
                <a:cxn ang="0">
                  <a:pos x="20" y="44"/>
                </a:cxn>
                <a:cxn ang="0">
                  <a:pos x="17" y="68"/>
                </a:cxn>
                <a:cxn ang="0">
                  <a:pos x="3" y="98"/>
                </a:cxn>
                <a:cxn ang="0">
                  <a:pos x="8" y="104"/>
                </a:cxn>
                <a:cxn ang="0">
                  <a:pos x="12" y="107"/>
                </a:cxn>
                <a:cxn ang="0">
                  <a:pos x="14" y="114"/>
                </a:cxn>
                <a:cxn ang="0">
                  <a:pos x="20" y="134"/>
                </a:cxn>
                <a:cxn ang="0">
                  <a:pos x="11" y="135"/>
                </a:cxn>
                <a:cxn ang="0">
                  <a:pos x="8" y="140"/>
                </a:cxn>
                <a:cxn ang="0">
                  <a:pos x="17" y="152"/>
                </a:cxn>
                <a:cxn ang="0">
                  <a:pos x="18" y="159"/>
                </a:cxn>
              </a:cxnLst>
              <a:rect l="0" t="0" r="r" b="b"/>
              <a:pathLst>
                <a:path w="88" h="160">
                  <a:moveTo>
                    <a:pt x="18" y="159"/>
                  </a:moveTo>
                  <a:cubicBezTo>
                    <a:pt x="21" y="160"/>
                    <a:pt x="24" y="159"/>
                    <a:pt x="26" y="157"/>
                  </a:cubicBezTo>
                  <a:cubicBezTo>
                    <a:pt x="27" y="154"/>
                    <a:pt x="27" y="160"/>
                    <a:pt x="31" y="157"/>
                  </a:cubicBezTo>
                  <a:cubicBezTo>
                    <a:pt x="37" y="152"/>
                    <a:pt x="41" y="157"/>
                    <a:pt x="46" y="151"/>
                  </a:cubicBezTo>
                  <a:cubicBezTo>
                    <a:pt x="49" y="146"/>
                    <a:pt x="44" y="146"/>
                    <a:pt x="46" y="145"/>
                  </a:cubicBezTo>
                  <a:cubicBezTo>
                    <a:pt x="47" y="143"/>
                    <a:pt x="56" y="146"/>
                    <a:pt x="62" y="138"/>
                  </a:cubicBezTo>
                  <a:cubicBezTo>
                    <a:pt x="67" y="131"/>
                    <a:pt x="68" y="134"/>
                    <a:pt x="67" y="129"/>
                  </a:cubicBezTo>
                  <a:cubicBezTo>
                    <a:pt x="67" y="128"/>
                    <a:pt x="74" y="124"/>
                    <a:pt x="77" y="126"/>
                  </a:cubicBezTo>
                  <a:cubicBezTo>
                    <a:pt x="79" y="120"/>
                    <a:pt x="74" y="123"/>
                    <a:pt x="74" y="118"/>
                  </a:cubicBezTo>
                  <a:cubicBezTo>
                    <a:pt x="74" y="114"/>
                    <a:pt x="73" y="115"/>
                    <a:pt x="73" y="110"/>
                  </a:cubicBezTo>
                  <a:cubicBezTo>
                    <a:pt x="73" y="106"/>
                    <a:pt x="70" y="110"/>
                    <a:pt x="68" y="109"/>
                  </a:cubicBezTo>
                  <a:cubicBezTo>
                    <a:pt x="67" y="104"/>
                    <a:pt x="74" y="104"/>
                    <a:pt x="71" y="100"/>
                  </a:cubicBezTo>
                  <a:cubicBezTo>
                    <a:pt x="68" y="95"/>
                    <a:pt x="76" y="96"/>
                    <a:pt x="73" y="92"/>
                  </a:cubicBezTo>
                  <a:cubicBezTo>
                    <a:pt x="71" y="87"/>
                    <a:pt x="76" y="92"/>
                    <a:pt x="76" y="87"/>
                  </a:cubicBezTo>
                  <a:cubicBezTo>
                    <a:pt x="74" y="84"/>
                    <a:pt x="77" y="87"/>
                    <a:pt x="77" y="82"/>
                  </a:cubicBezTo>
                  <a:cubicBezTo>
                    <a:pt x="77" y="78"/>
                    <a:pt x="81" y="78"/>
                    <a:pt x="84" y="78"/>
                  </a:cubicBezTo>
                  <a:cubicBezTo>
                    <a:pt x="88" y="79"/>
                    <a:pt x="85" y="76"/>
                    <a:pt x="85" y="76"/>
                  </a:cubicBezTo>
                  <a:cubicBezTo>
                    <a:pt x="85" y="40"/>
                    <a:pt x="85" y="40"/>
                    <a:pt x="85" y="40"/>
                  </a:cubicBezTo>
                  <a:cubicBezTo>
                    <a:pt x="85" y="40"/>
                    <a:pt x="44" y="13"/>
                    <a:pt x="23" y="0"/>
                  </a:cubicBezTo>
                  <a:cubicBezTo>
                    <a:pt x="21" y="0"/>
                    <a:pt x="17" y="3"/>
                    <a:pt x="14" y="5"/>
                  </a:cubicBezTo>
                  <a:cubicBezTo>
                    <a:pt x="18" y="14"/>
                    <a:pt x="14" y="17"/>
                    <a:pt x="18" y="27"/>
                  </a:cubicBezTo>
                  <a:cubicBezTo>
                    <a:pt x="24" y="37"/>
                    <a:pt x="20" y="33"/>
                    <a:pt x="20" y="44"/>
                  </a:cubicBezTo>
                  <a:cubicBezTo>
                    <a:pt x="20" y="53"/>
                    <a:pt x="18" y="67"/>
                    <a:pt x="17" y="68"/>
                  </a:cubicBezTo>
                  <a:cubicBezTo>
                    <a:pt x="15" y="70"/>
                    <a:pt x="0" y="89"/>
                    <a:pt x="3" y="98"/>
                  </a:cubicBezTo>
                  <a:cubicBezTo>
                    <a:pt x="8" y="104"/>
                    <a:pt x="8" y="104"/>
                    <a:pt x="8" y="104"/>
                  </a:cubicBezTo>
                  <a:cubicBezTo>
                    <a:pt x="17" y="104"/>
                    <a:pt x="8" y="106"/>
                    <a:pt x="12" y="107"/>
                  </a:cubicBezTo>
                  <a:cubicBezTo>
                    <a:pt x="15" y="109"/>
                    <a:pt x="12" y="114"/>
                    <a:pt x="14" y="114"/>
                  </a:cubicBezTo>
                  <a:cubicBezTo>
                    <a:pt x="17" y="115"/>
                    <a:pt x="12" y="129"/>
                    <a:pt x="20" y="134"/>
                  </a:cubicBezTo>
                  <a:cubicBezTo>
                    <a:pt x="15" y="137"/>
                    <a:pt x="12" y="135"/>
                    <a:pt x="11" y="135"/>
                  </a:cubicBezTo>
                  <a:cubicBezTo>
                    <a:pt x="8" y="134"/>
                    <a:pt x="6" y="138"/>
                    <a:pt x="8" y="140"/>
                  </a:cubicBezTo>
                  <a:cubicBezTo>
                    <a:pt x="14" y="149"/>
                    <a:pt x="17" y="148"/>
                    <a:pt x="17" y="152"/>
                  </a:cubicBezTo>
                  <a:cubicBezTo>
                    <a:pt x="18" y="159"/>
                    <a:pt x="20" y="156"/>
                    <a:pt x="18" y="159"/>
                  </a:cubicBezTo>
                </a:path>
              </a:pathLst>
            </a:custGeom>
            <a:solidFill>
              <a:schemeClr val="accent5"/>
            </a:solidFill>
            <a:ln w="6350" cmpd="sng">
              <a:solidFill>
                <a:schemeClr val="bg1"/>
              </a:solidFill>
              <a:round/>
              <a:headEnd/>
              <a:tailEnd/>
            </a:ln>
          </p:spPr>
          <p:txBody>
            <a:bodyPr/>
            <a:lstStyle/>
            <a:p>
              <a:endParaRPr lang="en-GB" sz="1633" dirty="0"/>
            </a:p>
          </p:txBody>
        </p:sp>
        <p:sp>
          <p:nvSpPr>
            <p:cNvPr id="159" name="Freeform 110"/>
            <p:cNvSpPr>
              <a:spLocks/>
            </p:cNvSpPr>
            <p:nvPr/>
          </p:nvSpPr>
          <p:spPr bwMode="auto">
            <a:xfrm>
              <a:off x="5527340" y="4408038"/>
              <a:ext cx="403302" cy="367946"/>
            </a:xfrm>
            <a:custGeom>
              <a:avLst/>
              <a:gdLst/>
              <a:ahLst/>
              <a:cxnLst>
                <a:cxn ang="0">
                  <a:pos x="32" y="44"/>
                </a:cxn>
                <a:cxn ang="0">
                  <a:pos x="32" y="72"/>
                </a:cxn>
                <a:cxn ang="0">
                  <a:pos x="29" y="79"/>
                </a:cxn>
                <a:cxn ang="0">
                  <a:pos x="26" y="81"/>
                </a:cxn>
                <a:cxn ang="0">
                  <a:pos x="14" y="82"/>
                </a:cxn>
                <a:cxn ang="0">
                  <a:pos x="2" y="86"/>
                </a:cxn>
                <a:cxn ang="0">
                  <a:pos x="3" y="95"/>
                </a:cxn>
                <a:cxn ang="0">
                  <a:pos x="6" y="100"/>
                </a:cxn>
                <a:cxn ang="0">
                  <a:pos x="8" y="101"/>
                </a:cxn>
                <a:cxn ang="0">
                  <a:pos x="8" y="104"/>
                </a:cxn>
                <a:cxn ang="0">
                  <a:pos x="14" y="109"/>
                </a:cxn>
                <a:cxn ang="0">
                  <a:pos x="17" y="112"/>
                </a:cxn>
                <a:cxn ang="0">
                  <a:pos x="19" y="117"/>
                </a:cxn>
                <a:cxn ang="0">
                  <a:pos x="20" y="112"/>
                </a:cxn>
                <a:cxn ang="0">
                  <a:pos x="23" y="112"/>
                </a:cxn>
                <a:cxn ang="0">
                  <a:pos x="28" y="118"/>
                </a:cxn>
                <a:cxn ang="0">
                  <a:pos x="31" y="109"/>
                </a:cxn>
                <a:cxn ang="0">
                  <a:pos x="32" y="100"/>
                </a:cxn>
                <a:cxn ang="0">
                  <a:pos x="40" y="98"/>
                </a:cxn>
                <a:cxn ang="0">
                  <a:pos x="45" y="96"/>
                </a:cxn>
                <a:cxn ang="0">
                  <a:pos x="52" y="103"/>
                </a:cxn>
                <a:cxn ang="0">
                  <a:pos x="63" y="101"/>
                </a:cxn>
                <a:cxn ang="0">
                  <a:pos x="72" y="107"/>
                </a:cxn>
                <a:cxn ang="0">
                  <a:pos x="84" y="101"/>
                </a:cxn>
                <a:cxn ang="0">
                  <a:pos x="100" y="103"/>
                </a:cxn>
                <a:cxn ang="0">
                  <a:pos x="107" y="98"/>
                </a:cxn>
                <a:cxn ang="0">
                  <a:pos x="121" y="68"/>
                </a:cxn>
                <a:cxn ang="0">
                  <a:pos x="124" y="44"/>
                </a:cxn>
                <a:cxn ang="0">
                  <a:pos x="123" y="27"/>
                </a:cxn>
                <a:cxn ang="0">
                  <a:pos x="118" y="5"/>
                </a:cxn>
                <a:cxn ang="0">
                  <a:pos x="110" y="6"/>
                </a:cxn>
                <a:cxn ang="0">
                  <a:pos x="95" y="0"/>
                </a:cxn>
                <a:cxn ang="0">
                  <a:pos x="60" y="27"/>
                </a:cxn>
                <a:cxn ang="0">
                  <a:pos x="32" y="44"/>
                </a:cxn>
              </a:cxnLst>
              <a:rect l="0" t="0" r="r" b="b"/>
              <a:pathLst>
                <a:path w="129" h="118">
                  <a:moveTo>
                    <a:pt x="32" y="44"/>
                  </a:moveTo>
                  <a:cubicBezTo>
                    <a:pt x="32" y="44"/>
                    <a:pt x="34" y="70"/>
                    <a:pt x="32" y="72"/>
                  </a:cubicBezTo>
                  <a:cubicBezTo>
                    <a:pt x="31" y="75"/>
                    <a:pt x="32" y="79"/>
                    <a:pt x="29" y="79"/>
                  </a:cubicBezTo>
                  <a:cubicBezTo>
                    <a:pt x="26" y="79"/>
                    <a:pt x="28" y="82"/>
                    <a:pt x="26" y="81"/>
                  </a:cubicBezTo>
                  <a:cubicBezTo>
                    <a:pt x="25" y="81"/>
                    <a:pt x="23" y="82"/>
                    <a:pt x="14" y="82"/>
                  </a:cubicBezTo>
                  <a:cubicBezTo>
                    <a:pt x="6" y="82"/>
                    <a:pt x="11" y="87"/>
                    <a:pt x="2" y="86"/>
                  </a:cubicBezTo>
                  <a:cubicBezTo>
                    <a:pt x="0" y="92"/>
                    <a:pt x="2" y="89"/>
                    <a:pt x="3" y="95"/>
                  </a:cubicBezTo>
                  <a:cubicBezTo>
                    <a:pt x="3" y="100"/>
                    <a:pt x="5" y="96"/>
                    <a:pt x="6" y="100"/>
                  </a:cubicBezTo>
                  <a:cubicBezTo>
                    <a:pt x="9" y="101"/>
                    <a:pt x="9" y="103"/>
                    <a:pt x="8" y="101"/>
                  </a:cubicBezTo>
                  <a:cubicBezTo>
                    <a:pt x="6" y="101"/>
                    <a:pt x="6" y="104"/>
                    <a:pt x="8" y="104"/>
                  </a:cubicBezTo>
                  <a:cubicBezTo>
                    <a:pt x="9" y="106"/>
                    <a:pt x="12" y="110"/>
                    <a:pt x="14" y="109"/>
                  </a:cubicBezTo>
                  <a:cubicBezTo>
                    <a:pt x="16" y="106"/>
                    <a:pt x="19" y="110"/>
                    <a:pt x="17" y="112"/>
                  </a:cubicBezTo>
                  <a:cubicBezTo>
                    <a:pt x="16" y="112"/>
                    <a:pt x="17" y="114"/>
                    <a:pt x="19" y="117"/>
                  </a:cubicBezTo>
                  <a:cubicBezTo>
                    <a:pt x="20" y="114"/>
                    <a:pt x="17" y="112"/>
                    <a:pt x="20" y="112"/>
                  </a:cubicBezTo>
                  <a:cubicBezTo>
                    <a:pt x="22" y="112"/>
                    <a:pt x="20" y="109"/>
                    <a:pt x="23" y="112"/>
                  </a:cubicBezTo>
                  <a:cubicBezTo>
                    <a:pt x="26" y="115"/>
                    <a:pt x="26" y="115"/>
                    <a:pt x="28" y="118"/>
                  </a:cubicBezTo>
                  <a:cubicBezTo>
                    <a:pt x="29" y="115"/>
                    <a:pt x="26" y="110"/>
                    <a:pt x="31" y="109"/>
                  </a:cubicBezTo>
                  <a:cubicBezTo>
                    <a:pt x="34" y="106"/>
                    <a:pt x="31" y="103"/>
                    <a:pt x="32" y="100"/>
                  </a:cubicBezTo>
                  <a:cubicBezTo>
                    <a:pt x="35" y="98"/>
                    <a:pt x="35" y="98"/>
                    <a:pt x="40" y="98"/>
                  </a:cubicBezTo>
                  <a:cubicBezTo>
                    <a:pt x="43" y="98"/>
                    <a:pt x="42" y="95"/>
                    <a:pt x="45" y="96"/>
                  </a:cubicBezTo>
                  <a:cubicBezTo>
                    <a:pt x="48" y="98"/>
                    <a:pt x="51" y="96"/>
                    <a:pt x="52" y="103"/>
                  </a:cubicBezTo>
                  <a:cubicBezTo>
                    <a:pt x="55" y="109"/>
                    <a:pt x="60" y="101"/>
                    <a:pt x="63" y="101"/>
                  </a:cubicBezTo>
                  <a:cubicBezTo>
                    <a:pt x="64" y="101"/>
                    <a:pt x="68" y="106"/>
                    <a:pt x="72" y="107"/>
                  </a:cubicBezTo>
                  <a:cubicBezTo>
                    <a:pt x="78" y="107"/>
                    <a:pt x="77" y="103"/>
                    <a:pt x="84" y="101"/>
                  </a:cubicBezTo>
                  <a:cubicBezTo>
                    <a:pt x="94" y="100"/>
                    <a:pt x="98" y="107"/>
                    <a:pt x="100" y="103"/>
                  </a:cubicBezTo>
                  <a:cubicBezTo>
                    <a:pt x="101" y="98"/>
                    <a:pt x="103" y="101"/>
                    <a:pt x="107" y="98"/>
                  </a:cubicBezTo>
                  <a:cubicBezTo>
                    <a:pt x="104" y="89"/>
                    <a:pt x="119" y="70"/>
                    <a:pt x="121" y="68"/>
                  </a:cubicBezTo>
                  <a:cubicBezTo>
                    <a:pt x="123" y="67"/>
                    <a:pt x="124" y="53"/>
                    <a:pt x="124" y="44"/>
                  </a:cubicBezTo>
                  <a:cubicBezTo>
                    <a:pt x="124" y="33"/>
                    <a:pt x="129" y="37"/>
                    <a:pt x="123" y="27"/>
                  </a:cubicBezTo>
                  <a:cubicBezTo>
                    <a:pt x="118" y="17"/>
                    <a:pt x="123" y="14"/>
                    <a:pt x="118" y="5"/>
                  </a:cubicBezTo>
                  <a:cubicBezTo>
                    <a:pt x="112" y="9"/>
                    <a:pt x="113" y="11"/>
                    <a:pt x="110" y="6"/>
                  </a:cubicBezTo>
                  <a:cubicBezTo>
                    <a:pt x="107" y="2"/>
                    <a:pt x="98" y="3"/>
                    <a:pt x="95" y="0"/>
                  </a:cubicBezTo>
                  <a:cubicBezTo>
                    <a:pt x="90" y="3"/>
                    <a:pt x="69" y="19"/>
                    <a:pt x="60" y="27"/>
                  </a:cubicBezTo>
                  <a:cubicBezTo>
                    <a:pt x="51" y="33"/>
                    <a:pt x="54" y="44"/>
                    <a:pt x="32" y="44"/>
                  </a:cubicBezTo>
                </a:path>
              </a:pathLst>
            </a:custGeom>
            <a:solidFill>
              <a:schemeClr val="accent5"/>
            </a:solidFill>
            <a:ln w="6350" cmpd="sng">
              <a:solidFill>
                <a:schemeClr val="bg1"/>
              </a:solidFill>
              <a:round/>
              <a:headEnd/>
              <a:tailEnd/>
            </a:ln>
          </p:spPr>
          <p:txBody>
            <a:bodyPr/>
            <a:lstStyle/>
            <a:p>
              <a:endParaRPr lang="en-GB" sz="1633" dirty="0"/>
            </a:p>
          </p:txBody>
        </p:sp>
        <p:sp>
          <p:nvSpPr>
            <p:cNvPr id="160" name="Freeform 111"/>
            <p:cNvSpPr>
              <a:spLocks/>
            </p:cNvSpPr>
            <p:nvPr/>
          </p:nvSpPr>
          <p:spPr bwMode="auto">
            <a:xfrm>
              <a:off x="5218838" y="4358229"/>
              <a:ext cx="414549" cy="477205"/>
            </a:xfrm>
            <a:custGeom>
              <a:avLst/>
              <a:gdLst/>
              <a:ahLst/>
              <a:cxnLst>
                <a:cxn ang="0">
                  <a:pos x="101" y="101"/>
                </a:cxn>
                <a:cxn ang="0">
                  <a:pos x="113" y="98"/>
                </a:cxn>
                <a:cxn ang="0">
                  <a:pos x="126" y="97"/>
                </a:cxn>
                <a:cxn ang="0">
                  <a:pos x="129" y="95"/>
                </a:cxn>
                <a:cxn ang="0">
                  <a:pos x="132" y="87"/>
                </a:cxn>
                <a:cxn ang="0">
                  <a:pos x="132" y="59"/>
                </a:cxn>
                <a:cxn ang="0">
                  <a:pos x="124" y="59"/>
                </a:cxn>
                <a:cxn ang="0">
                  <a:pos x="121" y="51"/>
                </a:cxn>
                <a:cxn ang="0">
                  <a:pos x="115" y="48"/>
                </a:cxn>
                <a:cxn ang="0">
                  <a:pos x="110" y="44"/>
                </a:cxn>
                <a:cxn ang="0">
                  <a:pos x="107" y="39"/>
                </a:cxn>
                <a:cxn ang="0">
                  <a:pos x="61" y="0"/>
                </a:cxn>
                <a:cxn ang="0">
                  <a:pos x="46" y="0"/>
                </a:cxn>
                <a:cxn ang="0">
                  <a:pos x="54" y="86"/>
                </a:cxn>
                <a:cxn ang="0">
                  <a:pos x="55" y="97"/>
                </a:cxn>
                <a:cxn ang="0">
                  <a:pos x="26" y="97"/>
                </a:cxn>
                <a:cxn ang="0">
                  <a:pos x="23" y="97"/>
                </a:cxn>
                <a:cxn ang="0">
                  <a:pos x="16" y="97"/>
                </a:cxn>
                <a:cxn ang="0">
                  <a:pos x="11" y="100"/>
                </a:cxn>
                <a:cxn ang="0">
                  <a:pos x="5" y="97"/>
                </a:cxn>
                <a:cxn ang="0">
                  <a:pos x="2" y="104"/>
                </a:cxn>
                <a:cxn ang="0">
                  <a:pos x="3" y="111"/>
                </a:cxn>
                <a:cxn ang="0">
                  <a:pos x="3" y="115"/>
                </a:cxn>
                <a:cxn ang="0">
                  <a:pos x="8" y="120"/>
                </a:cxn>
                <a:cxn ang="0">
                  <a:pos x="8" y="126"/>
                </a:cxn>
                <a:cxn ang="0">
                  <a:pos x="11" y="129"/>
                </a:cxn>
                <a:cxn ang="0">
                  <a:pos x="13" y="131"/>
                </a:cxn>
                <a:cxn ang="0">
                  <a:pos x="20" y="129"/>
                </a:cxn>
                <a:cxn ang="0">
                  <a:pos x="23" y="128"/>
                </a:cxn>
                <a:cxn ang="0">
                  <a:pos x="26" y="126"/>
                </a:cxn>
                <a:cxn ang="0">
                  <a:pos x="28" y="131"/>
                </a:cxn>
                <a:cxn ang="0">
                  <a:pos x="29" y="134"/>
                </a:cxn>
                <a:cxn ang="0">
                  <a:pos x="31" y="137"/>
                </a:cxn>
                <a:cxn ang="0">
                  <a:pos x="31" y="140"/>
                </a:cxn>
                <a:cxn ang="0">
                  <a:pos x="32" y="145"/>
                </a:cxn>
                <a:cxn ang="0">
                  <a:pos x="35" y="150"/>
                </a:cxn>
                <a:cxn ang="0">
                  <a:pos x="45" y="148"/>
                </a:cxn>
                <a:cxn ang="0">
                  <a:pos x="49" y="146"/>
                </a:cxn>
                <a:cxn ang="0">
                  <a:pos x="55" y="146"/>
                </a:cxn>
                <a:cxn ang="0">
                  <a:pos x="55" y="140"/>
                </a:cxn>
                <a:cxn ang="0">
                  <a:pos x="57" y="132"/>
                </a:cxn>
                <a:cxn ang="0">
                  <a:pos x="63" y="129"/>
                </a:cxn>
                <a:cxn ang="0">
                  <a:pos x="63" y="125"/>
                </a:cxn>
                <a:cxn ang="0">
                  <a:pos x="66" y="122"/>
                </a:cxn>
                <a:cxn ang="0">
                  <a:pos x="66" y="117"/>
                </a:cxn>
                <a:cxn ang="0">
                  <a:pos x="69" y="118"/>
                </a:cxn>
                <a:cxn ang="0">
                  <a:pos x="72" y="115"/>
                </a:cxn>
                <a:cxn ang="0">
                  <a:pos x="77" y="114"/>
                </a:cxn>
                <a:cxn ang="0">
                  <a:pos x="81" y="109"/>
                </a:cxn>
                <a:cxn ang="0">
                  <a:pos x="86" y="104"/>
                </a:cxn>
                <a:cxn ang="0">
                  <a:pos x="95" y="100"/>
                </a:cxn>
                <a:cxn ang="0">
                  <a:pos x="98" y="101"/>
                </a:cxn>
                <a:cxn ang="0">
                  <a:pos x="101" y="101"/>
                </a:cxn>
              </a:cxnLst>
              <a:rect l="0" t="0" r="r" b="b"/>
              <a:pathLst>
                <a:path w="133" h="153">
                  <a:moveTo>
                    <a:pt x="101" y="101"/>
                  </a:moveTo>
                  <a:cubicBezTo>
                    <a:pt x="110" y="103"/>
                    <a:pt x="106" y="98"/>
                    <a:pt x="113" y="98"/>
                  </a:cubicBezTo>
                  <a:cubicBezTo>
                    <a:pt x="123" y="98"/>
                    <a:pt x="124" y="97"/>
                    <a:pt x="126" y="97"/>
                  </a:cubicBezTo>
                  <a:cubicBezTo>
                    <a:pt x="127" y="98"/>
                    <a:pt x="126" y="95"/>
                    <a:pt x="129" y="95"/>
                  </a:cubicBezTo>
                  <a:cubicBezTo>
                    <a:pt x="132" y="95"/>
                    <a:pt x="130" y="90"/>
                    <a:pt x="132" y="87"/>
                  </a:cubicBezTo>
                  <a:cubicBezTo>
                    <a:pt x="133" y="86"/>
                    <a:pt x="132" y="59"/>
                    <a:pt x="132" y="59"/>
                  </a:cubicBezTo>
                  <a:cubicBezTo>
                    <a:pt x="124" y="62"/>
                    <a:pt x="123" y="61"/>
                    <a:pt x="124" y="59"/>
                  </a:cubicBezTo>
                  <a:cubicBezTo>
                    <a:pt x="126" y="56"/>
                    <a:pt x="126" y="51"/>
                    <a:pt x="121" y="51"/>
                  </a:cubicBezTo>
                  <a:cubicBezTo>
                    <a:pt x="116" y="51"/>
                    <a:pt x="120" y="48"/>
                    <a:pt x="115" y="48"/>
                  </a:cubicBezTo>
                  <a:cubicBezTo>
                    <a:pt x="112" y="50"/>
                    <a:pt x="113" y="45"/>
                    <a:pt x="110" y="44"/>
                  </a:cubicBezTo>
                  <a:cubicBezTo>
                    <a:pt x="107" y="42"/>
                    <a:pt x="110" y="42"/>
                    <a:pt x="107" y="39"/>
                  </a:cubicBezTo>
                  <a:cubicBezTo>
                    <a:pt x="106" y="37"/>
                    <a:pt x="61" y="0"/>
                    <a:pt x="61" y="0"/>
                  </a:cubicBezTo>
                  <a:cubicBezTo>
                    <a:pt x="46" y="0"/>
                    <a:pt x="46" y="0"/>
                    <a:pt x="46" y="0"/>
                  </a:cubicBezTo>
                  <a:cubicBezTo>
                    <a:pt x="46" y="0"/>
                    <a:pt x="54" y="81"/>
                    <a:pt x="54" y="86"/>
                  </a:cubicBezTo>
                  <a:cubicBezTo>
                    <a:pt x="55" y="90"/>
                    <a:pt x="58" y="83"/>
                    <a:pt x="55" y="97"/>
                  </a:cubicBezTo>
                  <a:cubicBezTo>
                    <a:pt x="55" y="97"/>
                    <a:pt x="31" y="97"/>
                    <a:pt x="26" y="97"/>
                  </a:cubicBezTo>
                  <a:cubicBezTo>
                    <a:pt x="23" y="97"/>
                    <a:pt x="25" y="93"/>
                    <a:pt x="23" y="97"/>
                  </a:cubicBezTo>
                  <a:cubicBezTo>
                    <a:pt x="23" y="98"/>
                    <a:pt x="19" y="98"/>
                    <a:pt x="16" y="97"/>
                  </a:cubicBezTo>
                  <a:cubicBezTo>
                    <a:pt x="11" y="95"/>
                    <a:pt x="13" y="103"/>
                    <a:pt x="11" y="100"/>
                  </a:cubicBezTo>
                  <a:cubicBezTo>
                    <a:pt x="10" y="97"/>
                    <a:pt x="8" y="92"/>
                    <a:pt x="5" y="97"/>
                  </a:cubicBezTo>
                  <a:cubicBezTo>
                    <a:pt x="2" y="101"/>
                    <a:pt x="8" y="101"/>
                    <a:pt x="2" y="104"/>
                  </a:cubicBezTo>
                  <a:cubicBezTo>
                    <a:pt x="0" y="109"/>
                    <a:pt x="3" y="106"/>
                    <a:pt x="3" y="111"/>
                  </a:cubicBezTo>
                  <a:cubicBezTo>
                    <a:pt x="3" y="115"/>
                    <a:pt x="2" y="112"/>
                    <a:pt x="3" y="115"/>
                  </a:cubicBezTo>
                  <a:cubicBezTo>
                    <a:pt x="5" y="120"/>
                    <a:pt x="5" y="115"/>
                    <a:pt x="8" y="120"/>
                  </a:cubicBezTo>
                  <a:cubicBezTo>
                    <a:pt x="10" y="123"/>
                    <a:pt x="8" y="123"/>
                    <a:pt x="8" y="126"/>
                  </a:cubicBezTo>
                  <a:cubicBezTo>
                    <a:pt x="6" y="131"/>
                    <a:pt x="10" y="132"/>
                    <a:pt x="11" y="129"/>
                  </a:cubicBezTo>
                  <a:cubicBezTo>
                    <a:pt x="11" y="128"/>
                    <a:pt x="13" y="129"/>
                    <a:pt x="13" y="131"/>
                  </a:cubicBezTo>
                  <a:cubicBezTo>
                    <a:pt x="16" y="134"/>
                    <a:pt x="14" y="126"/>
                    <a:pt x="20" y="129"/>
                  </a:cubicBezTo>
                  <a:cubicBezTo>
                    <a:pt x="23" y="132"/>
                    <a:pt x="22" y="129"/>
                    <a:pt x="23" y="128"/>
                  </a:cubicBezTo>
                  <a:cubicBezTo>
                    <a:pt x="26" y="128"/>
                    <a:pt x="22" y="125"/>
                    <a:pt x="26" y="126"/>
                  </a:cubicBezTo>
                  <a:cubicBezTo>
                    <a:pt x="29" y="128"/>
                    <a:pt x="28" y="129"/>
                    <a:pt x="28" y="131"/>
                  </a:cubicBezTo>
                  <a:cubicBezTo>
                    <a:pt x="29" y="131"/>
                    <a:pt x="28" y="134"/>
                    <a:pt x="29" y="134"/>
                  </a:cubicBezTo>
                  <a:cubicBezTo>
                    <a:pt x="31" y="134"/>
                    <a:pt x="34" y="137"/>
                    <a:pt x="31" y="137"/>
                  </a:cubicBezTo>
                  <a:cubicBezTo>
                    <a:pt x="29" y="139"/>
                    <a:pt x="29" y="143"/>
                    <a:pt x="31" y="140"/>
                  </a:cubicBezTo>
                  <a:cubicBezTo>
                    <a:pt x="32" y="139"/>
                    <a:pt x="34" y="140"/>
                    <a:pt x="32" y="145"/>
                  </a:cubicBezTo>
                  <a:cubicBezTo>
                    <a:pt x="32" y="148"/>
                    <a:pt x="34" y="145"/>
                    <a:pt x="35" y="150"/>
                  </a:cubicBezTo>
                  <a:cubicBezTo>
                    <a:pt x="42" y="142"/>
                    <a:pt x="40" y="153"/>
                    <a:pt x="45" y="148"/>
                  </a:cubicBezTo>
                  <a:cubicBezTo>
                    <a:pt x="48" y="143"/>
                    <a:pt x="49" y="140"/>
                    <a:pt x="49" y="146"/>
                  </a:cubicBezTo>
                  <a:cubicBezTo>
                    <a:pt x="49" y="151"/>
                    <a:pt x="52" y="146"/>
                    <a:pt x="55" y="146"/>
                  </a:cubicBezTo>
                  <a:cubicBezTo>
                    <a:pt x="57" y="142"/>
                    <a:pt x="54" y="140"/>
                    <a:pt x="55" y="140"/>
                  </a:cubicBezTo>
                  <a:cubicBezTo>
                    <a:pt x="57" y="139"/>
                    <a:pt x="57" y="134"/>
                    <a:pt x="57" y="132"/>
                  </a:cubicBezTo>
                  <a:cubicBezTo>
                    <a:pt x="55" y="131"/>
                    <a:pt x="61" y="132"/>
                    <a:pt x="63" y="129"/>
                  </a:cubicBezTo>
                  <a:cubicBezTo>
                    <a:pt x="65" y="126"/>
                    <a:pt x="65" y="126"/>
                    <a:pt x="63" y="125"/>
                  </a:cubicBezTo>
                  <a:cubicBezTo>
                    <a:pt x="63" y="123"/>
                    <a:pt x="68" y="125"/>
                    <a:pt x="66" y="122"/>
                  </a:cubicBezTo>
                  <a:cubicBezTo>
                    <a:pt x="65" y="120"/>
                    <a:pt x="65" y="118"/>
                    <a:pt x="66" y="117"/>
                  </a:cubicBezTo>
                  <a:cubicBezTo>
                    <a:pt x="68" y="115"/>
                    <a:pt x="66" y="118"/>
                    <a:pt x="69" y="118"/>
                  </a:cubicBezTo>
                  <a:cubicBezTo>
                    <a:pt x="72" y="120"/>
                    <a:pt x="72" y="117"/>
                    <a:pt x="72" y="115"/>
                  </a:cubicBezTo>
                  <a:cubicBezTo>
                    <a:pt x="72" y="112"/>
                    <a:pt x="77" y="117"/>
                    <a:pt x="77" y="114"/>
                  </a:cubicBezTo>
                  <a:cubicBezTo>
                    <a:pt x="77" y="109"/>
                    <a:pt x="78" y="108"/>
                    <a:pt x="81" y="109"/>
                  </a:cubicBezTo>
                  <a:cubicBezTo>
                    <a:pt x="84" y="111"/>
                    <a:pt x="81" y="106"/>
                    <a:pt x="86" y="104"/>
                  </a:cubicBezTo>
                  <a:cubicBezTo>
                    <a:pt x="95" y="101"/>
                    <a:pt x="92" y="98"/>
                    <a:pt x="95" y="100"/>
                  </a:cubicBezTo>
                  <a:cubicBezTo>
                    <a:pt x="97" y="101"/>
                    <a:pt x="97" y="100"/>
                    <a:pt x="98" y="101"/>
                  </a:cubicBezTo>
                  <a:cubicBezTo>
                    <a:pt x="100" y="101"/>
                    <a:pt x="100" y="101"/>
                    <a:pt x="101" y="101"/>
                  </a:cubicBezTo>
                </a:path>
              </a:pathLst>
            </a:custGeom>
            <a:solidFill>
              <a:schemeClr val="accent5"/>
            </a:solidFill>
            <a:ln w="6350" cmpd="sng">
              <a:solidFill>
                <a:schemeClr val="bg1"/>
              </a:solidFill>
              <a:round/>
              <a:headEnd/>
              <a:tailEnd/>
            </a:ln>
          </p:spPr>
          <p:txBody>
            <a:bodyPr/>
            <a:lstStyle/>
            <a:p>
              <a:endParaRPr lang="en-GB" sz="1633" dirty="0"/>
            </a:p>
          </p:txBody>
        </p:sp>
        <p:sp>
          <p:nvSpPr>
            <p:cNvPr id="161" name="Freeform 112"/>
            <p:cNvSpPr>
              <a:spLocks/>
            </p:cNvSpPr>
            <p:nvPr/>
          </p:nvSpPr>
          <p:spPr bwMode="auto">
            <a:xfrm>
              <a:off x="5101543" y="4287531"/>
              <a:ext cx="308502" cy="398474"/>
            </a:xfrm>
            <a:custGeom>
              <a:avLst/>
              <a:gdLst/>
              <a:ahLst/>
              <a:cxnLst>
                <a:cxn ang="0">
                  <a:pos x="7" y="112"/>
                </a:cxn>
                <a:cxn ang="0">
                  <a:pos x="22" y="109"/>
                </a:cxn>
                <a:cxn ang="0">
                  <a:pos x="29" y="114"/>
                </a:cxn>
                <a:cxn ang="0">
                  <a:pos x="40" y="128"/>
                </a:cxn>
                <a:cxn ang="0">
                  <a:pos x="43" y="120"/>
                </a:cxn>
                <a:cxn ang="0">
                  <a:pos x="49" y="123"/>
                </a:cxn>
                <a:cxn ang="0">
                  <a:pos x="54" y="120"/>
                </a:cxn>
                <a:cxn ang="0">
                  <a:pos x="61" y="120"/>
                </a:cxn>
                <a:cxn ang="0">
                  <a:pos x="64" y="120"/>
                </a:cxn>
                <a:cxn ang="0">
                  <a:pos x="93" y="120"/>
                </a:cxn>
                <a:cxn ang="0">
                  <a:pos x="92" y="109"/>
                </a:cxn>
                <a:cxn ang="0">
                  <a:pos x="84" y="23"/>
                </a:cxn>
                <a:cxn ang="0">
                  <a:pos x="99" y="23"/>
                </a:cxn>
                <a:cxn ang="0">
                  <a:pos x="67" y="0"/>
                </a:cxn>
                <a:cxn ang="0">
                  <a:pos x="67" y="14"/>
                </a:cxn>
                <a:cxn ang="0">
                  <a:pos x="42" y="14"/>
                </a:cxn>
                <a:cxn ang="0">
                  <a:pos x="42" y="39"/>
                </a:cxn>
                <a:cxn ang="0">
                  <a:pos x="34" y="61"/>
                </a:cxn>
                <a:cxn ang="0">
                  <a:pos x="3" y="61"/>
                </a:cxn>
                <a:cxn ang="0">
                  <a:pos x="2" y="67"/>
                </a:cxn>
                <a:cxn ang="0">
                  <a:pos x="3" y="64"/>
                </a:cxn>
                <a:cxn ang="0">
                  <a:pos x="5" y="69"/>
                </a:cxn>
                <a:cxn ang="0">
                  <a:pos x="8" y="75"/>
                </a:cxn>
                <a:cxn ang="0">
                  <a:pos x="7" y="81"/>
                </a:cxn>
                <a:cxn ang="0">
                  <a:pos x="8" y="101"/>
                </a:cxn>
                <a:cxn ang="0">
                  <a:pos x="7" y="112"/>
                </a:cxn>
              </a:cxnLst>
              <a:rect l="0" t="0" r="r" b="b"/>
              <a:pathLst>
                <a:path w="99" h="128">
                  <a:moveTo>
                    <a:pt x="7" y="112"/>
                  </a:moveTo>
                  <a:cubicBezTo>
                    <a:pt x="7" y="107"/>
                    <a:pt x="17" y="109"/>
                    <a:pt x="22" y="109"/>
                  </a:cubicBezTo>
                  <a:cubicBezTo>
                    <a:pt x="25" y="107"/>
                    <a:pt x="28" y="112"/>
                    <a:pt x="29" y="114"/>
                  </a:cubicBezTo>
                  <a:cubicBezTo>
                    <a:pt x="32" y="115"/>
                    <a:pt x="37" y="125"/>
                    <a:pt x="40" y="128"/>
                  </a:cubicBezTo>
                  <a:cubicBezTo>
                    <a:pt x="46" y="125"/>
                    <a:pt x="40" y="125"/>
                    <a:pt x="43" y="120"/>
                  </a:cubicBezTo>
                  <a:cubicBezTo>
                    <a:pt x="46" y="115"/>
                    <a:pt x="48" y="120"/>
                    <a:pt x="49" y="123"/>
                  </a:cubicBezTo>
                  <a:cubicBezTo>
                    <a:pt x="51" y="126"/>
                    <a:pt x="49" y="118"/>
                    <a:pt x="54" y="120"/>
                  </a:cubicBezTo>
                  <a:cubicBezTo>
                    <a:pt x="57" y="121"/>
                    <a:pt x="61" y="121"/>
                    <a:pt x="61" y="120"/>
                  </a:cubicBezTo>
                  <a:cubicBezTo>
                    <a:pt x="63" y="117"/>
                    <a:pt x="61" y="120"/>
                    <a:pt x="64" y="120"/>
                  </a:cubicBezTo>
                  <a:cubicBezTo>
                    <a:pt x="69" y="120"/>
                    <a:pt x="93" y="120"/>
                    <a:pt x="93" y="120"/>
                  </a:cubicBezTo>
                  <a:cubicBezTo>
                    <a:pt x="96" y="106"/>
                    <a:pt x="93" y="114"/>
                    <a:pt x="92" y="109"/>
                  </a:cubicBezTo>
                  <a:cubicBezTo>
                    <a:pt x="92" y="104"/>
                    <a:pt x="84" y="23"/>
                    <a:pt x="84" y="23"/>
                  </a:cubicBezTo>
                  <a:cubicBezTo>
                    <a:pt x="99" y="23"/>
                    <a:pt x="99" y="23"/>
                    <a:pt x="99" y="23"/>
                  </a:cubicBezTo>
                  <a:cubicBezTo>
                    <a:pt x="67" y="0"/>
                    <a:pt x="67" y="0"/>
                    <a:pt x="67" y="0"/>
                  </a:cubicBezTo>
                  <a:cubicBezTo>
                    <a:pt x="67" y="14"/>
                    <a:pt x="67" y="14"/>
                    <a:pt x="67" y="14"/>
                  </a:cubicBezTo>
                  <a:cubicBezTo>
                    <a:pt x="42" y="14"/>
                    <a:pt x="42" y="14"/>
                    <a:pt x="42" y="14"/>
                  </a:cubicBezTo>
                  <a:cubicBezTo>
                    <a:pt x="42" y="39"/>
                    <a:pt x="42" y="39"/>
                    <a:pt x="42" y="39"/>
                  </a:cubicBezTo>
                  <a:cubicBezTo>
                    <a:pt x="32" y="44"/>
                    <a:pt x="31" y="42"/>
                    <a:pt x="34" y="61"/>
                  </a:cubicBezTo>
                  <a:cubicBezTo>
                    <a:pt x="34" y="61"/>
                    <a:pt x="5" y="61"/>
                    <a:pt x="3" y="61"/>
                  </a:cubicBezTo>
                  <a:cubicBezTo>
                    <a:pt x="2" y="61"/>
                    <a:pt x="0" y="64"/>
                    <a:pt x="2" y="67"/>
                  </a:cubicBezTo>
                  <a:cubicBezTo>
                    <a:pt x="3" y="67"/>
                    <a:pt x="2" y="62"/>
                    <a:pt x="3" y="64"/>
                  </a:cubicBezTo>
                  <a:cubicBezTo>
                    <a:pt x="5" y="64"/>
                    <a:pt x="3" y="69"/>
                    <a:pt x="5" y="69"/>
                  </a:cubicBezTo>
                  <a:cubicBezTo>
                    <a:pt x="7" y="67"/>
                    <a:pt x="8" y="72"/>
                    <a:pt x="8" y="75"/>
                  </a:cubicBezTo>
                  <a:cubicBezTo>
                    <a:pt x="8" y="79"/>
                    <a:pt x="3" y="79"/>
                    <a:pt x="7" y="81"/>
                  </a:cubicBezTo>
                  <a:cubicBezTo>
                    <a:pt x="8" y="82"/>
                    <a:pt x="11" y="93"/>
                    <a:pt x="8" y="101"/>
                  </a:cubicBezTo>
                  <a:cubicBezTo>
                    <a:pt x="7" y="107"/>
                    <a:pt x="5" y="109"/>
                    <a:pt x="7" y="112"/>
                  </a:cubicBezTo>
                </a:path>
              </a:pathLst>
            </a:custGeom>
            <a:solidFill>
              <a:schemeClr val="accent5"/>
            </a:solidFill>
            <a:ln w="6350" cmpd="sng">
              <a:solidFill>
                <a:schemeClr val="bg1"/>
              </a:solidFill>
              <a:round/>
              <a:headEnd/>
              <a:tailEnd/>
            </a:ln>
          </p:spPr>
          <p:txBody>
            <a:bodyPr/>
            <a:lstStyle/>
            <a:p>
              <a:endParaRPr lang="en-GB" sz="1633" dirty="0"/>
            </a:p>
          </p:txBody>
        </p:sp>
        <p:sp>
          <p:nvSpPr>
            <p:cNvPr id="162" name="Freeform 113"/>
            <p:cNvSpPr>
              <a:spLocks/>
            </p:cNvSpPr>
            <p:nvPr/>
          </p:nvSpPr>
          <p:spPr bwMode="auto">
            <a:xfrm>
              <a:off x="5596432" y="4705287"/>
              <a:ext cx="298861" cy="298855"/>
            </a:xfrm>
            <a:custGeom>
              <a:avLst/>
              <a:gdLst/>
              <a:ahLst/>
              <a:cxnLst>
                <a:cxn ang="0">
                  <a:pos x="90" y="9"/>
                </a:cxn>
                <a:cxn ang="0">
                  <a:pos x="93" y="22"/>
                </a:cxn>
                <a:cxn ang="0">
                  <a:pos x="84" y="39"/>
                </a:cxn>
                <a:cxn ang="0">
                  <a:pos x="77" y="54"/>
                </a:cxn>
                <a:cxn ang="0">
                  <a:pos x="70" y="70"/>
                </a:cxn>
                <a:cxn ang="0">
                  <a:pos x="64" y="71"/>
                </a:cxn>
                <a:cxn ang="0">
                  <a:pos x="56" y="73"/>
                </a:cxn>
                <a:cxn ang="0">
                  <a:pos x="50" y="79"/>
                </a:cxn>
                <a:cxn ang="0">
                  <a:pos x="45" y="92"/>
                </a:cxn>
                <a:cxn ang="0">
                  <a:pos x="42" y="88"/>
                </a:cxn>
                <a:cxn ang="0">
                  <a:pos x="35" y="93"/>
                </a:cxn>
                <a:cxn ang="0">
                  <a:pos x="32" y="95"/>
                </a:cxn>
                <a:cxn ang="0">
                  <a:pos x="26" y="96"/>
                </a:cxn>
                <a:cxn ang="0">
                  <a:pos x="18" y="81"/>
                </a:cxn>
                <a:cxn ang="0">
                  <a:pos x="9" y="75"/>
                </a:cxn>
                <a:cxn ang="0">
                  <a:pos x="4" y="75"/>
                </a:cxn>
                <a:cxn ang="0">
                  <a:pos x="0" y="76"/>
                </a:cxn>
                <a:cxn ang="0">
                  <a:pos x="0" y="54"/>
                </a:cxn>
                <a:cxn ang="0">
                  <a:pos x="3" y="47"/>
                </a:cxn>
                <a:cxn ang="0">
                  <a:pos x="7" y="36"/>
                </a:cxn>
                <a:cxn ang="0">
                  <a:pos x="6" y="23"/>
                </a:cxn>
                <a:cxn ang="0">
                  <a:pos x="9" y="14"/>
                </a:cxn>
                <a:cxn ang="0">
                  <a:pos x="10" y="5"/>
                </a:cxn>
                <a:cxn ang="0">
                  <a:pos x="18" y="3"/>
                </a:cxn>
                <a:cxn ang="0">
                  <a:pos x="23" y="2"/>
                </a:cxn>
                <a:cxn ang="0">
                  <a:pos x="30" y="8"/>
                </a:cxn>
                <a:cxn ang="0">
                  <a:pos x="41" y="6"/>
                </a:cxn>
                <a:cxn ang="0">
                  <a:pos x="50" y="13"/>
                </a:cxn>
                <a:cxn ang="0">
                  <a:pos x="62" y="6"/>
                </a:cxn>
                <a:cxn ang="0">
                  <a:pos x="77" y="8"/>
                </a:cxn>
                <a:cxn ang="0">
                  <a:pos x="85" y="3"/>
                </a:cxn>
                <a:cxn ang="0">
                  <a:pos x="90" y="9"/>
                </a:cxn>
              </a:cxnLst>
              <a:rect l="0" t="0" r="r" b="b"/>
              <a:pathLst>
                <a:path w="96" h="96">
                  <a:moveTo>
                    <a:pt x="90" y="9"/>
                  </a:moveTo>
                  <a:cubicBezTo>
                    <a:pt x="88" y="22"/>
                    <a:pt x="96" y="14"/>
                    <a:pt x="93" y="22"/>
                  </a:cubicBezTo>
                  <a:cubicBezTo>
                    <a:pt x="91" y="31"/>
                    <a:pt x="88" y="23"/>
                    <a:pt x="84" y="39"/>
                  </a:cubicBezTo>
                  <a:cubicBezTo>
                    <a:pt x="80" y="53"/>
                    <a:pt x="80" y="53"/>
                    <a:pt x="77" y="54"/>
                  </a:cubicBezTo>
                  <a:cubicBezTo>
                    <a:pt x="74" y="56"/>
                    <a:pt x="73" y="65"/>
                    <a:pt x="70" y="70"/>
                  </a:cubicBezTo>
                  <a:cubicBezTo>
                    <a:pt x="67" y="76"/>
                    <a:pt x="68" y="76"/>
                    <a:pt x="64" y="71"/>
                  </a:cubicBezTo>
                  <a:cubicBezTo>
                    <a:pt x="61" y="67"/>
                    <a:pt x="56" y="68"/>
                    <a:pt x="56" y="73"/>
                  </a:cubicBezTo>
                  <a:cubicBezTo>
                    <a:pt x="55" y="76"/>
                    <a:pt x="52" y="73"/>
                    <a:pt x="50" y="79"/>
                  </a:cubicBezTo>
                  <a:cubicBezTo>
                    <a:pt x="47" y="84"/>
                    <a:pt x="49" y="85"/>
                    <a:pt x="45" y="92"/>
                  </a:cubicBezTo>
                  <a:cubicBezTo>
                    <a:pt x="42" y="88"/>
                    <a:pt x="42" y="88"/>
                    <a:pt x="42" y="88"/>
                  </a:cubicBezTo>
                  <a:cubicBezTo>
                    <a:pt x="47" y="95"/>
                    <a:pt x="36" y="95"/>
                    <a:pt x="35" y="93"/>
                  </a:cubicBezTo>
                  <a:cubicBezTo>
                    <a:pt x="33" y="92"/>
                    <a:pt x="36" y="95"/>
                    <a:pt x="32" y="95"/>
                  </a:cubicBezTo>
                  <a:cubicBezTo>
                    <a:pt x="30" y="96"/>
                    <a:pt x="30" y="96"/>
                    <a:pt x="26" y="96"/>
                  </a:cubicBezTo>
                  <a:cubicBezTo>
                    <a:pt x="21" y="96"/>
                    <a:pt x="20" y="84"/>
                    <a:pt x="18" y="81"/>
                  </a:cubicBezTo>
                  <a:cubicBezTo>
                    <a:pt x="13" y="76"/>
                    <a:pt x="12" y="75"/>
                    <a:pt x="9" y="75"/>
                  </a:cubicBezTo>
                  <a:cubicBezTo>
                    <a:pt x="4" y="76"/>
                    <a:pt x="6" y="73"/>
                    <a:pt x="4" y="75"/>
                  </a:cubicBezTo>
                  <a:cubicBezTo>
                    <a:pt x="4" y="76"/>
                    <a:pt x="3" y="76"/>
                    <a:pt x="0" y="76"/>
                  </a:cubicBezTo>
                  <a:cubicBezTo>
                    <a:pt x="1" y="67"/>
                    <a:pt x="0" y="62"/>
                    <a:pt x="0" y="54"/>
                  </a:cubicBezTo>
                  <a:cubicBezTo>
                    <a:pt x="0" y="47"/>
                    <a:pt x="1" y="51"/>
                    <a:pt x="3" y="47"/>
                  </a:cubicBezTo>
                  <a:cubicBezTo>
                    <a:pt x="3" y="42"/>
                    <a:pt x="4" y="44"/>
                    <a:pt x="7" y="36"/>
                  </a:cubicBezTo>
                  <a:cubicBezTo>
                    <a:pt x="10" y="28"/>
                    <a:pt x="4" y="28"/>
                    <a:pt x="6" y="23"/>
                  </a:cubicBezTo>
                  <a:cubicBezTo>
                    <a:pt x="7" y="20"/>
                    <a:pt x="4" y="16"/>
                    <a:pt x="9" y="14"/>
                  </a:cubicBezTo>
                  <a:cubicBezTo>
                    <a:pt x="12" y="11"/>
                    <a:pt x="9" y="8"/>
                    <a:pt x="10" y="5"/>
                  </a:cubicBezTo>
                  <a:cubicBezTo>
                    <a:pt x="13" y="3"/>
                    <a:pt x="13" y="3"/>
                    <a:pt x="18" y="3"/>
                  </a:cubicBezTo>
                  <a:cubicBezTo>
                    <a:pt x="21" y="3"/>
                    <a:pt x="20" y="0"/>
                    <a:pt x="23" y="2"/>
                  </a:cubicBezTo>
                  <a:cubicBezTo>
                    <a:pt x="26" y="3"/>
                    <a:pt x="29" y="2"/>
                    <a:pt x="30" y="8"/>
                  </a:cubicBezTo>
                  <a:cubicBezTo>
                    <a:pt x="33" y="14"/>
                    <a:pt x="38" y="6"/>
                    <a:pt x="41" y="6"/>
                  </a:cubicBezTo>
                  <a:cubicBezTo>
                    <a:pt x="42" y="6"/>
                    <a:pt x="45" y="11"/>
                    <a:pt x="50" y="13"/>
                  </a:cubicBezTo>
                  <a:cubicBezTo>
                    <a:pt x="56" y="13"/>
                    <a:pt x="55" y="8"/>
                    <a:pt x="62" y="6"/>
                  </a:cubicBezTo>
                  <a:cubicBezTo>
                    <a:pt x="71" y="5"/>
                    <a:pt x="76" y="13"/>
                    <a:pt x="77" y="8"/>
                  </a:cubicBezTo>
                  <a:cubicBezTo>
                    <a:pt x="79" y="3"/>
                    <a:pt x="80" y="6"/>
                    <a:pt x="85" y="3"/>
                  </a:cubicBezTo>
                  <a:cubicBezTo>
                    <a:pt x="90" y="9"/>
                    <a:pt x="90" y="9"/>
                    <a:pt x="90" y="9"/>
                  </a:cubicBezTo>
                  <a:close/>
                </a:path>
              </a:pathLst>
            </a:custGeom>
            <a:solidFill>
              <a:schemeClr val="accent5"/>
            </a:solidFill>
            <a:ln w="6350" cmpd="sng">
              <a:solidFill>
                <a:schemeClr val="bg1"/>
              </a:solidFill>
              <a:round/>
              <a:headEnd/>
              <a:tailEnd/>
            </a:ln>
          </p:spPr>
          <p:txBody>
            <a:bodyPr/>
            <a:lstStyle/>
            <a:p>
              <a:endParaRPr lang="en-GB" sz="1633" dirty="0"/>
            </a:p>
          </p:txBody>
        </p:sp>
        <p:sp>
          <p:nvSpPr>
            <p:cNvPr id="163" name="Freeform 114"/>
            <p:cNvSpPr>
              <a:spLocks/>
            </p:cNvSpPr>
            <p:nvPr/>
          </p:nvSpPr>
          <p:spPr bwMode="auto">
            <a:xfrm>
              <a:off x="5880832" y="4798478"/>
              <a:ext cx="326177" cy="268327"/>
            </a:xfrm>
            <a:custGeom>
              <a:avLst/>
              <a:gdLst/>
              <a:ahLst/>
              <a:cxnLst>
                <a:cxn ang="0">
                  <a:pos x="105" y="58"/>
                </a:cxn>
                <a:cxn ang="0">
                  <a:pos x="99" y="58"/>
                </a:cxn>
                <a:cxn ang="0">
                  <a:pos x="87" y="57"/>
                </a:cxn>
                <a:cxn ang="0">
                  <a:pos x="76" y="60"/>
                </a:cxn>
                <a:cxn ang="0">
                  <a:pos x="67" y="63"/>
                </a:cxn>
                <a:cxn ang="0">
                  <a:pos x="50" y="65"/>
                </a:cxn>
                <a:cxn ang="0">
                  <a:pos x="44" y="58"/>
                </a:cxn>
                <a:cxn ang="0">
                  <a:pos x="35" y="65"/>
                </a:cxn>
                <a:cxn ang="0">
                  <a:pos x="35" y="74"/>
                </a:cxn>
                <a:cxn ang="0">
                  <a:pos x="28" y="72"/>
                </a:cxn>
                <a:cxn ang="0">
                  <a:pos x="20" y="72"/>
                </a:cxn>
                <a:cxn ang="0">
                  <a:pos x="15" y="86"/>
                </a:cxn>
                <a:cxn ang="0">
                  <a:pos x="8" y="71"/>
                </a:cxn>
                <a:cxn ang="0">
                  <a:pos x="5" y="65"/>
                </a:cxn>
                <a:cxn ang="0">
                  <a:pos x="2" y="52"/>
                </a:cxn>
                <a:cxn ang="0">
                  <a:pos x="2" y="48"/>
                </a:cxn>
                <a:cxn ang="0">
                  <a:pos x="9" y="34"/>
                </a:cxn>
                <a:cxn ang="0">
                  <a:pos x="17" y="32"/>
                </a:cxn>
                <a:cxn ang="0">
                  <a:pos x="21" y="32"/>
                </a:cxn>
                <a:cxn ang="0">
                  <a:pos x="37" y="26"/>
                </a:cxn>
                <a:cxn ang="0">
                  <a:pos x="37" y="20"/>
                </a:cxn>
                <a:cxn ang="0">
                  <a:pos x="53" y="14"/>
                </a:cxn>
                <a:cxn ang="0">
                  <a:pos x="58" y="4"/>
                </a:cxn>
                <a:cxn ang="0">
                  <a:pos x="69" y="1"/>
                </a:cxn>
                <a:cxn ang="0">
                  <a:pos x="73" y="17"/>
                </a:cxn>
                <a:cxn ang="0">
                  <a:pos x="78" y="24"/>
                </a:cxn>
                <a:cxn ang="0">
                  <a:pos x="85" y="29"/>
                </a:cxn>
                <a:cxn ang="0">
                  <a:pos x="90" y="37"/>
                </a:cxn>
                <a:cxn ang="0">
                  <a:pos x="96" y="44"/>
                </a:cxn>
                <a:cxn ang="0">
                  <a:pos x="101" y="51"/>
                </a:cxn>
                <a:cxn ang="0">
                  <a:pos x="105" y="58"/>
                </a:cxn>
              </a:cxnLst>
              <a:rect l="0" t="0" r="r" b="b"/>
              <a:pathLst>
                <a:path w="105" h="86">
                  <a:moveTo>
                    <a:pt x="105" y="58"/>
                  </a:moveTo>
                  <a:cubicBezTo>
                    <a:pt x="102" y="58"/>
                    <a:pt x="102" y="55"/>
                    <a:pt x="99" y="58"/>
                  </a:cubicBezTo>
                  <a:cubicBezTo>
                    <a:pt x="97" y="62"/>
                    <a:pt x="90" y="52"/>
                    <a:pt x="87" y="57"/>
                  </a:cubicBezTo>
                  <a:cubicBezTo>
                    <a:pt x="84" y="62"/>
                    <a:pt x="84" y="55"/>
                    <a:pt x="76" y="60"/>
                  </a:cubicBezTo>
                  <a:cubicBezTo>
                    <a:pt x="67" y="66"/>
                    <a:pt x="70" y="55"/>
                    <a:pt x="67" y="63"/>
                  </a:cubicBezTo>
                  <a:cubicBezTo>
                    <a:pt x="64" y="71"/>
                    <a:pt x="59" y="65"/>
                    <a:pt x="50" y="65"/>
                  </a:cubicBezTo>
                  <a:cubicBezTo>
                    <a:pt x="47" y="65"/>
                    <a:pt x="50" y="62"/>
                    <a:pt x="44" y="58"/>
                  </a:cubicBezTo>
                  <a:cubicBezTo>
                    <a:pt x="37" y="55"/>
                    <a:pt x="37" y="63"/>
                    <a:pt x="35" y="65"/>
                  </a:cubicBezTo>
                  <a:cubicBezTo>
                    <a:pt x="32" y="66"/>
                    <a:pt x="34" y="69"/>
                    <a:pt x="35" y="74"/>
                  </a:cubicBezTo>
                  <a:cubicBezTo>
                    <a:pt x="32" y="71"/>
                    <a:pt x="31" y="75"/>
                    <a:pt x="28" y="72"/>
                  </a:cubicBezTo>
                  <a:cubicBezTo>
                    <a:pt x="25" y="71"/>
                    <a:pt x="25" y="74"/>
                    <a:pt x="20" y="72"/>
                  </a:cubicBezTo>
                  <a:cubicBezTo>
                    <a:pt x="15" y="72"/>
                    <a:pt x="18" y="80"/>
                    <a:pt x="15" y="86"/>
                  </a:cubicBezTo>
                  <a:cubicBezTo>
                    <a:pt x="14" y="75"/>
                    <a:pt x="11" y="74"/>
                    <a:pt x="8" y="71"/>
                  </a:cubicBezTo>
                  <a:cubicBezTo>
                    <a:pt x="5" y="68"/>
                    <a:pt x="8" y="65"/>
                    <a:pt x="5" y="65"/>
                  </a:cubicBezTo>
                  <a:cubicBezTo>
                    <a:pt x="3" y="63"/>
                    <a:pt x="2" y="58"/>
                    <a:pt x="2" y="52"/>
                  </a:cubicBezTo>
                  <a:cubicBezTo>
                    <a:pt x="3" y="48"/>
                    <a:pt x="0" y="49"/>
                    <a:pt x="2" y="48"/>
                  </a:cubicBezTo>
                  <a:cubicBezTo>
                    <a:pt x="5" y="46"/>
                    <a:pt x="6" y="40"/>
                    <a:pt x="9" y="34"/>
                  </a:cubicBezTo>
                  <a:cubicBezTo>
                    <a:pt x="12" y="35"/>
                    <a:pt x="15" y="34"/>
                    <a:pt x="17" y="32"/>
                  </a:cubicBezTo>
                  <a:cubicBezTo>
                    <a:pt x="18" y="29"/>
                    <a:pt x="18" y="35"/>
                    <a:pt x="21" y="32"/>
                  </a:cubicBezTo>
                  <a:cubicBezTo>
                    <a:pt x="28" y="27"/>
                    <a:pt x="32" y="32"/>
                    <a:pt x="37" y="26"/>
                  </a:cubicBezTo>
                  <a:cubicBezTo>
                    <a:pt x="40" y="21"/>
                    <a:pt x="35" y="21"/>
                    <a:pt x="37" y="20"/>
                  </a:cubicBezTo>
                  <a:cubicBezTo>
                    <a:pt x="38" y="18"/>
                    <a:pt x="47" y="21"/>
                    <a:pt x="53" y="14"/>
                  </a:cubicBezTo>
                  <a:cubicBezTo>
                    <a:pt x="58" y="6"/>
                    <a:pt x="59" y="9"/>
                    <a:pt x="58" y="4"/>
                  </a:cubicBezTo>
                  <a:cubicBezTo>
                    <a:pt x="58" y="3"/>
                    <a:pt x="66" y="0"/>
                    <a:pt x="69" y="1"/>
                  </a:cubicBezTo>
                  <a:cubicBezTo>
                    <a:pt x="72" y="6"/>
                    <a:pt x="76" y="10"/>
                    <a:pt x="73" y="17"/>
                  </a:cubicBezTo>
                  <a:cubicBezTo>
                    <a:pt x="72" y="27"/>
                    <a:pt x="81" y="21"/>
                    <a:pt x="78" y="24"/>
                  </a:cubicBezTo>
                  <a:cubicBezTo>
                    <a:pt x="76" y="29"/>
                    <a:pt x="82" y="26"/>
                    <a:pt x="85" y="29"/>
                  </a:cubicBezTo>
                  <a:cubicBezTo>
                    <a:pt x="88" y="34"/>
                    <a:pt x="84" y="32"/>
                    <a:pt x="90" y="37"/>
                  </a:cubicBezTo>
                  <a:cubicBezTo>
                    <a:pt x="94" y="41"/>
                    <a:pt x="96" y="41"/>
                    <a:pt x="96" y="44"/>
                  </a:cubicBezTo>
                  <a:cubicBezTo>
                    <a:pt x="94" y="48"/>
                    <a:pt x="96" y="48"/>
                    <a:pt x="101" y="51"/>
                  </a:cubicBezTo>
                  <a:cubicBezTo>
                    <a:pt x="104" y="51"/>
                    <a:pt x="102" y="55"/>
                    <a:pt x="105" y="58"/>
                  </a:cubicBezTo>
                </a:path>
              </a:pathLst>
            </a:custGeom>
            <a:solidFill>
              <a:schemeClr val="accent5"/>
            </a:solidFill>
            <a:ln w="6350" cmpd="sng">
              <a:solidFill>
                <a:schemeClr val="bg1"/>
              </a:solidFill>
              <a:round/>
              <a:headEnd/>
              <a:tailEnd/>
            </a:ln>
          </p:spPr>
          <p:txBody>
            <a:bodyPr/>
            <a:lstStyle/>
            <a:p>
              <a:endParaRPr lang="en-GB" sz="1633" dirty="0"/>
            </a:p>
          </p:txBody>
        </p:sp>
        <p:sp>
          <p:nvSpPr>
            <p:cNvPr id="164" name="Freeform 115"/>
            <p:cNvSpPr>
              <a:spLocks/>
            </p:cNvSpPr>
            <p:nvPr/>
          </p:nvSpPr>
          <p:spPr bwMode="auto">
            <a:xfrm>
              <a:off x="5736222" y="4732602"/>
              <a:ext cx="194421" cy="351879"/>
            </a:xfrm>
            <a:custGeom>
              <a:avLst/>
              <a:gdLst/>
              <a:ahLst/>
              <a:cxnLst>
                <a:cxn ang="0">
                  <a:pos x="39" y="107"/>
                </a:cxn>
                <a:cxn ang="0">
                  <a:pos x="49" y="107"/>
                </a:cxn>
                <a:cxn ang="0">
                  <a:pos x="56" y="109"/>
                </a:cxn>
                <a:cxn ang="0">
                  <a:pos x="60" y="112"/>
                </a:cxn>
                <a:cxn ang="0">
                  <a:pos x="62" y="107"/>
                </a:cxn>
                <a:cxn ang="0">
                  <a:pos x="54" y="92"/>
                </a:cxn>
                <a:cxn ang="0">
                  <a:pos x="51" y="85"/>
                </a:cxn>
                <a:cxn ang="0">
                  <a:pos x="48" y="73"/>
                </a:cxn>
                <a:cxn ang="0">
                  <a:pos x="48" y="68"/>
                </a:cxn>
                <a:cxn ang="0">
                  <a:pos x="56" y="54"/>
                </a:cxn>
                <a:cxn ang="0">
                  <a:pos x="54" y="48"/>
                </a:cxn>
                <a:cxn ang="0">
                  <a:pos x="45" y="36"/>
                </a:cxn>
                <a:cxn ang="0">
                  <a:pos x="48" y="31"/>
                </a:cxn>
                <a:cxn ang="0">
                  <a:pos x="57" y="30"/>
                </a:cxn>
                <a:cxn ang="0">
                  <a:pos x="51" y="9"/>
                </a:cxn>
                <a:cxn ang="0">
                  <a:pos x="49" y="3"/>
                </a:cxn>
                <a:cxn ang="0">
                  <a:pos x="45" y="0"/>
                </a:cxn>
                <a:cxn ang="0">
                  <a:pos x="48" y="13"/>
                </a:cxn>
                <a:cxn ang="0">
                  <a:pos x="39" y="30"/>
                </a:cxn>
                <a:cxn ang="0">
                  <a:pos x="32" y="45"/>
                </a:cxn>
                <a:cxn ang="0">
                  <a:pos x="25" y="61"/>
                </a:cxn>
                <a:cxn ang="0">
                  <a:pos x="19" y="62"/>
                </a:cxn>
                <a:cxn ang="0">
                  <a:pos x="11" y="64"/>
                </a:cxn>
                <a:cxn ang="0">
                  <a:pos x="5" y="70"/>
                </a:cxn>
                <a:cxn ang="0">
                  <a:pos x="0" y="82"/>
                </a:cxn>
                <a:cxn ang="0">
                  <a:pos x="3" y="85"/>
                </a:cxn>
                <a:cxn ang="0">
                  <a:pos x="5" y="90"/>
                </a:cxn>
                <a:cxn ang="0">
                  <a:pos x="9" y="88"/>
                </a:cxn>
                <a:cxn ang="0">
                  <a:pos x="9" y="93"/>
                </a:cxn>
                <a:cxn ang="0">
                  <a:pos x="9" y="96"/>
                </a:cxn>
                <a:cxn ang="0">
                  <a:pos x="9" y="105"/>
                </a:cxn>
                <a:cxn ang="0">
                  <a:pos x="22" y="107"/>
                </a:cxn>
                <a:cxn ang="0">
                  <a:pos x="31" y="105"/>
                </a:cxn>
                <a:cxn ang="0">
                  <a:pos x="39" y="107"/>
                </a:cxn>
              </a:cxnLst>
              <a:rect l="0" t="0" r="r" b="b"/>
              <a:pathLst>
                <a:path w="62" h="113">
                  <a:moveTo>
                    <a:pt x="39" y="107"/>
                  </a:moveTo>
                  <a:cubicBezTo>
                    <a:pt x="49" y="107"/>
                    <a:pt x="49" y="107"/>
                    <a:pt x="49" y="107"/>
                  </a:cubicBezTo>
                  <a:cubicBezTo>
                    <a:pt x="49" y="107"/>
                    <a:pt x="52" y="109"/>
                    <a:pt x="56" y="109"/>
                  </a:cubicBezTo>
                  <a:cubicBezTo>
                    <a:pt x="59" y="110"/>
                    <a:pt x="60" y="113"/>
                    <a:pt x="60" y="112"/>
                  </a:cubicBezTo>
                  <a:cubicBezTo>
                    <a:pt x="62" y="112"/>
                    <a:pt x="60" y="109"/>
                    <a:pt x="62" y="107"/>
                  </a:cubicBezTo>
                  <a:cubicBezTo>
                    <a:pt x="60" y="96"/>
                    <a:pt x="57" y="95"/>
                    <a:pt x="54" y="92"/>
                  </a:cubicBezTo>
                  <a:cubicBezTo>
                    <a:pt x="51" y="88"/>
                    <a:pt x="54" y="85"/>
                    <a:pt x="51" y="85"/>
                  </a:cubicBezTo>
                  <a:cubicBezTo>
                    <a:pt x="49" y="84"/>
                    <a:pt x="48" y="79"/>
                    <a:pt x="48" y="73"/>
                  </a:cubicBezTo>
                  <a:cubicBezTo>
                    <a:pt x="49" y="68"/>
                    <a:pt x="46" y="70"/>
                    <a:pt x="48" y="68"/>
                  </a:cubicBezTo>
                  <a:cubicBezTo>
                    <a:pt x="51" y="67"/>
                    <a:pt x="52" y="61"/>
                    <a:pt x="56" y="54"/>
                  </a:cubicBezTo>
                  <a:cubicBezTo>
                    <a:pt x="57" y="51"/>
                    <a:pt x="56" y="54"/>
                    <a:pt x="54" y="48"/>
                  </a:cubicBezTo>
                  <a:cubicBezTo>
                    <a:pt x="54" y="44"/>
                    <a:pt x="51" y="45"/>
                    <a:pt x="45" y="36"/>
                  </a:cubicBezTo>
                  <a:cubicBezTo>
                    <a:pt x="43" y="34"/>
                    <a:pt x="45" y="30"/>
                    <a:pt x="48" y="31"/>
                  </a:cubicBezTo>
                  <a:cubicBezTo>
                    <a:pt x="49" y="31"/>
                    <a:pt x="52" y="33"/>
                    <a:pt x="57" y="30"/>
                  </a:cubicBezTo>
                  <a:cubicBezTo>
                    <a:pt x="49" y="25"/>
                    <a:pt x="54" y="11"/>
                    <a:pt x="51" y="9"/>
                  </a:cubicBezTo>
                  <a:cubicBezTo>
                    <a:pt x="49" y="9"/>
                    <a:pt x="52" y="5"/>
                    <a:pt x="49" y="3"/>
                  </a:cubicBezTo>
                  <a:cubicBezTo>
                    <a:pt x="45" y="2"/>
                    <a:pt x="54" y="0"/>
                    <a:pt x="45" y="0"/>
                  </a:cubicBezTo>
                  <a:cubicBezTo>
                    <a:pt x="43" y="13"/>
                    <a:pt x="51" y="5"/>
                    <a:pt x="48" y="13"/>
                  </a:cubicBezTo>
                  <a:cubicBezTo>
                    <a:pt x="46" y="22"/>
                    <a:pt x="43" y="14"/>
                    <a:pt x="39" y="30"/>
                  </a:cubicBezTo>
                  <a:cubicBezTo>
                    <a:pt x="36" y="44"/>
                    <a:pt x="36" y="44"/>
                    <a:pt x="32" y="45"/>
                  </a:cubicBezTo>
                  <a:cubicBezTo>
                    <a:pt x="29" y="47"/>
                    <a:pt x="28" y="56"/>
                    <a:pt x="25" y="61"/>
                  </a:cubicBezTo>
                  <a:cubicBezTo>
                    <a:pt x="22" y="67"/>
                    <a:pt x="23" y="67"/>
                    <a:pt x="19" y="62"/>
                  </a:cubicBezTo>
                  <a:cubicBezTo>
                    <a:pt x="16" y="57"/>
                    <a:pt x="11" y="59"/>
                    <a:pt x="11" y="64"/>
                  </a:cubicBezTo>
                  <a:cubicBezTo>
                    <a:pt x="9" y="67"/>
                    <a:pt x="6" y="64"/>
                    <a:pt x="5" y="70"/>
                  </a:cubicBezTo>
                  <a:cubicBezTo>
                    <a:pt x="2" y="74"/>
                    <a:pt x="3" y="76"/>
                    <a:pt x="0" y="82"/>
                  </a:cubicBezTo>
                  <a:cubicBezTo>
                    <a:pt x="0" y="87"/>
                    <a:pt x="2" y="81"/>
                    <a:pt x="3" y="85"/>
                  </a:cubicBezTo>
                  <a:cubicBezTo>
                    <a:pt x="3" y="88"/>
                    <a:pt x="3" y="88"/>
                    <a:pt x="5" y="90"/>
                  </a:cubicBezTo>
                  <a:cubicBezTo>
                    <a:pt x="8" y="92"/>
                    <a:pt x="6" y="87"/>
                    <a:pt x="9" y="88"/>
                  </a:cubicBezTo>
                  <a:cubicBezTo>
                    <a:pt x="11" y="90"/>
                    <a:pt x="6" y="90"/>
                    <a:pt x="9" y="93"/>
                  </a:cubicBezTo>
                  <a:cubicBezTo>
                    <a:pt x="11" y="95"/>
                    <a:pt x="8" y="93"/>
                    <a:pt x="9" y="96"/>
                  </a:cubicBezTo>
                  <a:cubicBezTo>
                    <a:pt x="12" y="99"/>
                    <a:pt x="9" y="102"/>
                    <a:pt x="9" y="105"/>
                  </a:cubicBezTo>
                  <a:cubicBezTo>
                    <a:pt x="12" y="109"/>
                    <a:pt x="14" y="107"/>
                    <a:pt x="22" y="107"/>
                  </a:cubicBezTo>
                  <a:cubicBezTo>
                    <a:pt x="23" y="105"/>
                    <a:pt x="23" y="105"/>
                    <a:pt x="31" y="105"/>
                  </a:cubicBezTo>
                  <a:cubicBezTo>
                    <a:pt x="40" y="105"/>
                    <a:pt x="37" y="105"/>
                    <a:pt x="39" y="107"/>
                  </a:cubicBezTo>
                </a:path>
              </a:pathLst>
            </a:custGeom>
            <a:solidFill>
              <a:schemeClr val="accent5"/>
            </a:solidFill>
            <a:ln w="6350" cmpd="sng">
              <a:solidFill>
                <a:schemeClr val="bg1"/>
              </a:solidFill>
              <a:round/>
              <a:headEnd/>
              <a:tailEnd/>
            </a:ln>
          </p:spPr>
          <p:txBody>
            <a:bodyPr/>
            <a:lstStyle/>
            <a:p>
              <a:endParaRPr lang="en-GB" sz="1633" dirty="0"/>
            </a:p>
          </p:txBody>
        </p:sp>
        <p:sp>
          <p:nvSpPr>
            <p:cNvPr id="165" name="Freeform 116"/>
            <p:cNvSpPr>
              <a:spLocks/>
            </p:cNvSpPr>
            <p:nvPr/>
          </p:nvSpPr>
          <p:spPr bwMode="auto">
            <a:xfrm>
              <a:off x="5824594" y="5266043"/>
              <a:ext cx="27315" cy="43383"/>
            </a:xfrm>
            <a:custGeom>
              <a:avLst/>
              <a:gdLst/>
              <a:ahLst/>
              <a:cxnLst>
                <a:cxn ang="0">
                  <a:pos x="0" y="6"/>
                </a:cxn>
                <a:cxn ang="0">
                  <a:pos x="6" y="2"/>
                </a:cxn>
                <a:cxn ang="0">
                  <a:pos x="9" y="3"/>
                </a:cxn>
                <a:cxn ang="0">
                  <a:pos x="4" y="5"/>
                </a:cxn>
                <a:cxn ang="0">
                  <a:pos x="1" y="14"/>
                </a:cxn>
                <a:cxn ang="0">
                  <a:pos x="1" y="11"/>
                </a:cxn>
                <a:cxn ang="0">
                  <a:pos x="0" y="6"/>
                </a:cxn>
              </a:cxnLst>
              <a:rect l="0" t="0" r="r" b="b"/>
              <a:pathLst>
                <a:path w="9" h="14">
                  <a:moveTo>
                    <a:pt x="0" y="6"/>
                  </a:moveTo>
                  <a:cubicBezTo>
                    <a:pt x="1" y="3"/>
                    <a:pt x="4" y="2"/>
                    <a:pt x="6" y="2"/>
                  </a:cubicBezTo>
                  <a:cubicBezTo>
                    <a:pt x="6" y="0"/>
                    <a:pt x="8" y="2"/>
                    <a:pt x="9" y="3"/>
                  </a:cubicBezTo>
                  <a:cubicBezTo>
                    <a:pt x="8" y="3"/>
                    <a:pt x="8" y="3"/>
                    <a:pt x="4" y="5"/>
                  </a:cubicBezTo>
                  <a:cubicBezTo>
                    <a:pt x="3" y="8"/>
                    <a:pt x="6" y="14"/>
                    <a:pt x="1" y="14"/>
                  </a:cubicBezTo>
                  <a:cubicBezTo>
                    <a:pt x="1" y="13"/>
                    <a:pt x="0" y="14"/>
                    <a:pt x="1" y="11"/>
                  </a:cubicBezTo>
                  <a:cubicBezTo>
                    <a:pt x="1" y="10"/>
                    <a:pt x="1" y="8"/>
                    <a:pt x="0" y="6"/>
                  </a:cubicBezTo>
                </a:path>
              </a:pathLst>
            </a:custGeom>
            <a:grpFill/>
            <a:ln w="6350" cmpd="sng">
              <a:solidFill>
                <a:schemeClr val="bg1"/>
              </a:solidFill>
              <a:round/>
              <a:headEnd/>
              <a:tailEnd/>
            </a:ln>
          </p:spPr>
          <p:txBody>
            <a:bodyPr/>
            <a:lstStyle/>
            <a:p>
              <a:endParaRPr lang="en-GB" sz="1633" dirty="0"/>
            </a:p>
          </p:txBody>
        </p:sp>
        <p:sp>
          <p:nvSpPr>
            <p:cNvPr id="166" name="Freeform 117"/>
            <p:cNvSpPr>
              <a:spLocks/>
            </p:cNvSpPr>
            <p:nvPr/>
          </p:nvSpPr>
          <p:spPr bwMode="auto">
            <a:xfrm>
              <a:off x="5798886" y="5020210"/>
              <a:ext cx="189600" cy="269934"/>
            </a:xfrm>
            <a:custGeom>
              <a:avLst/>
              <a:gdLst/>
              <a:ahLst/>
              <a:cxnLst>
                <a:cxn ang="0">
                  <a:pos x="18" y="16"/>
                </a:cxn>
                <a:cxn ang="0">
                  <a:pos x="17" y="23"/>
                </a:cxn>
                <a:cxn ang="0">
                  <a:pos x="23" y="23"/>
                </a:cxn>
                <a:cxn ang="0">
                  <a:pos x="26" y="30"/>
                </a:cxn>
                <a:cxn ang="0">
                  <a:pos x="23" y="37"/>
                </a:cxn>
                <a:cxn ang="0">
                  <a:pos x="28" y="43"/>
                </a:cxn>
                <a:cxn ang="0">
                  <a:pos x="26" y="56"/>
                </a:cxn>
                <a:cxn ang="0">
                  <a:pos x="25" y="60"/>
                </a:cxn>
                <a:cxn ang="0">
                  <a:pos x="22" y="59"/>
                </a:cxn>
                <a:cxn ang="0">
                  <a:pos x="14" y="56"/>
                </a:cxn>
                <a:cxn ang="0">
                  <a:pos x="12" y="57"/>
                </a:cxn>
                <a:cxn ang="0">
                  <a:pos x="6" y="60"/>
                </a:cxn>
                <a:cxn ang="0">
                  <a:pos x="6" y="68"/>
                </a:cxn>
                <a:cxn ang="0">
                  <a:pos x="5" y="73"/>
                </a:cxn>
                <a:cxn ang="0">
                  <a:pos x="0" y="74"/>
                </a:cxn>
                <a:cxn ang="0">
                  <a:pos x="6" y="82"/>
                </a:cxn>
                <a:cxn ang="0">
                  <a:pos x="8" y="85"/>
                </a:cxn>
                <a:cxn ang="0">
                  <a:pos x="14" y="81"/>
                </a:cxn>
                <a:cxn ang="0">
                  <a:pos x="17" y="82"/>
                </a:cxn>
                <a:cxn ang="0">
                  <a:pos x="26" y="79"/>
                </a:cxn>
                <a:cxn ang="0">
                  <a:pos x="28" y="84"/>
                </a:cxn>
                <a:cxn ang="0">
                  <a:pos x="37" y="76"/>
                </a:cxn>
                <a:cxn ang="0">
                  <a:pos x="41" y="67"/>
                </a:cxn>
                <a:cxn ang="0">
                  <a:pos x="50" y="47"/>
                </a:cxn>
                <a:cxn ang="0">
                  <a:pos x="55" y="34"/>
                </a:cxn>
                <a:cxn ang="0">
                  <a:pos x="55" y="23"/>
                </a:cxn>
                <a:cxn ang="0">
                  <a:pos x="57" y="11"/>
                </a:cxn>
                <a:cxn ang="0">
                  <a:pos x="61" y="3"/>
                </a:cxn>
                <a:cxn ang="0">
                  <a:pos x="54" y="2"/>
                </a:cxn>
                <a:cxn ang="0">
                  <a:pos x="46" y="2"/>
                </a:cxn>
                <a:cxn ang="0">
                  <a:pos x="41" y="16"/>
                </a:cxn>
                <a:cxn ang="0">
                  <a:pos x="40" y="20"/>
                </a:cxn>
                <a:cxn ang="0">
                  <a:pos x="35" y="17"/>
                </a:cxn>
                <a:cxn ang="0">
                  <a:pos x="29" y="16"/>
                </a:cxn>
                <a:cxn ang="0">
                  <a:pos x="18" y="16"/>
                </a:cxn>
              </a:cxnLst>
              <a:rect l="0" t="0" r="r" b="b"/>
              <a:pathLst>
                <a:path w="61" h="87">
                  <a:moveTo>
                    <a:pt x="18" y="16"/>
                  </a:moveTo>
                  <a:cubicBezTo>
                    <a:pt x="18" y="19"/>
                    <a:pt x="15" y="19"/>
                    <a:pt x="17" y="23"/>
                  </a:cubicBezTo>
                  <a:cubicBezTo>
                    <a:pt x="18" y="26"/>
                    <a:pt x="22" y="23"/>
                    <a:pt x="23" y="23"/>
                  </a:cubicBezTo>
                  <a:cubicBezTo>
                    <a:pt x="26" y="23"/>
                    <a:pt x="28" y="26"/>
                    <a:pt x="26" y="30"/>
                  </a:cubicBezTo>
                  <a:cubicBezTo>
                    <a:pt x="25" y="34"/>
                    <a:pt x="25" y="28"/>
                    <a:pt x="23" y="37"/>
                  </a:cubicBezTo>
                  <a:cubicBezTo>
                    <a:pt x="22" y="42"/>
                    <a:pt x="28" y="40"/>
                    <a:pt x="28" y="43"/>
                  </a:cubicBezTo>
                  <a:cubicBezTo>
                    <a:pt x="26" y="47"/>
                    <a:pt x="28" y="53"/>
                    <a:pt x="26" y="56"/>
                  </a:cubicBezTo>
                  <a:cubicBezTo>
                    <a:pt x="25" y="59"/>
                    <a:pt x="28" y="60"/>
                    <a:pt x="25" y="60"/>
                  </a:cubicBezTo>
                  <a:cubicBezTo>
                    <a:pt x="22" y="62"/>
                    <a:pt x="23" y="56"/>
                    <a:pt x="22" y="59"/>
                  </a:cubicBezTo>
                  <a:cubicBezTo>
                    <a:pt x="18" y="62"/>
                    <a:pt x="17" y="62"/>
                    <a:pt x="14" y="56"/>
                  </a:cubicBezTo>
                  <a:cubicBezTo>
                    <a:pt x="11" y="51"/>
                    <a:pt x="11" y="54"/>
                    <a:pt x="12" y="57"/>
                  </a:cubicBezTo>
                  <a:cubicBezTo>
                    <a:pt x="12" y="60"/>
                    <a:pt x="9" y="60"/>
                    <a:pt x="6" y="60"/>
                  </a:cubicBezTo>
                  <a:cubicBezTo>
                    <a:pt x="3" y="60"/>
                    <a:pt x="5" y="67"/>
                    <a:pt x="6" y="68"/>
                  </a:cubicBezTo>
                  <a:cubicBezTo>
                    <a:pt x="8" y="70"/>
                    <a:pt x="8" y="74"/>
                    <a:pt x="5" y="73"/>
                  </a:cubicBezTo>
                  <a:cubicBezTo>
                    <a:pt x="3" y="71"/>
                    <a:pt x="3" y="71"/>
                    <a:pt x="0" y="74"/>
                  </a:cubicBezTo>
                  <a:cubicBezTo>
                    <a:pt x="5" y="79"/>
                    <a:pt x="5" y="79"/>
                    <a:pt x="6" y="82"/>
                  </a:cubicBezTo>
                  <a:cubicBezTo>
                    <a:pt x="6" y="84"/>
                    <a:pt x="8" y="85"/>
                    <a:pt x="8" y="85"/>
                  </a:cubicBezTo>
                  <a:cubicBezTo>
                    <a:pt x="9" y="82"/>
                    <a:pt x="12" y="81"/>
                    <a:pt x="14" y="81"/>
                  </a:cubicBezTo>
                  <a:cubicBezTo>
                    <a:pt x="14" y="79"/>
                    <a:pt x="15" y="81"/>
                    <a:pt x="17" y="82"/>
                  </a:cubicBezTo>
                  <a:cubicBezTo>
                    <a:pt x="20" y="87"/>
                    <a:pt x="23" y="77"/>
                    <a:pt x="26" y="79"/>
                  </a:cubicBezTo>
                  <a:cubicBezTo>
                    <a:pt x="29" y="81"/>
                    <a:pt x="25" y="84"/>
                    <a:pt x="28" y="84"/>
                  </a:cubicBezTo>
                  <a:cubicBezTo>
                    <a:pt x="32" y="85"/>
                    <a:pt x="35" y="76"/>
                    <a:pt x="37" y="76"/>
                  </a:cubicBezTo>
                  <a:cubicBezTo>
                    <a:pt x="40" y="76"/>
                    <a:pt x="43" y="70"/>
                    <a:pt x="41" y="67"/>
                  </a:cubicBezTo>
                  <a:cubicBezTo>
                    <a:pt x="38" y="60"/>
                    <a:pt x="46" y="48"/>
                    <a:pt x="50" y="47"/>
                  </a:cubicBezTo>
                  <a:cubicBezTo>
                    <a:pt x="55" y="43"/>
                    <a:pt x="52" y="40"/>
                    <a:pt x="55" y="34"/>
                  </a:cubicBezTo>
                  <a:cubicBezTo>
                    <a:pt x="57" y="30"/>
                    <a:pt x="54" y="31"/>
                    <a:pt x="55" y="23"/>
                  </a:cubicBezTo>
                  <a:cubicBezTo>
                    <a:pt x="57" y="16"/>
                    <a:pt x="54" y="17"/>
                    <a:pt x="57" y="11"/>
                  </a:cubicBezTo>
                  <a:cubicBezTo>
                    <a:pt x="61" y="6"/>
                    <a:pt x="61" y="5"/>
                    <a:pt x="61" y="3"/>
                  </a:cubicBezTo>
                  <a:cubicBezTo>
                    <a:pt x="58" y="0"/>
                    <a:pt x="57" y="5"/>
                    <a:pt x="54" y="2"/>
                  </a:cubicBezTo>
                  <a:cubicBezTo>
                    <a:pt x="50" y="0"/>
                    <a:pt x="50" y="3"/>
                    <a:pt x="46" y="2"/>
                  </a:cubicBezTo>
                  <a:cubicBezTo>
                    <a:pt x="41" y="2"/>
                    <a:pt x="44" y="9"/>
                    <a:pt x="41" y="16"/>
                  </a:cubicBezTo>
                  <a:cubicBezTo>
                    <a:pt x="40" y="17"/>
                    <a:pt x="41" y="20"/>
                    <a:pt x="40" y="20"/>
                  </a:cubicBezTo>
                  <a:cubicBezTo>
                    <a:pt x="40" y="22"/>
                    <a:pt x="38" y="19"/>
                    <a:pt x="35" y="17"/>
                  </a:cubicBezTo>
                  <a:cubicBezTo>
                    <a:pt x="32" y="17"/>
                    <a:pt x="29" y="16"/>
                    <a:pt x="29" y="16"/>
                  </a:cubicBezTo>
                  <a:cubicBezTo>
                    <a:pt x="18" y="16"/>
                    <a:pt x="18" y="16"/>
                    <a:pt x="18" y="16"/>
                  </a:cubicBezTo>
                  <a:close/>
                </a:path>
              </a:pathLst>
            </a:custGeom>
            <a:solidFill>
              <a:schemeClr val="accent5"/>
            </a:solidFill>
            <a:ln w="6350" cmpd="sng">
              <a:solidFill>
                <a:schemeClr val="bg1"/>
              </a:solidFill>
              <a:round/>
              <a:headEnd/>
              <a:tailEnd/>
            </a:ln>
          </p:spPr>
          <p:txBody>
            <a:bodyPr/>
            <a:lstStyle/>
            <a:p>
              <a:endParaRPr lang="en-GB" sz="1633" dirty="0"/>
            </a:p>
          </p:txBody>
        </p:sp>
        <p:sp>
          <p:nvSpPr>
            <p:cNvPr id="167" name="Freeform 118"/>
            <p:cNvSpPr>
              <a:spLocks/>
            </p:cNvSpPr>
            <p:nvPr/>
          </p:nvSpPr>
          <p:spPr bwMode="auto">
            <a:xfrm>
              <a:off x="5736222" y="5063593"/>
              <a:ext cx="149431" cy="189597"/>
            </a:xfrm>
            <a:custGeom>
              <a:avLst/>
              <a:gdLst/>
              <a:ahLst/>
              <a:cxnLst>
                <a:cxn ang="0">
                  <a:pos x="22" y="1"/>
                </a:cxn>
                <a:cxn ang="0">
                  <a:pos x="31" y="0"/>
                </a:cxn>
                <a:cxn ang="0">
                  <a:pos x="39" y="1"/>
                </a:cxn>
                <a:cxn ang="0">
                  <a:pos x="37" y="9"/>
                </a:cxn>
                <a:cxn ang="0">
                  <a:pos x="43" y="9"/>
                </a:cxn>
                <a:cxn ang="0">
                  <a:pos x="46" y="15"/>
                </a:cxn>
                <a:cxn ang="0">
                  <a:pos x="43" y="23"/>
                </a:cxn>
                <a:cxn ang="0">
                  <a:pos x="48" y="29"/>
                </a:cxn>
                <a:cxn ang="0">
                  <a:pos x="46" y="42"/>
                </a:cxn>
                <a:cxn ang="0">
                  <a:pos x="45" y="47"/>
                </a:cxn>
                <a:cxn ang="0">
                  <a:pos x="42" y="45"/>
                </a:cxn>
                <a:cxn ang="0">
                  <a:pos x="34" y="42"/>
                </a:cxn>
                <a:cxn ang="0">
                  <a:pos x="32" y="44"/>
                </a:cxn>
                <a:cxn ang="0">
                  <a:pos x="26" y="47"/>
                </a:cxn>
                <a:cxn ang="0">
                  <a:pos x="26" y="54"/>
                </a:cxn>
                <a:cxn ang="0">
                  <a:pos x="25" y="59"/>
                </a:cxn>
                <a:cxn ang="0">
                  <a:pos x="20" y="61"/>
                </a:cxn>
                <a:cxn ang="0">
                  <a:pos x="12" y="50"/>
                </a:cxn>
                <a:cxn ang="0">
                  <a:pos x="6" y="44"/>
                </a:cxn>
                <a:cxn ang="0">
                  <a:pos x="3" y="34"/>
                </a:cxn>
                <a:cxn ang="0">
                  <a:pos x="3" y="29"/>
                </a:cxn>
                <a:cxn ang="0">
                  <a:pos x="6" y="23"/>
                </a:cxn>
                <a:cxn ang="0">
                  <a:pos x="8" y="22"/>
                </a:cxn>
                <a:cxn ang="0">
                  <a:pos x="11" y="20"/>
                </a:cxn>
                <a:cxn ang="0">
                  <a:pos x="6" y="17"/>
                </a:cxn>
                <a:cxn ang="0">
                  <a:pos x="8" y="17"/>
                </a:cxn>
                <a:cxn ang="0">
                  <a:pos x="8" y="12"/>
                </a:cxn>
                <a:cxn ang="0">
                  <a:pos x="22" y="12"/>
                </a:cxn>
                <a:cxn ang="0">
                  <a:pos x="22" y="1"/>
                </a:cxn>
              </a:cxnLst>
              <a:rect l="0" t="0" r="r" b="b"/>
              <a:pathLst>
                <a:path w="48" h="61">
                  <a:moveTo>
                    <a:pt x="22" y="1"/>
                  </a:moveTo>
                  <a:cubicBezTo>
                    <a:pt x="23" y="0"/>
                    <a:pt x="23" y="0"/>
                    <a:pt x="31" y="0"/>
                  </a:cubicBezTo>
                  <a:cubicBezTo>
                    <a:pt x="40" y="0"/>
                    <a:pt x="37" y="0"/>
                    <a:pt x="39" y="1"/>
                  </a:cubicBezTo>
                  <a:cubicBezTo>
                    <a:pt x="39" y="4"/>
                    <a:pt x="35" y="4"/>
                    <a:pt x="37" y="9"/>
                  </a:cubicBezTo>
                  <a:cubicBezTo>
                    <a:pt x="39" y="12"/>
                    <a:pt x="42" y="9"/>
                    <a:pt x="43" y="9"/>
                  </a:cubicBezTo>
                  <a:cubicBezTo>
                    <a:pt x="46" y="9"/>
                    <a:pt x="48" y="12"/>
                    <a:pt x="46" y="15"/>
                  </a:cubicBezTo>
                  <a:cubicBezTo>
                    <a:pt x="45" y="20"/>
                    <a:pt x="45" y="14"/>
                    <a:pt x="43" y="23"/>
                  </a:cubicBezTo>
                  <a:cubicBezTo>
                    <a:pt x="42" y="28"/>
                    <a:pt x="48" y="26"/>
                    <a:pt x="48" y="29"/>
                  </a:cubicBezTo>
                  <a:cubicBezTo>
                    <a:pt x="46" y="33"/>
                    <a:pt x="48" y="39"/>
                    <a:pt x="46" y="42"/>
                  </a:cubicBezTo>
                  <a:cubicBezTo>
                    <a:pt x="45" y="45"/>
                    <a:pt x="48" y="47"/>
                    <a:pt x="45" y="47"/>
                  </a:cubicBezTo>
                  <a:cubicBezTo>
                    <a:pt x="42" y="48"/>
                    <a:pt x="43" y="42"/>
                    <a:pt x="42" y="45"/>
                  </a:cubicBezTo>
                  <a:cubicBezTo>
                    <a:pt x="39" y="48"/>
                    <a:pt x="37" y="48"/>
                    <a:pt x="34" y="42"/>
                  </a:cubicBezTo>
                  <a:cubicBezTo>
                    <a:pt x="31" y="37"/>
                    <a:pt x="31" y="40"/>
                    <a:pt x="32" y="44"/>
                  </a:cubicBezTo>
                  <a:cubicBezTo>
                    <a:pt x="32" y="47"/>
                    <a:pt x="29" y="47"/>
                    <a:pt x="26" y="47"/>
                  </a:cubicBezTo>
                  <a:cubicBezTo>
                    <a:pt x="23" y="47"/>
                    <a:pt x="25" y="53"/>
                    <a:pt x="26" y="54"/>
                  </a:cubicBezTo>
                  <a:cubicBezTo>
                    <a:pt x="28" y="56"/>
                    <a:pt x="28" y="61"/>
                    <a:pt x="25" y="59"/>
                  </a:cubicBezTo>
                  <a:cubicBezTo>
                    <a:pt x="23" y="58"/>
                    <a:pt x="23" y="58"/>
                    <a:pt x="20" y="61"/>
                  </a:cubicBezTo>
                  <a:cubicBezTo>
                    <a:pt x="16" y="56"/>
                    <a:pt x="22" y="59"/>
                    <a:pt x="12" y="50"/>
                  </a:cubicBezTo>
                  <a:cubicBezTo>
                    <a:pt x="9" y="47"/>
                    <a:pt x="8" y="45"/>
                    <a:pt x="6" y="44"/>
                  </a:cubicBezTo>
                  <a:cubicBezTo>
                    <a:pt x="5" y="40"/>
                    <a:pt x="5" y="39"/>
                    <a:pt x="3" y="34"/>
                  </a:cubicBezTo>
                  <a:cubicBezTo>
                    <a:pt x="0" y="29"/>
                    <a:pt x="0" y="26"/>
                    <a:pt x="3" y="29"/>
                  </a:cubicBezTo>
                  <a:cubicBezTo>
                    <a:pt x="5" y="31"/>
                    <a:pt x="6" y="26"/>
                    <a:pt x="6" y="23"/>
                  </a:cubicBezTo>
                  <a:cubicBezTo>
                    <a:pt x="6" y="18"/>
                    <a:pt x="6" y="18"/>
                    <a:pt x="8" y="22"/>
                  </a:cubicBezTo>
                  <a:cubicBezTo>
                    <a:pt x="9" y="23"/>
                    <a:pt x="14" y="22"/>
                    <a:pt x="11" y="20"/>
                  </a:cubicBezTo>
                  <a:cubicBezTo>
                    <a:pt x="8" y="20"/>
                    <a:pt x="6" y="18"/>
                    <a:pt x="6" y="17"/>
                  </a:cubicBezTo>
                  <a:cubicBezTo>
                    <a:pt x="8" y="15"/>
                    <a:pt x="8" y="17"/>
                    <a:pt x="8" y="17"/>
                  </a:cubicBezTo>
                  <a:cubicBezTo>
                    <a:pt x="9" y="15"/>
                    <a:pt x="8" y="14"/>
                    <a:pt x="8" y="12"/>
                  </a:cubicBezTo>
                  <a:cubicBezTo>
                    <a:pt x="16" y="12"/>
                    <a:pt x="17" y="14"/>
                    <a:pt x="22" y="12"/>
                  </a:cubicBezTo>
                  <a:cubicBezTo>
                    <a:pt x="22" y="1"/>
                    <a:pt x="22" y="1"/>
                    <a:pt x="22" y="1"/>
                  </a:cubicBezTo>
                  <a:close/>
                </a:path>
              </a:pathLst>
            </a:custGeom>
            <a:solidFill>
              <a:schemeClr val="accent5"/>
            </a:solidFill>
            <a:ln w="6350" cmpd="sng">
              <a:solidFill>
                <a:schemeClr val="bg1"/>
              </a:solidFill>
              <a:round/>
              <a:headEnd/>
              <a:tailEnd/>
            </a:ln>
          </p:spPr>
          <p:txBody>
            <a:bodyPr/>
            <a:lstStyle/>
            <a:p>
              <a:endParaRPr lang="en-GB" sz="1633" dirty="0"/>
            </a:p>
          </p:txBody>
        </p:sp>
        <p:sp>
          <p:nvSpPr>
            <p:cNvPr id="168" name="Freeform 119"/>
            <p:cNvSpPr>
              <a:spLocks/>
            </p:cNvSpPr>
            <p:nvPr/>
          </p:nvSpPr>
          <p:spPr bwMode="auto">
            <a:xfrm>
              <a:off x="5755503" y="5063593"/>
              <a:ext cx="49810" cy="43383"/>
            </a:xfrm>
            <a:custGeom>
              <a:avLst/>
              <a:gdLst/>
              <a:ahLst/>
              <a:cxnLst>
                <a:cxn ang="0">
                  <a:pos x="3" y="0"/>
                </a:cxn>
                <a:cxn ang="0">
                  <a:pos x="16" y="1"/>
                </a:cxn>
                <a:cxn ang="0">
                  <a:pos x="16" y="13"/>
                </a:cxn>
                <a:cxn ang="0">
                  <a:pos x="2" y="13"/>
                </a:cxn>
                <a:cxn ang="0">
                  <a:pos x="0" y="11"/>
                </a:cxn>
                <a:cxn ang="0">
                  <a:pos x="3" y="0"/>
                </a:cxn>
              </a:cxnLst>
              <a:rect l="0" t="0" r="r" b="b"/>
              <a:pathLst>
                <a:path w="16" h="14">
                  <a:moveTo>
                    <a:pt x="3" y="0"/>
                  </a:moveTo>
                  <a:cubicBezTo>
                    <a:pt x="6" y="3"/>
                    <a:pt x="8" y="1"/>
                    <a:pt x="16" y="1"/>
                  </a:cubicBezTo>
                  <a:cubicBezTo>
                    <a:pt x="16" y="13"/>
                    <a:pt x="16" y="13"/>
                    <a:pt x="16" y="13"/>
                  </a:cubicBezTo>
                  <a:cubicBezTo>
                    <a:pt x="11" y="14"/>
                    <a:pt x="9" y="13"/>
                    <a:pt x="2" y="13"/>
                  </a:cubicBezTo>
                  <a:cubicBezTo>
                    <a:pt x="3" y="11"/>
                    <a:pt x="0" y="14"/>
                    <a:pt x="0" y="11"/>
                  </a:cubicBezTo>
                  <a:cubicBezTo>
                    <a:pt x="0" y="8"/>
                    <a:pt x="5" y="8"/>
                    <a:pt x="3" y="0"/>
                  </a:cubicBezTo>
                </a:path>
              </a:pathLst>
            </a:custGeom>
            <a:solidFill>
              <a:schemeClr val="accent5"/>
            </a:solidFill>
            <a:ln w="6350" cmpd="sng">
              <a:solidFill>
                <a:schemeClr val="bg1"/>
              </a:solidFill>
              <a:round/>
              <a:headEnd/>
              <a:tailEnd/>
            </a:ln>
          </p:spPr>
          <p:txBody>
            <a:bodyPr/>
            <a:lstStyle/>
            <a:p>
              <a:endParaRPr lang="en-GB" sz="1633" dirty="0"/>
            </a:p>
          </p:txBody>
        </p:sp>
        <p:sp>
          <p:nvSpPr>
            <p:cNvPr id="169" name="Freeform 120"/>
            <p:cNvSpPr>
              <a:spLocks/>
            </p:cNvSpPr>
            <p:nvPr/>
          </p:nvSpPr>
          <p:spPr bwMode="auto">
            <a:xfrm>
              <a:off x="5728188" y="5020210"/>
              <a:ext cx="17675" cy="17674"/>
            </a:xfrm>
            <a:custGeom>
              <a:avLst/>
              <a:gdLst/>
              <a:ahLst/>
              <a:cxnLst>
                <a:cxn ang="0">
                  <a:pos x="3" y="6"/>
                </a:cxn>
                <a:cxn ang="0">
                  <a:pos x="3" y="2"/>
                </a:cxn>
                <a:cxn ang="0">
                  <a:pos x="5" y="3"/>
                </a:cxn>
                <a:cxn ang="0">
                  <a:pos x="3" y="6"/>
                </a:cxn>
              </a:cxnLst>
              <a:rect l="0" t="0" r="r" b="b"/>
              <a:pathLst>
                <a:path w="6" h="6">
                  <a:moveTo>
                    <a:pt x="3" y="6"/>
                  </a:moveTo>
                  <a:cubicBezTo>
                    <a:pt x="0" y="5"/>
                    <a:pt x="3" y="3"/>
                    <a:pt x="3" y="2"/>
                  </a:cubicBezTo>
                  <a:cubicBezTo>
                    <a:pt x="5" y="0"/>
                    <a:pt x="6" y="0"/>
                    <a:pt x="5" y="3"/>
                  </a:cubicBezTo>
                  <a:cubicBezTo>
                    <a:pt x="3" y="6"/>
                    <a:pt x="3" y="6"/>
                    <a:pt x="3" y="6"/>
                  </a:cubicBezTo>
                </a:path>
              </a:pathLst>
            </a:custGeom>
            <a:grpFill/>
            <a:ln w="6350" cmpd="sng">
              <a:solidFill>
                <a:schemeClr val="bg1"/>
              </a:solidFill>
              <a:round/>
              <a:headEnd/>
              <a:tailEnd/>
            </a:ln>
          </p:spPr>
          <p:txBody>
            <a:bodyPr/>
            <a:lstStyle/>
            <a:p>
              <a:endParaRPr lang="en-GB" sz="1633" dirty="0"/>
            </a:p>
          </p:txBody>
        </p:sp>
        <p:sp>
          <p:nvSpPr>
            <p:cNvPr id="170" name="Freeform 121"/>
            <p:cNvSpPr>
              <a:spLocks/>
            </p:cNvSpPr>
            <p:nvPr/>
          </p:nvSpPr>
          <p:spPr bwMode="auto">
            <a:xfrm>
              <a:off x="5679985" y="5123042"/>
              <a:ext cx="16068" cy="11247"/>
            </a:xfrm>
            <a:custGeom>
              <a:avLst/>
              <a:gdLst/>
              <a:ahLst/>
              <a:cxnLst>
                <a:cxn ang="0">
                  <a:pos x="3" y="0"/>
                </a:cxn>
                <a:cxn ang="0">
                  <a:pos x="2" y="4"/>
                </a:cxn>
                <a:cxn ang="0">
                  <a:pos x="3" y="0"/>
                </a:cxn>
              </a:cxnLst>
              <a:rect l="0" t="0" r="r" b="b"/>
              <a:pathLst>
                <a:path w="5" h="4">
                  <a:moveTo>
                    <a:pt x="3" y="0"/>
                  </a:moveTo>
                  <a:cubicBezTo>
                    <a:pt x="5" y="1"/>
                    <a:pt x="3" y="4"/>
                    <a:pt x="2" y="4"/>
                  </a:cubicBezTo>
                  <a:cubicBezTo>
                    <a:pt x="0" y="3"/>
                    <a:pt x="2" y="0"/>
                    <a:pt x="3" y="0"/>
                  </a:cubicBezTo>
                </a:path>
              </a:pathLst>
            </a:custGeom>
            <a:grpFill/>
            <a:ln w="6350" cmpd="sng">
              <a:solidFill>
                <a:schemeClr val="bg1"/>
              </a:solidFill>
              <a:round/>
              <a:headEnd/>
              <a:tailEnd/>
            </a:ln>
          </p:spPr>
          <p:txBody>
            <a:bodyPr/>
            <a:lstStyle/>
            <a:p>
              <a:endParaRPr lang="en-GB" sz="1633" dirty="0"/>
            </a:p>
          </p:txBody>
        </p:sp>
        <p:sp>
          <p:nvSpPr>
            <p:cNvPr id="171" name="Freeform 122"/>
            <p:cNvSpPr>
              <a:spLocks/>
            </p:cNvSpPr>
            <p:nvPr/>
          </p:nvSpPr>
          <p:spPr bwMode="auto">
            <a:xfrm>
              <a:off x="6232717" y="5163211"/>
              <a:ext cx="56237" cy="59450"/>
            </a:xfrm>
            <a:custGeom>
              <a:avLst/>
              <a:gdLst/>
              <a:ahLst/>
              <a:cxnLst>
                <a:cxn ang="0">
                  <a:pos x="3" y="18"/>
                </a:cxn>
                <a:cxn ang="0">
                  <a:pos x="6" y="18"/>
                </a:cxn>
                <a:cxn ang="0">
                  <a:pos x="11" y="16"/>
                </a:cxn>
                <a:cxn ang="0">
                  <a:pos x="12" y="15"/>
                </a:cxn>
                <a:cxn ang="0">
                  <a:pos x="17" y="15"/>
                </a:cxn>
                <a:cxn ang="0">
                  <a:pos x="18" y="8"/>
                </a:cxn>
                <a:cxn ang="0">
                  <a:pos x="15" y="0"/>
                </a:cxn>
                <a:cxn ang="0">
                  <a:pos x="12" y="5"/>
                </a:cxn>
                <a:cxn ang="0">
                  <a:pos x="9" y="3"/>
                </a:cxn>
                <a:cxn ang="0">
                  <a:pos x="5" y="13"/>
                </a:cxn>
                <a:cxn ang="0">
                  <a:pos x="3" y="18"/>
                </a:cxn>
              </a:cxnLst>
              <a:rect l="0" t="0" r="r" b="b"/>
              <a:pathLst>
                <a:path w="18" h="19">
                  <a:moveTo>
                    <a:pt x="3" y="18"/>
                  </a:moveTo>
                  <a:cubicBezTo>
                    <a:pt x="5" y="15"/>
                    <a:pt x="6" y="16"/>
                    <a:pt x="6" y="18"/>
                  </a:cubicBezTo>
                  <a:cubicBezTo>
                    <a:pt x="6" y="19"/>
                    <a:pt x="11" y="19"/>
                    <a:pt x="11" y="16"/>
                  </a:cubicBezTo>
                  <a:cubicBezTo>
                    <a:pt x="11" y="13"/>
                    <a:pt x="12" y="13"/>
                    <a:pt x="12" y="15"/>
                  </a:cubicBezTo>
                  <a:cubicBezTo>
                    <a:pt x="12" y="15"/>
                    <a:pt x="14" y="13"/>
                    <a:pt x="17" y="15"/>
                  </a:cubicBezTo>
                  <a:cubicBezTo>
                    <a:pt x="18" y="15"/>
                    <a:pt x="18" y="13"/>
                    <a:pt x="18" y="8"/>
                  </a:cubicBezTo>
                  <a:cubicBezTo>
                    <a:pt x="17" y="2"/>
                    <a:pt x="15" y="3"/>
                    <a:pt x="15" y="0"/>
                  </a:cubicBezTo>
                  <a:cubicBezTo>
                    <a:pt x="14" y="2"/>
                    <a:pt x="14" y="3"/>
                    <a:pt x="12" y="5"/>
                  </a:cubicBezTo>
                  <a:cubicBezTo>
                    <a:pt x="9" y="5"/>
                    <a:pt x="12" y="2"/>
                    <a:pt x="9" y="3"/>
                  </a:cubicBezTo>
                  <a:cubicBezTo>
                    <a:pt x="0" y="10"/>
                    <a:pt x="8" y="10"/>
                    <a:pt x="5" y="13"/>
                  </a:cubicBezTo>
                  <a:cubicBezTo>
                    <a:pt x="2" y="15"/>
                    <a:pt x="3" y="15"/>
                    <a:pt x="3" y="18"/>
                  </a:cubicBezTo>
                </a:path>
              </a:pathLst>
            </a:custGeom>
            <a:solidFill>
              <a:schemeClr val="accent5"/>
            </a:solidFill>
            <a:ln w="6350" cmpd="sng">
              <a:solidFill>
                <a:schemeClr val="bg1"/>
              </a:solidFill>
              <a:round/>
              <a:headEnd/>
              <a:tailEnd/>
            </a:ln>
          </p:spPr>
          <p:txBody>
            <a:bodyPr/>
            <a:lstStyle/>
            <a:p>
              <a:endParaRPr lang="en-GB" sz="1633" dirty="0"/>
            </a:p>
          </p:txBody>
        </p:sp>
        <p:sp>
          <p:nvSpPr>
            <p:cNvPr id="172" name="Freeform 123"/>
            <p:cNvSpPr>
              <a:spLocks/>
            </p:cNvSpPr>
            <p:nvPr/>
          </p:nvSpPr>
          <p:spPr bwMode="auto">
            <a:xfrm>
              <a:off x="6242358" y="5203380"/>
              <a:ext cx="57844" cy="69090"/>
            </a:xfrm>
            <a:custGeom>
              <a:avLst/>
              <a:gdLst/>
              <a:ahLst/>
              <a:cxnLst>
                <a:cxn ang="0">
                  <a:pos x="14" y="2"/>
                </a:cxn>
                <a:cxn ang="0">
                  <a:pos x="12" y="5"/>
                </a:cxn>
                <a:cxn ang="0">
                  <a:pos x="14" y="11"/>
                </a:cxn>
                <a:cxn ang="0">
                  <a:pos x="5" y="22"/>
                </a:cxn>
                <a:cxn ang="0">
                  <a:pos x="2" y="13"/>
                </a:cxn>
                <a:cxn ang="0">
                  <a:pos x="0" y="5"/>
                </a:cxn>
                <a:cxn ang="0">
                  <a:pos x="3" y="5"/>
                </a:cxn>
                <a:cxn ang="0">
                  <a:pos x="8" y="3"/>
                </a:cxn>
                <a:cxn ang="0">
                  <a:pos x="9" y="2"/>
                </a:cxn>
                <a:cxn ang="0">
                  <a:pos x="14" y="2"/>
                </a:cxn>
              </a:cxnLst>
              <a:rect l="0" t="0" r="r" b="b"/>
              <a:pathLst>
                <a:path w="19" h="22">
                  <a:moveTo>
                    <a:pt x="14" y="2"/>
                  </a:moveTo>
                  <a:cubicBezTo>
                    <a:pt x="14" y="3"/>
                    <a:pt x="12" y="3"/>
                    <a:pt x="12" y="5"/>
                  </a:cubicBezTo>
                  <a:cubicBezTo>
                    <a:pt x="12" y="6"/>
                    <a:pt x="19" y="6"/>
                    <a:pt x="14" y="11"/>
                  </a:cubicBezTo>
                  <a:cubicBezTo>
                    <a:pt x="9" y="16"/>
                    <a:pt x="11" y="20"/>
                    <a:pt x="5" y="22"/>
                  </a:cubicBezTo>
                  <a:cubicBezTo>
                    <a:pt x="5" y="17"/>
                    <a:pt x="2" y="17"/>
                    <a:pt x="2" y="13"/>
                  </a:cubicBezTo>
                  <a:cubicBezTo>
                    <a:pt x="3" y="8"/>
                    <a:pt x="2" y="8"/>
                    <a:pt x="0" y="5"/>
                  </a:cubicBezTo>
                  <a:cubicBezTo>
                    <a:pt x="2" y="2"/>
                    <a:pt x="3" y="3"/>
                    <a:pt x="3" y="5"/>
                  </a:cubicBezTo>
                  <a:cubicBezTo>
                    <a:pt x="3" y="6"/>
                    <a:pt x="8" y="6"/>
                    <a:pt x="8" y="3"/>
                  </a:cubicBezTo>
                  <a:cubicBezTo>
                    <a:pt x="8" y="0"/>
                    <a:pt x="9" y="0"/>
                    <a:pt x="9" y="2"/>
                  </a:cubicBezTo>
                  <a:cubicBezTo>
                    <a:pt x="9" y="2"/>
                    <a:pt x="11" y="0"/>
                    <a:pt x="14" y="2"/>
                  </a:cubicBezTo>
                </a:path>
              </a:pathLst>
            </a:custGeom>
            <a:solidFill>
              <a:schemeClr val="accent5"/>
            </a:solidFill>
            <a:ln w="6350" cmpd="sng">
              <a:solidFill>
                <a:schemeClr val="bg1"/>
              </a:solidFill>
              <a:round/>
              <a:headEnd/>
              <a:tailEnd/>
            </a:ln>
          </p:spPr>
          <p:txBody>
            <a:bodyPr/>
            <a:lstStyle/>
            <a:p>
              <a:endParaRPr lang="en-GB" sz="1633" dirty="0"/>
            </a:p>
          </p:txBody>
        </p:sp>
        <p:sp>
          <p:nvSpPr>
            <p:cNvPr id="173" name="Freeform 124"/>
            <p:cNvSpPr>
              <a:spLocks/>
            </p:cNvSpPr>
            <p:nvPr/>
          </p:nvSpPr>
          <p:spPr bwMode="auto">
            <a:xfrm>
              <a:off x="5387550" y="4663511"/>
              <a:ext cx="199241" cy="184776"/>
            </a:xfrm>
            <a:custGeom>
              <a:avLst/>
              <a:gdLst/>
              <a:ahLst/>
              <a:cxnLst>
                <a:cxn ang="0">
                  <a:pos x="24" y="58"/>
                </a:cxn>
                <a:cxn ang="0">
                  <a:pos x="23" y="48"/>
                </a:cxn>
                <a:cxn ang="0">
                  <a:pos x="23" y="42"/>
                </a:cxn>
                <a:cxn ang="0">
                  <a:pos x="38" y="42"/>
                </a:cxn>
                <a:cxn ang="0">
                  <a:pos x="41" y="42"/>
                </a:cxn>
                <a:cxn ang="0">
                  <a:pos x="44" y="41"/>
                </a:cxn>
                <a:cxn ang="0">
                  <a:pos x="49" y="44"/>
                </a:cxn>
                <a:cxn ang="0">
                  <a:pos x="52" y="42"/>
                </a:cxn>
                <a:cxn ang="0">
                  <a:pos x="64" y="34"/>
                </a:cxn>
                <a:cxn ang="0">
                  <a:pos x="62" y="30"/>
                </a:cxn>
                <a:cxn ang="0">
                  <a:pos x="59" y="27"/>
                </a:cxn>
                <a:cxn ang="0">
                  <a:pos x="53" y="22"/>
                </a:cxn>
                <a:cxn ang="0">
                  <a:pos x="53" y="19"/>
                </a:cxn>
                <a:cxn ang="0">
                  <a:pos x="52" y="17"/>
                </a:cxn>
                <a:cxn ang="0">
                  <a:pos x="49" y="13"/>
                </a:cxn>
                <a:cxn ang="0">
                  <a:pos x="47" y="3"/>
                </a:cxn>
                <a:cxn ang="0">
                  <a:pos x="44" y="3"/>
                </a:cxn>
                <a:cxn ang="0">
                  <a:pos x="41" y="2"/>
                </a:cxn>
                <a:cxn ang="0">
                  <a:pos x="32" y="6"/>
                </a:cxn>
                <a:cxn ang="0">
                  <a:pos x="27" y="11"/>
                </a:cxn>
                <a:cxn ang="0">
                  <a:pos x="23" y="16"/>
                </a:cxn>
                <a:cxn ang="0">
                  <a:pos x="18" y="17"/>
                </a:cxn>
                <a:cxn ang="0">
                  <a:pos x="15" y="20"/>
                </a:cxn>
                <a:cxn ang="0">
                  <a:pos x="12" y="19"/>
                </a:cxn>
                <a:cxn ang="0">
                  <a:pos x="12" y="23"/>
                </a:cxn>
                <a:cxn ang="0">
                  <a:pos x="9" y="27"/>
                </a:cxn>
                <a:cxn ang="0">
                  <a:pos x="9" y="31"/>
                </a:cxn>
                <a:cxn ang="0">
                  <a:pos x="3" y="34"/>
                </a:cxn>
                <a:cxn ang="0">
                  <a:pos x="1" y="42"/>
                </a:cxn>
                <a:cxn ang="0">
                  <a:pos x="1" y="48"/>
                </a:cxn>
                <a:cxn ang="0">
                  <a:pos x="7" y="54"/>
                </a:cxn>
                <a:cxn ang="0">
                  <a:pos x="15" y="53"/>
                </a:cxn>
                <a:cxn ang="0">
                  <a:pos x="24" y="58"/>
                </a:cxn>
              </a:cxnLst>
              <a:rect l="0" t="0" r="r" b="b"/>
              <a:pathLst>
                <a:path w="64" h="59">
                  <a:moveTo>
                    <a:pt x="24" y="58"/>
                  </a:moveTo>
                  <a:cubicBezTo>
                    <a:pt x="23" y="54"/>
                    <a:pt x="23" y="50"/>
                    <a:pt x="23" y="48"/>
                  </a:cubicBezTo>
                  <a:cubicBezTo>
                    <a:pt x="23" y="48"/>
                    <a:pt x="20" y="42"/>
                    <a:pt x="23" y="42"/>
                  </a:cubicBezTo>
                  <a:cubicBezTo>
                    <a:pt x="26" y="42"/>
                    <a:pt x="36" y="42"/>
                    <a:pt x="38" y="42"/>
                  </a:cubicBezTo>
                  <a:cubicBezTo>
                    <a:pt x="39" y="42"/>
                    <a:pt x="39" y="44"/>
                    <a:pt x="41" y="42"/>
                  </a:cubicBezTo>
                  <a:cubicBezTo>
                    <a:pt x="42" y="42"/>
                    <a:pt x="42" y="41"/>
                    <a:pt x="44" y="41"/>
                  </a:cubicBezTo>
                  <a:cubicBezTo>
                    <a:pt x="49" y="42"/>
                    <a:pt x="49" y="44"/>
                    <a:pt x="49" y="44"/>
                  </a:cubicBezTo>
                  <a:cubicBezTo>
                    <a:pt x="50" y="44"/>
                    <a:pt x="52" y="42"/>
                    <a:pt x="52" y="42"/>
                  </a:cubicBezTo>
                  <a:cubicBezTo>
                    <a:pt x="58" y="36"/>
                    <a:pt x="59" y="42"/>
                    <a:pt x="64" y="34"/>
                  </a:cubicBezTo>
                  <a:cubicBezTo>
                    <a:pt x="62" y="31"/>
                    <a:pt x="61" y="30"/>
                    <a:pt x="62" y="30"/>
                  </a:cubicBezTo>
                  <a:cubicBezTo>
                    <a:pt x="64" y="28"/>
                    <a:pt x="61" y="23"/>
                    <a:pt x="59" y="27"/>
                  </a:cubicBezTo>
                  <a:cubicBezTo>
                    <a:pt x="58" y="28"/>
                    <a:pt x="55" y="23"/>
                    <a:pt x="53" y="22"/>
                  </a:cubicBezTo>
                  <a:cubicBezTo>
                    <a:pt x="52" y="22"/>
                    <a:pt x="52" y="19"/>
                    <a:pt x="53" y="19"/>
                  </a:cubicBezTo>
                  <a:cubicBezTo>
                    <a:pt x="55" y="20"/>
                    <a:pt x="55" y="19"/>
                    <a:pt x="52" y="17"/>
                  </a:cubicBezTo>
                  <a:cubicBezTo>
                    <a:pt x="50" y="14"/>
                    <a:pt x="49" y="17"/>
                    <a:pt x="49" y="13"/>
                  </a:cubicBezTo>
                  <a:cubicBezTo>
                    <a:pt x="47" y="6"/>
                    <a:pt x="45" y="9"/>
                    <a:pt x="47" y="3"/>
                  </a:cubicBezTo>
                  <a:cubicBezTo>
                    <a:pt x="45" y="3"/>
                    <a:pt x="45" y="3"/>
                    <a:pt x="44" y="3"/>
                  </a:cubicBezTo>
                  <a:cubicBezTo>
                    <a:pt x="42" y="2"/>
                    <a:pt x="42" y="3"/>
                    <a:pt x="41" y="2"/>
                  </a:cubicBezTo>
                  <a:cubicBezTo>
                    <a:pt x="38" y="0"/>
                    <a:pt x="41" y="3"/>
                    <a:pt x="32" y="6"/>
                  </a:cubicBezTo>
                  <a:cubicBezTo>
                    <a:pt x="27" y="8"/>
                    <a:pt x="30" y="13"/>
                    <a:pt x="27" y="11"/>
                  </a:cubicBezTo>
                  <a:cubicBezTo>
                    <a:pt x="24" y="9"/>
                    <a:pt x="23" y="11"/>
                    <a:pt x="23" y="16"/>
                  </a:cubicBezTo>
                  <a:cubicBezTo>
                    <a:pt x="23" y="19"/>
                    <a:pt x="18" y="14"/>
                    <a:pt x="18" y="17"/>
                  </a:cubicBezTo>
                  <a:cubicBezTo>
                    <a:pt x="18" y="19"/>
                    <a:pt x="18" y="22"/>
                    <a:pt x="15" y="20"/>
                  </a:cubicBezTo>
                  <a:cubicBezTo>
                    <a:pt x="12" y="20"/>
                    <a:pt x="14" y="17"/>
                    <a:pt x="12" y="19"/>
                  </a:cubicBezTo>
                  <a:cubicBezTo>
                    <a:pt x="10" y="20"/>
                    <a:pt x="10" y="22"/>
                    <a:pt x="12" y="23"/>
                  </a:cubicBezTo>
                  <a:cubicBezTo>
                    <a:pt x="14" y="27"/>
                    <a:pt x="9" y="25"/>
                    <a:pt x="9" y="27"/>
                  </a:cubicBezTo>
                  <a:cubicBezTo>
                    <a:pt x="10" y="28"/>
                    <a:pt x="10" y="28"/>
                    <a:pt x="9" y="31"/>
                  </a:cubicBezTo>
                  <a:cubicBezTo>
                    <a:pt x="7" y="34"/>
                    <a:pt x="1" y="33"/>
                    <a:pt x="3" y="34"/>
                  </a:cubicBezTo>
                  <a:cubicBezTo>
                    <a:pt x="3" y="36"/>
                    <a:pt x="3" y="41"/>
                    <a:pt x="1" y="42"/>
                  </a:cubicBezTo>
                  <a:cubicBezTo>
                    <a:pt x="0" y="42"/>
                    <a:pt x="3" y="44"/>
                    <a:pt x="1" y="48"/>
                  </a:cubicBezTo>
                  <a:cubicBezTo>
                    <a:pt x="7" y="50"/>
                    <a:pt x="1" y="50"/>
                    <a:pt x="7" y="54"/>
                  </a:cubicBezTo>
                  <a:cubicBezTo>
                    <a:pt x="14" y="59"/>
                    <a:pt x="9" y="53"/>
                    <a:pt x="15" y="53"/>
                  </a:cubicBezTo>
                  <a:cubicBezTo>
                    <a:pt x="21" y="53"/>
                    <a:pt x="20" y="58"/>
                    <a:pt x="24" y="58"/>
                  </a:cubicBezTo>
                </a:path>
              </a:pathLst>
            </a:custGeom>
            <a:solidFill>
              <a:schemeClr val="accent5"/>
            </a:solidFill>
            <a:ln w="6350" cmpd="sng">
              <a:solidFill>
                <a:schemeClr val="bg1"/>
              </a:solidFill>
              <a:round/>
              <a:headEnd/>
              <a:tailEnd/>
            </a:ln>
          </p:spPr>
          <p:txBody>
            <a:bodyPr/>
            <a:lstStyle/>
            <a:p>
              <a:endParaRPr lang="en-GB" sz="1633" dirty="0"/>
            </a:p>
          </p:txBody>
        </p:sp>
        <p:sp>
          <p:nvSpPr>
            <p:cNvPr id="174" name="Freeform 125"/>
            <p:cNvSpPr>
              <a:spLocks/>
            </p:cNvSpPr>
            <p:nvPr/>
          </p:nvSpPr>
          <p:spPr bwMode="auto">
            <a:xfrm>
              <a:off x="5543408" y="4748669"/>
              <a:ext cx="86766" cy="192810"/>
            </a:xfrm>
            <a:custGeom>
              <a:avLst/>
              <a:gdLst/>
              <a:ahLst/>
              <a:cxnLst>
                <a:cxn ang="0">
                  <a:pos x="14" y="7"/>
                </a:cxn>
                <a:cxn ang="0">
                  <a:pos x="2" y="15"/>
                </a:cxn>
                <a:cxn ang="0">
                  <a:pos x="5" y="25"/>
                </a:cxn>
                <a:cxn ang="0">
                  <a:pos x="6" y="32"/>
                </a:cxn>
                <a:cxn ang="0">
                  <a:pos x="8" y="54"/>
                </a:cxn>
                <a:cxn ang="0">
                  <a:pos x="6" y="56"/>
                </a:cxn>
                <a:cxn ang="0">
                  <a:pos x="8" y="62"/>
                </a:cxn>
                <a:cxn ang="0">
                  <a:pos x="17" y="62"/>
                </a:cxn>
                <a:cxn ang="0">
                  <a:pos x="17" y="40"/>
                </a:cxn>
                <a:cxn ang="0">
                  <a:pos x="20" y="32"/>
                </a:cxn>
                <a:cxn ang="0">
                  <a:pos x="25" y="22"/>
                </a:cxn>
                <a:cxn ang="0">
                  <a:pos x="23" y="9"/>
                </a:cxn>
                <a:cxn ang="0">
                  <a:pos x="19" y="3"/>
                </a:cxn>
                <a:cxn ang="0">
                  <a:pos x="16" y="3"/>
                </a:cxn>
                <a:cxn ang="0">
                  <a:pos x="14" y="7"/>
                </a:cxn>
              </a:cxnLst>
              <a:rect l="0" t="0" r="r" b="b"/>
              <a:pathLst>
                <a:path w="28" h="62">
                  <a:moveTo>
                    <a:pt x="14" y="7"/>
                  </a:moveTo>
                  <a:cubicBezTo>
                    <a:pt x="9" y="15"/>
                    <a:pt x="8" y="9"/>
                    <a:pt x="2" y="15"/>
                  </a:cubicBezTo>
                  <a:cubicBezTo>
                    <a:pt x="0" y="22"/>
                    <a:pt x="2" y="23"/>
                    <a:pt x="5" y="25"/>
                  </a:cubicBezTo>
                  <a:cubicBezTo>
                    <a:pt x="8" y="25"/>
                    <a:pt x="5" y="32"/>
                    <a:pt x="6" y="32"/>
                  </a:cubicBezTo>
                  <a:cubicBezTo>
                    <a:pt x="9" y="34"/>
                    <a:pt x="8" y="51"/>
                    <a:pt x="8" y="54"/>
                  </a:cubicBezTo>
                  <a:cubicBezTo>
                    <a:pt x="8" y="56"/>
                    <a:pt x="6" y="54"/>
                    <a:pt x="6" y="56"/>
                  </a:cubicBezTo>
                  <a:cubicBezTo>
                    <a:pt x="8" y="58"/>
                    <a:pt x="9" y="61"/>
                    <a:pt x="8" y="62"/>
                  </a:cubicBezTo>
                  <a:cubicBezTo>
                    <a:pt x="13" y="62"/>
                    <a:pt x="14" y="62"/>
                    <a:pt x="17" y="62"/>
                  </a:cubicBezTo>
                  <a:cubicBezTo>
                    <a:pt x="19" y="53"/>
                    <a:pt x="17" y="48"/>
                    <a:pt x="17" y="40"/>
                  </a:cubicBezTo>
                  <a:cubicBezTo>
                    <a:pt x="17" y="32"/>
                    <a:pt x="19" y="37"/>
                    <a:pt x="20" y="32"/>
                  </a:cubicBezTo>
                  <a:cubicBezTo>
                    <a:pt x="20" y="28"/>
                    <a:pt x="22" y="29"/>
                    <a:pt x="25" y="22"/>
                  </a:cubicBezTo>
                  <a:cubicBezTo>
                    <a:pt x="28" y="14"/>
                    <a:pt x="22" y="14"/>
                    <a:pt x="23" y="9"/>
                  </a:cubicBezTo>
                  <a:cubicBezTo>
                    <a:pt x="22" y="6"/>
                    <a:pt x="22" y="6"/>
                    <a:pt x="19" y="3"/>
                  </a:cubicBezTo>
                  <a:cubicBezTo>
                    <a:pt x="16" y="0"/>
                    <a:pt x="17" y="3"/>
                    <a:pt x="16" y="3"/>
                  </a:cubicBezTo>
                  <a:cubicBezTo>
                    <a:pt x="13" y="3"/>
                    <a:pt x="16" y="4"/>
                    <a:pt x="14" y="7"/>
                  </a:cubicBezTo>
                </a:path>
              </a:pathLst>
            </a:custGeom>
            <a:solidFill>
              <a:schemeClr val="accent5"/>
            </a:solidFill>
            <a:ln w="6350" cmpd="sng">
              <a:solidFill>
                <a:schemeClr val="bg1"/>
              </a:solidFill>
              <a:round/>
              <a:headEnd/>
              <a:tailEnd/>
            </a:ln>
          </p:spPr>
          <p:txBody>
            <a:bodyPr/>
            <a:lstStyle/>
            <a:p>
              <a:endParaRPr lang="en-GB" sz="1633" dirty="0"/>
            </a:p>
          </p:txBody>
        </p:sp>
        <p:sp>
          <p:nvSpPr>
            <p:cNvPr id="175" name="Freeform 126"/>
            <p:cNvSpPr>
              <a:spLocks/>
            </p:cNvSpPr>
            <p:nvPr/>
          </p:nvSpPr>
          <p:spPr bwMode="auto">
            <a:xfrm>
              <a:off x="5313638" y="4798478"/>
              <a:ext cx="157465" cy="202450"/>
            </a:xfrm>
            <a:custGeom>
              <a:avLst/>
              <a:gdLst/>
              <a:ahLst/>
              <a:cxnLst>
                <a:cxn ang="0">
                  <a:pos x="48" y="15"/>
                </a:cxn>
                <a:cxn ang="0">
                  <a:pos x="48" y="29"/>
                </a:cxn>
                <a:cxn ang="0">
                  <a:pos x="44" y="43"/>
                </a:cxn>
                <a:cxn ang="0">
                  <a:pos x="45" y="52"/>
                </a:cxn>
                <a:cxn ang="0">
                  <a:pos x="47" y="57"/>
                </a:cxn>
                <a:cxn ang="0">
                  <a:pos x="44" y="57"/>
                </a:cxn>
                <a:cxn ang="0">
                  <a:pos x="39" y="57"/>
                </a:cxn>
                <a:cxn ang="0">
                  <a:pos x="35" y="57"/>
                </a:cxn>
                <a:cxn ang="0">
                  <a:pos x="21" y="59"/>
                </a:cxn>
                <a:cxn ang="0">
                  <a:pos x="9" y="65"/>
                </a:cxn>
                <a:cxn ang="0">
                  <a:pos x="10" y="52"/>
                </a:cxn>
                <a:cxn ang="0">
                  <a:pos x="7" y="48"/>
                </a:cxn>
                <a:cxn ang="0">
                  <a:pos x="1" y="43"/>
                </a:cxn>
                <a:cxn ang="0">
                  <a:pos x="1" y="32"/>
                </a:cxn>
                <a:cxn ang="0">
                  <a:pos x="6" y="29"/>
                </a:cxn>
                <a:cxn ang="0">
                  <a:pos x="3" y="26"/>
                </a:cxn>
                <a:cxn ang="0">
                  <a:pos x="9" y="26"/>
                </a:cxn>
                <a:cxn ang="0">
                  <a:pos x="7" y="20"/>
                </a:cxn>
                <a:cxn ang="0">
                  <a:pos x="4" y="14"/>
                </a:cxn>
                <a:cxn ang="0">
                  <a:pos x="6" y="9"/>
                </a:cxn>
                <a:cxn ang="0">
                  <a:pos x="15" y="7"/>
                </a:cxn>
                <a:cxn ang="0">
                  <a:pos x="20" y="6"/>
                </a:cxn>
                <a:cxn ang="0">
                  <a:pos x="26" y="6"/>
                </a:cxn>
                <a:cxn ang="0">
                  <a:pos x="32" y="12"/>
                </a:cxn>
                <a:cxn ang="0">
                  <a:pos x="39" y="10"/>
                </a:cxn>
                <a:cxn ang="0">
                  <a:pos x="48" y="15"/>
                </a:cxn>
              </a:cxnLst>
              <a:rect l="0" t="0" r="r" b="b"/>
              <a:pathLst>
                <a:path w="51" h="65">
                  <a:moveTo>
                    <a:pt x="48" y="15"/>
                  </a:moveTo>
                  <a:cubicBezTo>
                    <a:pt x="47" y="18"/>
                    <a:pt x="51" y="29"/>
                    <a:pt x="48" y="29"/>
                  </a:cubicBezTo>
                  <a:cubicBezTo>
                    <a:pt x="47" y="31"/>
                    <a:pt x="45" y="37"/>
                    <a:pt x="44" y="43"/>
                  </a:cubicBezTo>
                  <a:cubicBezTo>
                    <a:pt x="42" y="45"/>
                    <a:pt x="45" y="51"/>
                    <a:pt x="45" y="52"/>
                  </a:cubicBezTo>
                  <a:cubicBezTo>
                    <a:pt x="47" y="54"/>
                    <a:pt x="48" y="59"/>
                    <a:pt x="47" y="57"/>
                  </a:cubicBezTo>
                  <a:cubicBezTo>
                    <a:pt x="47" y="57"/>
                    <a:pt x="47" y="57"/>
                    <a:pt x="44" y="57"/>
                  </a:cubicBezTo>
                  <a:cubicBezTo>
                    <a:pt x="42" y="57"/>
                    <a:pt x="44" y="59"/>
                    <a:pt x="39" y="57"/>
                  </a:cubicBezTo>
                  <a:cubicBezTo>
                    <a:pt x="35" y="57"/>
                    <a:pt x="38" y="57"/>
                    <a:pt x="35" y="57"/>
                  </a:cubicBezTo>
                  <a:cubicBezTo>
                    <a:pt x="30" y="59"/>
                    <a:pt x="30" y="57"/>
                    <a:pt x="21" y="59"/>
                  </a:cubicBezTo>
                  <a:cubicBezTo>
                    <a:pt x="12" y="62"/>
                    <a:pt x="12" y="65"/>
                    <a:pt x="9" y="65"/>
                  </a:cubicBezTo>
                  <a:cubicBezTo>
                    <a:pt x="9" y="60"/>
                    <a:pt x="10" y="57"/>
                    <a:pt x="10" y="52"/>
                  </a:cubicBezTo>
                  <a:cubicBezTo>
                    <a:pt x="10" y="49"/>
                    <a:pt x="7" y="51"/>
                    <a:pt x="7" y="48"/>
                  </a:cubicBezTo>
                  <a:cubicBezTo>
                    <a:pt x="7" y="45"/>
                    <a:pt x="0" y="46"/>
                    <a:pt x="1" y="43"/>
                  </a:cubicBezTo>
                  <a:cubicBezTo>
                    <a:pt x="3" y="40"/>
                    <a:pt x="4" y="38"/>
                    <a:pt x="1" y="32"/>
                  </a:cubicBezTo>
                  <a:cubicBezTo>
                    <a:pt x="4" y="35"/>
                    <a:pt x="6" y="32"/>
                    <a:pt x="6" y="29"/>
                  </a:cubicBezTo>
                  <a:cubicBezTo>
                    <a:pt x="6" y="26"/>
                    <a:pt x="4" y="29"/>
                    <a:pt x="3" y="26"/>
                  </a:cubicBezTo>
                  <a:cubicBezTo>
                    <a:pt x="3" y="24"/>
                    <a:pt x="4" y="24"/>
                    <a:pt x="9" y="26"/>
                  </a:cubicBezTo>
                  <a:cubicBezTo>
                    <a:pt x="9" y="21"/>
                    <a:pt x="4" y="23"/>
                    <a:pt x="7" y="20"/>
                  </a:cubicBezTo>
                  <a:cubicBezTo>
                    <a:pt x="9" y="17"/>
                    <a:pt x="4" y="17"/>
                    <a:pt x="4" y="14"/>
                  </a:cubicBezTo>
                  <a:cubicBezTo>
                    <a:pt x="6" y="10"/>
                    <a:pt x="3" y="10"/>
                    <a:pt x="6" y="9"/>
                  </a:cubicBezTo>
                  <a:cubicBezTo>
                    <a:pt x="12" y="1"/>
                    <a:pt x="10" y="12"/>
                    <a:pt x="15" y="7"/>
                  </a:cubicBezTo>
                  <a:cubicBezTo>
                    <a:pt x="18" y="3"/>
                    <a:pt x="20" y="0"/>
                    <a:pt x="20" y="6"/>
                  </a:cubicBezTo>
                  <a:cubicBezTo>
                    <a:pt x="20" y="10"/>
                    <a:pt x="23" y="6"/>
                    <a:pt x="26" y="6"/>
                  </a:cubicBezTo>
                  <a:cubicBezTo>
                    <a:pt x="32" y="7"/>
                    <a:pt x="26" y="7"/>
                    <a:pt x="32" y="12"/>
                  </a:cubicBezTo>
                  <a:cubicBezTo>
                    <a:pt x="38" y="17"/>
                    <a:pt x="33" y="10"/>
                    <a:pt x="39" y="10"/>
                  </a:cubicBezTo>
                  <a:cubicBezTo>
                    <a:pt x="45" y="10"/>
                    <a:pt x="44" y="15"/>
                    <a:pt x="48" y="15"/>
                  </a:cubicBezTo>
                </a:path>
              </a:pathLst>
            </a:custGeom>
            <a:solidFill>
              <a:schemeClr val="accent5"/>
            </a:solidFill>
            <a:ln w="6350" cmpd="sng">
              <a:solidFill>
                <a:schemeClr val="bg1"/>
              </a:solidFill>
              <a:round/>
              <a:headEnd/>
              <a:tailEnd/>
            </a:ln>
          </p:spPr>
          <p:txBody>
            <a:bodyPr/>
            <a:lstStyle/>
            <a:p>
              <a:endParaRPr lang="en-GB" sz="1633" dirty="0"/>
            </a:p>
          </p:txBody>
        </p:sp>
        <p:sp>
          <p:nvSpPr>
            <p:cNvPr id="176" name="Freeform 127"/>
            <p:cNvSpPr>
              <a:spLocks/>
            </p:cNvSpPr>
            <p:nvPr/>
          </p:nvSpPr>
          <p:spPr bwMode="auto">
            <a:xfrm>
              <a:off x="5443787" y="4792051"/>
              <a:ext cx="115688" cy="202450"/>
            </a:xfrm>
            <a:custGeom>
              <a:avLst/>
              <a:gdLst/>
              <a:ahLst/>
              <a:cxnLst>
                <a:cxn ang="0">
                  <a:pos x="26" y="0"/>
                </a:cxn>
                <a:cxn ang="0">
                  <a:pos x="29" y="14"/>
                </a:cxn>
                <a:cxn ang="0">
                  <a:pos x="31" y="22"/>
                </a:cxn>
                <a:cxn ang="0">
                  <a:pos x="31" y="33"/>
                </a:cxn>
                <a:cxn ang="0">
                  <a:pos x="32" y="40"/>
                </a:cxn>
                <a:cxn ang="0">
                  <a:pos x="37" y="50"/>
                </a:cxn>
                <a:cxn ang="0">
                  <a:pos x="32" y="53"/>
                </a:cxn>
                <a:cxn ang="0">
                  <a:pos x="18" y="59"/>
                </a:cxn>
                <a:cxn ang="0">
                  <a:pos x="9" y="64"/>
                </a:cxn>
                <a:cxn ang="0">
                  <a:pos x="1" y="61"/>
                </a:cxn>
                <a:cxn ang="0">
                  <a:pos x="4" y="59"/>
                </a:cxn>
                <a:cxn ang="0">
                  <a:pos x="3" y="54"/>
                </a:cxn>
                <a:cxn ang="0">
                  <a:pos x="1" y="45"/>
                </a:cxn>
                <a:cxn ang="0">
                  <a:pos x="6" y="31"/>
                </a:cxn>
                <a:cxn ang="0">
                  <a:pos x="6" y="17"/>
                </a:cxn>
                <a:cxn ang="0">
                  <a:pos x="4" y="8"/>
                </a:cxn>
                <a:cxn ang="0">
                  <a:pos x="4" y="2"/>
                </a:cxn>
                <a:cxn ang="0">
                  <a:pos x="20" y="2"/>
                </a:cxn>
                <a:cxn ang="0">
                  <a:pos x="23" y="2"/>
                </a:cxn>
                <a:cxn ang="0">
                  <a:pos x="26" y="0"/>
                </a:cxn>
              </a:cxnLst>
              <a:rect l="0" t="0" r="r" b="b"/>
              <a:pathLst>
                <a:path w="37" h="65">
                  <a:moveTo>
                    <a:pt x="26" y="0"/>
                  </a:moveTo>
                  <a:cubicBezTo>
                    <a:pt x="26" y="9"/>
                    <a:pt x="31" y="6"/>
                    <a:pt x="29" y="14"/>
                  </a:cubicBezTo>
                  <a:cubicBezTo>
                    <a:pt x="28" y="22"/>
                    <a:pt x="32" y="14"/>
                    <a:pt x="31" y="22"/>
                  </a:cubicBezTo>
                  <a:cubicBezTo>
                    <a:pt x="29" y="28"/>
                    <a:pt x="34" y="23"/>
                    <a:pt x="31" y="33"/>
                  </a:cubicBezTo>
                  <a:cubicBezTo>
                    <a:pt x="29" y="42"/>
                    <a:pt x="32" y="34"/>
                    <a:pt x="32" y="40"/>
                  </a:cubicBezTo>
                  <a:cubicBezTo>
                    <a:pt x="31" y="45"/>
                    <a:pt x="34" y="47"/>
                    <a:pt x="37" y="50"/>
                  </a:cubicBezTo>
                  <a:cubicBezTo>
                    <a:pt x="34" y="51"/>
                    <a:pt x="37" y="53"/>
                    <a:pt x="32" y="53"/>
                  </a:cubicBezTo>
                  <a:cubicBezTo>
                    <a:pt x="23" y="54"/>
                    <a:pt x="24" y="59"/>
                    <a:pt x="18" y="59"/>
                  </a:cubicBezTo>
                  <a:cubicBezTo>
                    <a:pt x="14" y="61"/>
                    <a:pt x="12" y="65"/>
                    <a:pt x="9" y="64"/>
                  </a:cubicBezTo>
                  <a:cubicBezTo>
                    <a:pt x="8" y="61"/>
                    <a:pt x="3" y="61"/>
                    <a:pt x="1" y="61"/>
                  </a:cubicBezTo>
                  <a:cubicBezTo>
                    <a:pt x="0" y="61"/>
                    <a:pt x="3" y="61"/>
                    <a:pt x="4" y="59"/>
                  </a:cubicBezTo>
                  <a:cubicBezTo>
                    <a:pt x="6" y="61"/>
                    <a:pt x="4" y="56"/>
                    <a:pt x="3" y="54"/>
                  </a:cubicBezTo>
                  <a:cubicBezTo>
                    <a:pt x="3" y="53"/>
                    <a:pt x="0" y="47"/>
                    <a:pt x="1" y="45"/>
                  </a:cubicBezTo>
                  <a:cubicBezTo>
                    <a:pt x="3" y="39"/>
                    <a:pt x="4" y="33"/>
                    <a:pt x="6" y="31"/>
                  </a:cubicBezTo>
                  <a:cubicBezTo>
                    <a:pt x="9" y="31"/>
                    <a:pt x="4" y="20"/>
                    <a:pt x="6" y="17"/>
                  </a:cubicBezTo>
                  <a:cubicBezTo>
                    <a:pt x="4" y="14"/>
                    <a:pt x="4" y="9"/>
                    <a:pt x="4" y="8"/>
                  </a:cubicBezTo>
                  <a:cubicBezTo>
                    <a:pt x="4" y="8"/>
                    <a:pt x="1" y="2"/>
                    <a:pt x="4" y="2"/>
                  </a:cubicBezTo>
                  <a:cubicBezTo>
                    <a:pt x="8" y="2"/>
                    <a:pt x="18" y="2"/>
                    <a:pt x="20" y="2"/>
                  </a:cubicBezTo>
                  <a:cubicBezTo>
                    <a:pt x="21" y="2"/>
                    <a:pt x="21" y="3"/>
                    <a:pt x="23" y="2"/>
                  </a:cubicBezTo>
                  <a:cubicBezTo>
                    <a:pt x="24" y="2"/>
                    <a:pt x="24" y="0"/>
                    <a:pt x="26" y="0"/>
                  </a:cubicBezTo>
                </a:path>
              </a:pathLst>
            </a:custGeom>
            <a:solidFill>
              <a:schemeClr val="accent5"/>
            </a:solidFill>
            <a:ln w="6350" cmpd="sng">
              <a:solidFill>
                <a:schemeClr val="bg1"/>
              </a:solidFill>
              <a:round/>
              <a:headEnd/>
              <a:tailEnd/>
            </a:ln>
          </p:spPr>
          <p:txBody>
            <a:bodyPr/>
            <a:lstStyle/>
            <a:p>
              <a:endParaRPr lang="en-GB" sz="1633" dirty="0"/>
            </a:p>
          </p:txBody>
        </p:sp>
        <p:sp>
          <p:nvSpPr>
            <p:cNvPr id="177" name="Freeform 128"/>
            <p:cNvSpPr>
              <a:spLocks/>
            </p:cNvSpPr>
            <p:nvPr/>
          </p:nvSpPr>
          <p:spPr bwMode="auto">
            <a:xfrm>
              <a:off x="5524127" y="4792051"/>
              <a:ext cx="48203" cy="155855"/>
            </a:xfrm>
            <a:custGeom>
              <a:avLst/>
              <a:gdLst/>
              <a:ahLst/>
              <a:cxnLst>
                <a:cxn ang="0">
                  <a:pos x="0" y="0"/>
                </a:cxn>
                <a:cxn ang="0">
                  <a:pos x="4" y="3"/>
                </a:cxn>
                <a:cxn ang="0">
                  <a:pos x="8" y="2"/>
                </a:cxn>
                <a:cxn ang="0">
                  <a:pos x="11" y="11"/>
                </a:cxn>
                <a:cxn ang="0">
                  <a:pos x="12" y="19"/>
                </a:cxn>
                <a:cxn ang="0">
                  <a:pos x="14" y="40"/>
                </a:cxn>
                <a:cxn ang="0">
                  <a:pos x="12" y="42"/>
                </a:cxn>
                <a:cxn ang="0">
                  <a:pos x="14" y="48"/>
                </a:cxn>
                <a:cxn ang="0">
                  <a:pos x="11" y="50"/>
                </a:cxn>
                <a:cxn ang="0">
                  <a:pos x="6" y="40"/>
                </a:cxn>
                <a:cxn ang="0">
                  <a:pos x="4" y="33"/>
                </a:cxn>
                <a:cxn ang="0">
                  <a:pos x="4" y="22"/>
                </a:cxn>
                <a:cxn ang="0">
                  <a:pos x="3" y="14"/>
                </a:cxn>
                <a:cxn ang="0">
                  <a:pos x="0" y="0"/>
                </a:cxn>
              </a:cxnLst>
              <a:rect l="0" t="0" r="r" b="b"/>
              <a:pathLst>
                <a:path w="15" h="50">
                  <a:moveTo>
                    <a:pt x="0" y="0"/>
                  </a:moveTo>
                  <a:cubicBezTo>
                    <a:pt x="4" y="2"/>
                    <a:pt x="4" y="3"/>
                    <a:pt x="4" y="3"/>
                  </a:cubicBezTo>
                  <a:cubicBezTo>
                    <a:pt x="6" y="3"/>
                    <a:pt x="8" y="2"/>
                    <a:pt x="8" y="2"/>
                  </a:cubicBezTo>
                  <a:cubicBezTo>
                    <a:pt x="6" y="8"/>
                    <a:pt x="8" y="9"/>
                    <a:pt x="11" y="11"/>
                  </a:cubicBezTo>
                  <a:cubicBezTo>
                    <a:pt x="14" y="11"/>
                    <a:pt x="11" y="19"/>
                    <a:pt x="12" y="19"/>
                  </a:cubicBezTo>
                  <a:cubicBezTo>
                    <a:pt x="15" y="20"/>
                    <a:pt x="14" y="37"/>
                    <a:pt x="14" y="40"/>
                  </a:cubicBezTo>
                  <a:cubicBezTo>
                    <a:pt x="14" y="42"/>
                    <a:pt x="12" y="40"/>
                    <a:pt x="12" y="42"/>
                  </a:cubicBezTo>
                  <a:cubicBezTo>
                    <a:pt x="14" y="44"/>
                    <a:pt x="15" y="47"/>
                    <a:pt x="14" y="48"/>
                  </a:cubicBezTo>
                  <a:cubicBezTo>
                    <a:pt x="12" y="50"/>
                    <a:pt x="11" y="50"/>
                    <a:pt x="11" y="50"/>
                  </a:cubicBezTo>
                  <a:cubicBezTo>
                    <a:pt x="8" y="47"/>
                    <a:pt x="4" y="45"/>
                    <a:pt x="6" y="40"/>
                  </a:cubicBezTo>
                  <a:cubicBezTo>
                    <a:pt x="6" y="34"/>
                    <a:pt x="3" y="42"/>
                    <a:pt x="4" y="33"/>
                  </a:cubicBezTo>
                  <a:cubicBezTo>
                    <a:pt x="8" y="23"/>
                    <a:pt x="3" y="28"/>
                    <a:pt x="4" y="22"/>
                  </a:cubicBezTo>
                  <a:cubicBezTo>
                    <a:pt x="6" y="14"/>
                    <a:pt x="1" y="22"/>
                    <a:pt x="3" y="14"/>
                  </a:cubicBezTo>
                  <a:cubicBezTo>
                    <a:pt x="4" y="6"/>
                    <a:pt x="0" y="9"/>
                    <a:pt x="0" y="0"/>
                  </a:cubicBezTo>
                </a:path>
              </a:pathLst>
            </a:custGeom>
            <a:solidFill>
              <a:schemeClr val="accent5"/>
            </a:solidFill>
            <a:ln w="6350" cmpd="sng">
              <a:solidFill>
                <a:schemeClr val="bg1"/>
              </a:solidFill>
              <a:round/>
              <a:headEnd/>
              <a:tailEnd/>
            </a:ln>
          </p:spPr>
          <p:txBody>
            <a:bodyPr/>
            <a:lstStyle/>
            <a:p>
              <a:endParaRPr lang="en-GB" sz="1633" dirty="0"/>
            </a:p>
          </p:txBody>
        </p:sp>
        <p:sp>
          <p:nvSpPr>
            <p:cNvPr id="178" name="Freeform 129"/>
            <p:cNvSpPr>
              <a:spLocks/>
            </p:cNvSpPr>
            <p:nvPr/>
          </p:nvSpPr>
          <p:spPr bwMode="auto">
            <a:xfrm>
              <a:off x="5201163" y="4003136"/>
              <a:ext cx="305289" cy="271541"/>
            </a:xfrm>
            <a:custGeom>
              <a:avLst/>
              <a:gdLst/>
              <a:ahLst/>
              <a:cxnLst>
                <a:cxn ang="0">
                  <a:pos x="35" y="87"/>
                </a:cxn>
                <a:cxn ang="0">
                  <a:pos x="0" y="87"/>
                </a:cxn>
                <a:cxn ang="0">
                  <a:pos x="16" y="79"/>
                </a:cxn>
                <a:cxn ang="0">
                  <a:pos x="26" y="65"/>
                </a:cxn>
                <a:cxn ang="0">
                  <a:pos x="29" y="43"/>
                </a:cxn>
                <a:cxn ang="0">
                  <a:pos x="32" y="34"/>
                </a:cxn>
                <a:cxn ang="0">
                  <a:pos x="45" y="24"/>
                </a:cxn>
                <a:cxn ang="0">
                  <a:pos x="60" y="1"/>
                </a:cxn>
                <a:cxn ang="0">
                  <a:pos x="66" y="7"/>
                </a:cxn>
                <a:cxn ang="0">
                  <a:pos x="76" y="7"/>
                </a:cxn>
                <a:cxn ang="0">
                  <a:pos x="81" y="6"/>
                </a:cxn>
                <a:cxn ang="0">
                  <a:pos x="87" y="9"/>
                </a:cxn>
                <a:cxn ang="0">
                  <a:pos x="95" y="35"/>
                </a:cxn>
                <a:cxn ang="0">
                  <a:pos x="95" y="40"/>
                </a:cxn>
                <a:cxn ang="0">
                  <a:pos x="81" y="43"/>
                </a:cxn>
                <a:cxn ang="0">
                  <a:pos x="73" y="48"/>
                </a:cxn>
                <a:cxn ang="0">
                  <a:pos x="72" y="55"/>
                </a:cxn>
                <a:cxn ang="0">
                  <a:pos x="63" y="62"/>
                </a:cxn>
                <a:cxn ang="0">
                  <a:pos x="43" y="71"/>
                </a:cxn>
                <a:cxn ang="0">
                  <a:pos x="35" y="76"/>
                </a:cxn>
                <a:cxn ang="0">
                  <a:pos x="35" y="87"/>
                </a:cxn>
              </a:cxnLst>
              <a:rect l="0" t="0" r="r" b="b"/>
              <a:pathLst>
                <a:path w="98" h="87">
                  <a:moveTo>
                    <a:pt x="35" y="87"/>
                  </a:moveTo>
                  <a:cubicBezTo>
                    <a:pt x="0" y="87"/>
                    <a:pt x="0" y="87"/>
                    <a:pt x="0" y="87"/>
                  </a:cubicBezTo>
                  <a:cubicBezTo>
                    <a:pt x="2" y="80"/>
                    <a:pt x="10" y="85"/>
                    <a:pt x="16" y="79"/>
                  </a:cubicBezTo>
                  <a:cubicBezTo>
                    <a:pt x="20" y="71"/>
                    <a:pt x="20" y="79"/>
                    <a:pt x="26" y="65"/>
                  </a:cubicBezTo>
                  <a:cubicBezTo>
                    <a:pt x="29" y="59"/>
                    <a:pt x="23" y="51"/>
                    <a:pt x="29" y="43"/>
                  </a:cubicBezTo>
                  <a:cubicBezTo>
                    <a:pt x="34" y="37"/>
                    <a:pt x="28" y="38"/>
                    <a:pt x="32" y="34"/>
                  </a:cubicBezTo>
                  <a:cubicBezTo>
                    <a:pt x="37" y="29"/>
                    <a:pt x="32" y="29"/>
                    <a:pt x="45" y="24"/>
                  </a:cubicBezTo>
                  <a:cubicBezTo>
                    <a:pt x="57" y="20"/>
                    <a:pt x="54" y="3"/>
                    <a:pt x="60" y="1"/>
                  </a:cubicBezTo>
                  <a:cubicBezTo>
                    <a:pt x="64" y="0"/>
                    <a:pt x="60" y="4"/>
                    <a:pt x="66" y="7"/>
                  </a:cubicBezTo>
                  <a:cubicBezTo>
                    <a:pt x="72" y="10"/>
                    <a:pt x="73" y="6"/>
                    <a:pt x="76" y="7"/>
                  </a:cubicBezTo>
                  <a:cubicBezTo>
                    <a:pt x="80" y="9"/>
                    <a:pt x="81" y="3"/>
                    <a:pt x="81" y="6"/>
                  </a:cubicBezTo>
                  <a:cubicBezTo>
                    <a:pt x="81" y="10"/>
                    <a:pt x="86" y="9"/>
                    <a:pt x="87" y="9"/>
                  </a:cubicBezTo>
                  <a:cubicBezTo>
                    <a:pt x="93" y="12"/>
                    <a:pt x="89" y="32"/>
                    <a:pt x="95" y="35"/>
                  </a:cubicBezTo>
                  <a:cubicBezTo>
                    <a:pt x="98" y="37"/>
                    <a:pt x="95" y="37"/>
                    <a:pt x="95" y="40"/>
                  </a:cubicBezTo>
                  <a:cubicBezTo>
                    <a:pt x="95" y="43"/>
                    <a:pt x="84" y="38"/>
                    <a:pt x="81" y="43"/>
                  </a:cubicBezTo>
                  <a:cubicBezTo>
                    <a:pt x="78" y="46"/>
                    <a:pt x="72" y="43"/>
                    <a:pt x="73" y="48"/>
                  </a:cubicBezTo>
                  <a:cubicBezTo>
                    <a:pt x="76" y="52"/>
                    <a:pt x="78" y="52"/>
                    <a:pt x="72" y="55"/>
                  </a:cubicBezTo>
                  <a:cubicBezTo>
                    <a:pt x="66" y="57"/>
                    <a:pt x="66" y="57"/>
                    <a:pt x="63" y="62"/>
                  </a:cubicBezTo>
                  <a:cubicBezTo>
                    <a:pt x="63" y="63"/>
                    <a:pt x="45" y="68"/>
                    <a:pt x="43" y="71"/>
                  </a:cubicBezTo>
                  <a:cubicBezTo>
                    <a:pt x="35" y="76"/>
                    <a:pt x="35" y="76"/>
                    <a:pt x="35" y="76"/>
                  </a:cubicBezTo>
                  <a:cubicBezTo>
                    <a:pt x="35" y="87"/>
                    <a:pt x="35" y="87"/>
                    <a:pt x="35" y="87"/>
                  </a:cubicBezTo>
                  <a:close/>
                </a:path>
              </a:pathLst>
            </a:custGeom>
            <a:solidFill>
              <a:schemeClr val="accent5"/>
            </a:solidFill>
            <a:ln w="6350" cmpd="sng">
              <a:solidFill>
                <a:schemeClr val="bg1"/>
              </a:solidFill>
              <a:round/>
              <a:headEnd/>
              <a:tailEnd/>
            </a:ln>
          </p:spPr>
          <p:txBody>
            <a:bodyPr/>
            <a:lstStyle/>
            <a:p>
              <a:endParaRPr lang="en-GB" sz="1633" dirty="0"/>
            </a:p>
          </p:txBody>
        </p:sp>
        <p:sp>
          <p:nvSpPr>
            <p:cNvPr id="179" name="Freeform 130"/>
            <p:cNvSpPr>
              <a:spLocks/>
            </p:cNvSpPr>
            <p:nvPr/>
          </p:nvSpPr>
          <p:spPr bwMode="auto">
            <a:xfrm>
              <a:off x="5101543" y="4274677"/>
              <a:ext cx="212095" cy="221731"/>
            </a:xfrm>
            <a:custGeom>
              <a:avLst/>
              <a:gdLst/>
              <a:ahLst/>
              <a:cxnLst>
                <a:cxn ang="0">
                  <a:pos x="68" y="4"/>
                </a:cxn>
                <a:cxn ang="0">
                  <a:pos x="68" y="18"/>
                </a:cxn>
                <a:cxn ang="0">
                  <a:pos x="42" y="18"/>
                </a:cxn>
                <a:cxn ang="0">
                  <a:pos x="42" y="43"/>
                </a:cxn>
                <a:cxn ang="0">
                  <a:pos x="34" y="65"/>
                </a:cxn>
                <a:cxn ang="0">
                  <a:pos x="3" y="65"/>
                </a:cxn>
                <a:cxn ang="0">
                  <a:pos x="2" y="71"/>
                </a:cxn>
                <a:cxn ang="0">
                  <a:pos x="2" y="60"/>
                </a:cxn>
                <a:cxn ang="0">
                  <a:pos x="8" y="51"/>
                </a:cxn>
                <a:cxn ang="0">
                  <a:pos x="11" y="42"/>
                </a:cxn>
                <a:cxn ang="0">
                  <a:pos x="13" y="37"/>
                </a:cxn>
                <a:cxn ang="0">
                  <a:pos x="19" y="26"/>
                </a:cxn>
                <a:cxn ang="0">
                  <a:pos x="22" y="18"/>
                </a:cxn>
                <a:cxn ang="0">
                  <a:pos x="33" y="0"/>
                </a:cxn>
                <a:cxn ang="0">
                  <a:pos x="68" y="0"/>
                </a:cxn>
                <a:cxn ang="0">
                  <a:pos x="68" y="4"/>
                </a:cxn>
              </a:cxnLst>
              <a:rect l="0" t="0" r="r" b="b"/>
              <a:pathLst>
                <a:path w="68" h="71">
                  <a:moveTo>
                    <a:pt x="68" y="4"/>
                  </a:moveTo>
                  <a:cubicBezTo>
                    <a:pt x="68" y="18"/>
                    <a:pt x="68" y="18"/>
                    <a:pt x="68" y="18"/>
                  </a:cubicBezTo>
                  <a:cubicBezTo>
                    <a:pt x="42" y="18"/>
                    <a:pt x="42" y="18"/>
                    <a:pt x="42" y="18"/>
                  </a:cubicBezTo>
                  <a:cubicBezTo>
                    <a:pt x="42" y="43"/>
                    <a:pt x="42" y="43"/>
                    <a:pt x="42" y="43"/>
                  </a:cubicBezTo>
                  <a:cubicBezTo>
                    <a:pt x="33" y="48"/>
                    <a:pt x="31" y="46"/>
                    <a:pt x="34" y="65"/>
                  </a:cubicBezTo>
                  <a:cubicBezTo>
                    <a:pt x="34" y="65"/>
                    <a:pt x="5" y="65"/>
                    <a:pt x="3" y="65"/>
                  </a:cubicBezTo>
                  <a:cubicBezTo>
                    <a:pt x="2" y="65"/>
                    <a:pt x="0" y="68"/>
                    <a:pt x="2" y="71"/>
                  </a:cubicBezTo>
                  <a:cubicBezTo>
                    <a:pt x="0" y="71"/>
                    <a:pt x="0" y="68"/>
                    <a:pt x="2" y="60"/>
                  </a:cubicBezTo>
                  <a:cubicBezTo>
                    <a:pt x="3" y="54"/>
                    <a:pt x="7" y="57"/>
                    <a:pt x="8" y="51"/>
                  </a:cubicBezTo>
                  <a:cubicBezTo>
                    <a:pt x="8" y="45"/>
                    <a:pt x="13" y="42"/>
                    <a:pt x="11" y="42"/>
                  </a:cubicBezTo>
                  <a:cubicBezTo>
                    <a:pt x="10" y="42"/>
                    <a:pt x="8" y="42"/>
                    <a:pt x="13" y="37"/>
                  </a:cubicBezTo>
                  <a:cubicBezTo>
                    <a:pt x="17" y="32"/>
                    <a:pt x="19" y="34"/>
                    <a:pt x="19" y="26"/>
                  </a:cubicBezTo>
                  <a:cubicBezTo>
                    <a:pt x="20" y="18"/>
                    <a:pt x="20" y="23"/>
                    <a:pt x="22" y="18"/>
                  </a:cubicBezTo>
                  <a:cubicBezTo>
                    <a:pt x="23" y="9"/>
                    <a:pt x="26" y="18"/>
                    <a:pt x="33" y="0"/>
                  </a:cubicBezTo>
                  <a:cubicBezTo>
                    <a:pt x="68" y="0"/>
                    <a:pt x="68" y="0"/>
                    <a:pt x="68" y="0"/>
                  </a:cubicBezTo>
                  <a:cubicBezTo>
                    <a:pt x="68" y="4"/>
                    <a:pt x="68" y="4"/>
                    <a:pt x="68" y="4"/>
                  </a:cubicBezTo>
                  <a:close/>
                </a:path>
              </a:pathLst>
            </a:custGeom>
            <a:solidFill>
              <a:schemeClr val="accent5"/>
            </a:solidFill>
            <a:ln w="6350" cmpd="sng">
              <a:solidFill>
                <a:schemeClr val="bg1"/>
              </a:solidFill>
              <a:round/>
              <a:headEnd/>
              <a:tailEnd/>
            </a:ln>
          </p:spPr>
          <p:txBody>
            <a:bodyPr/>
            <a:lstStyle/>
            <a:p>
              <a:endParaRPr lang="en-GB" sz="1633" dirty="0"/>
            </a:p>
          </p:txBody>
        </p:sp>
        <p:sp>
          <p:nvSpPr>
            <p:cNvPr id="180" name="Freeform 131"/>
            <p:cNvSpPr>
              <a:spLocks/>
            </p:cNvSpPr>
            <p:nvPr/>
          </p:nvSpPr>
          <p:spPr bwMode="auto">
            <a:xfrm>
              <a:off x="5128859" y="4258610"/>
              <a:ext cx="19281" cy="16068"/>
            </a:xfrm>
            <a:custGeom>
              <a:avLst/>
              <a:gdLst/>
              <a:ahLst/>
              <a:cxnLst>
                <a:cxn ang="0">
                  <a:pos x="3" y="5"/>
                </a:cxn>
                <a:cxn ang="0">
                  <a:pos x="3" y="0"/>
                </a:cxn>
                <a:cxn ang="0">
                  <a:pos x="3" y="5"/>
                </a:cxn>
              </a:cxnLst>
              <a:rect l="0" t="0" r="r" b="b"/>
              <a:pathLst>
                <a:path w="6" h="5">
                  <a:moveTo>
                    <a:pt x="3" y="5"/>
                  </a:moveTo>
                  <a:cubicBezTo>
                    <a:pt x="0" y="5"/>
                    <a:pt x="2" y="0"/>
                    <a:pt x="3" y="0"/>
                  </a:cubicBezTo>
                  <a:cubicBezTo>
                    <a:pt x="6" y="2"/>
                    <a:pt x="5" y="5"/>
                    <a:pt x="3" y="5"/>
                  </a:cubicBezTo>
                </a:path>
              </a:pathLst>
            </a:custGeom>
            <a:grpFill/>
            <a:ln w="6350" cmpd="sng">
              <a:solidFill>
                <a:schemeClr val="bg1"/>
              </a:solidFill>
              <a:round/>
              <a:headEnd/>
              <a:tailEnd/>
            </a:ln>
          </p:spPr>
          <p:txBody>
            <a:bodyPr/>
            <a:lstStyle/>
            <a:p>
              <a:endParaRPr lang="en-GB" sz="1633" dirty="0"/>
            </a:p>
          </p:txBody>
        </p:sp>
        <p:sp>
          <p:nvSpPr>
            <p:cNvPr id="181" name="Freeform 132"/>
            <p:cNvSpPr>
              <a:spLocks/>
            </p:cNvSpPr>
            <p:nvPr/>
          </p:nvSpPr>
          <p:spPr bwMode="auto">
            <a:xfrm>
              <a:off x="5162601" y="4240935"/>
              <a:ext cx="25709" cy="24102"/>
            </a:xfrm>
            <a:custGeom>
              <a:avLst/>
              <a:gdLst/>
              <a:ahLst/>
              <a:cxnLst>
                <a:cxn ang="0">
                  <a:pos x="5" y="6"/>
                </a:cxn>
                <a:cxn ang="0">
                  <a:pos x="2" y="6"/>
                </a:cxn>
                <a:cxn ang="0">
                  <a:pos x="6" y="0"/>
                </a:cxn>
                <a:cxn ang="0">
                  <a:pos x="5" y="6"/>
                </a:cxn>
              </a:cxnLst>
              <a:rect l="0" t="0" r="r" b="b"/>
              <a:pathLst>
                <a:path w="8" h="8">
                  <a:moveTo>
                    <a:pt x="5" y="6"/>
                  </a:moveTo>
                  <a:cubicBezTo>
                    <a:pt x="0" y="8"/>
                    <a:pt x="0" y="8"/>
                    <a:pt x="2" y="6"/>
                  </a:cubicBezTo>
                  <a:cubicBezTo>
                    <a:pt x="5" y="4"/>
                    <a:pt x="5" y="0"/>
                    <a:pt x="6" y="0"/>
                  </a:cubicBezTo>
                  <a:cubicBezTo>
                    <a:pt x="8" y="1"/>
                    <a:pt x="6" y="6"/>
                    <a:pt x="5" y="6"/>
                  </a:cubicBezTo>
                </a:path>
              </a:pathLst>
            </a:custGeom>
            <a:grpFill/>
            <a:ln w="6350" cmpd="sng">
              <a:solidFill>
                <a:schemeClr val="bg1"/>
              </a:solidFill>
              <a:round/>
              <a:headEnd/>
              <a:tailEnd/>
            </a:ln>
          </p:spPr>
          <p:txBody>
            <a:bodyPr/>
            <a:lstStyle/>
            <a:p>
              <a:endParaRPr lang="en-GB" sz="1633" dirty="0"/>
            </a:p>
          </p:txBody>
        </p:sp>
        <p:sp>
          <p:nvSpPr>
            <p:cNvPr id="182" name="Freeform 133"/>
            <p:cNvSpPr>
              <a:spLocks/>
            </p:cNvSpPr>
            <p:nvPr/>
          </p:nvSpPr>
          <p:spPr bwMode="auto">
            <a:xfrm>
              <a:off x="5181882" y="4224867"/>
              <a:ext cx="9641" cy="16068"/>
            </a:xfrm>
            <a:custGeom>
              <a:avLst/>
              <a:gdLst/>
              <a:ahLst/>
              <a:cxnLst>
                <a:cxn ang="0">
                  <a:pos x="0" y="3"/>
                </a:cxn>
                <a:cxn ang="0">
                  <a:pos x="3" y="0"/>
                </a:cxn>
                <a:cxn ang="0">
                  <a:pos x="2" y="3"/>
                </a:cxn>
                <a:cxn ang="0">
                  <a:pos x="0" y="3"/>
                </a:cxn>
              </a:cxnLst>
              <a:rect l="0" t="0" r="r" b="b"/>
              <a:pathLst>
                <a:path w="3" h="5">
                  <a:moveTo>
                    <a:pt x="0" y="3"/>
                  </a:moveTo>
                  <a:cubicBezTo>
                    <a:pt x="0" y="0"/>
                    <a:pt x="2" y="1"/>
                    <a:pt x="3" y="0"/>
                  </a:cubicBezTo>
                  <a:cubicBezTo>
                    <a:pt x="3" y="0"/>
                    <a:pt x="3" y="1"/>
                    <a:pt x="2" y="3"/>
                  </a:cubicBezTo>
                  <a:cubicBezTo>
                    <a:pt x="2" y="3"/>
                    <a:pt x="0" y="5"/>
                    <a:pt x="0" y="3"/>
                  </a:cubicBezTo>
                </a:path>
              </a:pathLst>
            </a:custGeom>
            <a:grpFill/>
            <a:ln w="6350" cmpd="sng">
              <a:solidFill>
                <a:schemeClr val="bg1"/>
              </a:solidFill>
              <a:round/>
              <a:headEnd/>
              <a:tailEnd/>
            </a:ln>
          </p:spPr>
          <p:txBody>
            <a:bodyPr/>
            <a:lstStyle/>
            <a:p>
              <a:endParaRPr lang="en-GB" sz="1633" dirty="0"/>
            </a:p>
          </p:txBody>
        </p:sp>
        <p:sp>
          <p:nvSpPr>
            <p:cNvPr id="183" name="Freeform 134"/>
            <p:cNvSpPr>
              <a:spLocks/>
            </p:cNvSpPr>
            <p:nvPr/>
          </p:nvSpPr>
          <p:spPr bwMode="auto">
            <a:xfrm>
              <a:off x="5101543" y="4244148"/>
              <a:ext cx="24102" cy="24102"/>
            </a:xfrm>
            <a:custGeom>
              <a:avLst/>
              <a:gdLst/>
              <a:ahLst/>
              <a:cxnLst>
                <a:cxn ang="0">
                  <a:pos x="3" y="6"/>
                </a:cxn>
                <a:cxn ang="0">
                  <a:pos x="2" y="3"/>
                </a:cxn>
                <a:cxn ang="0">
                  <a:pos x="8" y="0"/>
                </a:cxn>
                <a:cxn ang="0">
                  <a:pos x="6" y="5"/>
                </a:cxn>
                <a:cxn ang="0">
                  <a:pos x="3" y="6"/>
                </a:cxn>
              </a:cxnLst>
              <a:rect l="0" t="0" r="r" b="b"/>
              <a:pathLst>
                <a:path w="8" h="8">
                  <a:moveTo>
                    <a:pt x="3" y="6"/>
                  </a:moveTo>
                  <a:cubicBezTo>
                    <a:pt x="2" y="3"/>
                    <a:pt x="0" y="3"/>
                    <a:pt x="2" y="3"/>
                  </a:cubicBezTo>
                  <a:cubicBezTo>
                    <a:pt x="5" y="2"/>
                    <a:pt x="8" y="0"/>
                    <a:pt x="8" y="0"/>
                  </a:cubicBezTo>
                  <a:cubicBezTo>
                    <a:pt x="8" y="2"/>
                    <a:pt x="6" y="2"/>
                    <a:pt x="6" y="5"/>
                  </a:cubicBezTo>
                  <a:cubicBezTo>
                    <a:pt x="5" y="6"/>
                    <a:pt x="3" y="8"/>
                    <a:pt x="3" y="6"/>
                  </a:cubicBezTo>
                </a:path>
              </a:pathLst>
            </a:custGeom>
            <a:grpFill/>
            <a:ln w="6350" cmpd="sng">
              <a:solidFill>
                <a:schemeClr val="bg1"/>
              </a:solidFill>
              <a:round/>
              <a:headEnd/>
              <a:tailEnd/>
            </a:ln>
          </p:spPr>
          <p:txBody>
            <a:bodyPr/>
            <a:lstStyle/>
            <a:p>
              <a:endParaRPr lang="en-GB" sz="1633" dirty="0"/>
            </a:p>
          </p:txBody>
        </p:sp>
        <p:sp>
          <p:nvSpPr>
            <p:cNvPr id="184" name="Freeform 135"/>
            <p:cNvSpPr>
              <a:spLocks/>
            </p:cNvSpPr>
            <p:nvPr/>
          </p:nvSpPr>
          <p:spPr bwMode="auto">
            <a:xfrm>
              <a:off x="5079048" y="4234509"/>
              <a:ext cx="9641" cy="17674"/>
            </a:xfrm>
            <a:custGeom>
              <a:avLst/>
              <a:gdLst/>
              <a:ahLst/>
              <a:cxnLst>
                <a:cxn ang="0">
                  <a:pos x="1" y="2"/>
                </a:cxn>
                <a:cxn ang="0">
                  <a:pos x="1" y="5"/>
                </a:cxn>
                <a:cxn ang="0">
                  <a:pos x="1" y="2"/>
                </a:cxn>
              </a:cxnLst>
              <a:rect l="0" t="0" r="r" b="b"/>
              <a:pathLst>
                <a:path w="3" h="6">
                  <a:moveTo>
                    <a:pt x="1" y="2"/>
                  </a:moveTo>
                  <a:cubicBezTo>
                    <a:pt x="1" y="0"/>
                    <a:pt x="3" y="3"/>
                    <a:pt x="1" y="5"/>
                  </a:cubicBezTo>
                  <a:cubicBezTo>
                    <a:pt x="1" y="6"/>
                    <a:pt x="0" y="2"/>
                    <a:pt x="1" y="2"/>
                  </a:cubicBezTo>
                </a:path>
              </a:pathLst>
            </a:custGeom>
            <a:grpFill/>
            <a:ln w="6350" cmpd="sng">
              <a:solidFill>
                <a:schemeClr val="bg1"/>
              </a:solidFill>
              <a:round/>
              <a:headEnd/>
              <a:tailEnd/>
            </a:ln>
          </p:spPr>
          <p:txBody>
            <a:bodyPr/>
            <a:lstStyle/>
            <a:p>
              <a:endParaRPr lang="en-GB" sz="1633" dirty="0"/>
            </a:p>
          </p:txBody>
        </p:sp>
        <p:sp>
          <p:nvSpPr>
            <p:cNvPr id="185" name="Freeform 136"/>
            <p:cNvSpPr>
              <a:spLocks/>
            </p:cNvSpPr>
            <p:nvPr/>
          </p:nvSpPr>
          <p:spPr bwMode="auto">
            <a:xfrm>
              <a:off x="5091903" y="4258610"/>
              <a:ext cx="9641" cy="6427"/>
            </a:xfrm>
            <a:custGeom>
              <a:avLst/>
              <a:gdLst/>
              <a:ahLst/>
              <a:cxnLst>
                <a:cxn ang="0">
                  <a:pos x="2" y="0"/>
                </a:cxn>
                <a:cxn ang="0">
                  <a:pos x="3" y="2"/>
                </a:cxn>
                <a:cxn ang="0">
                  <a:pos x="2" y="0"/>
                </a:cxn>
              </a:cxnLst>
              <a:rect l="0" t="0" r="r" b="b"/>
              <a:pathLst>
                <a:path w="3" h="2">
                  <a:moveTo>
                    <a:pt x="2" y="0"/>
                  </a:moveTo>
                  <a:cubicBezTo>
                    <a:pt x="3" y="0"/>
                    <a:pt x="3" y="2"/>
                    <a:pt x="3" y="2"/>
                  </a:cubicBezTo>
                  <a:cubicBezTo>
                    <a:pt x="2" y="2"/>
                    <a:pt x="0" y="0"/>
                    <a:pt x="2" y="0"/>
                  </a:cubicBezTo>
                </a:path>
              </a:pathLst>
            </a:custGeom>
            <a:grpFill/>
            <a:ln w="6350" cmpd="sng">
              <a:solidFill>
                <a:schemeClr val="bg1"/>
              </a:solidFill>
              <a:round/>
              <a:headEnd/>
              <a:tailEnd/>
            </a:ln>
          </p:spPr>
          <p:txBody>
            <a:bodyPr/>
            <a:lstStyle/>
            <a:p>
              <a:endParaRPr lang="en-GB" sz="1633" dirty="0"/>
            </a:p>
          </p:txBody>
        </p:sp>
        <p:sp>
          <p:nvSpPr>
            <p:cNvPr id="186" name="Freeform 137"/>
            <p:cNvSpPr>
              <a:spLocks/>
            </p:cNvSpPr>
            <p:nvPr/>
          </p:nvSpPr>
          <p:spPr bwMode="auto">
            <a:xfrm>
              <a:off x="5072621" y="4268250"/>
              <a:ext cx="9641" cy="9640"/>
            </a:xfrm>
            <a:custGeom>
              <a:avLst/>
              <a:gdLst/>
              <a:ahLst/>
              <a:cxnLst>
                <a:cxn ang="0">
                  <a:pos x="2" y="0"/>
                </a:cxn>
                <a:cxn ang="0">
                  <a:pos x="3" y="2"/>
                </a:cxn>
                <a:cxn ang="0">
                  <a:pos x="2" y="0"/>
                </a:cxn>
              </a:cxnLst>
              <a:rect l="0" t="0" r="r" b="b"/>
              <a:pathLst>
                <a:path w="3" h="3">
                  <a:moveTo>
                    <a:pt x="2" y="0"/>
                  </a:moveTo>
                  <a:cubicBezTo>
                    <a:pt x="3" y="0"/>
                    <a:pt x="3" y="0"/>
                    <a:pt x="3" y="2"/>
                  </a:cubicBezTo>
                  <a:cubicBezTo>
                    <a:pt x="2" y="3"/>
                    <a:pt x="0" y="2"/>
                    <a:pt x="2" y="0"/>
                  </a:cubicBezTo>
                </a:path>
              </a:pathLst>
            </a:custGeom>
            <a:grpFill/>
            <a:ln w="6350" cmpd="sng">
              <a:solidFill>
                <a:schemeClr val="bg1"/>
              </a:solidFill>
              <a:round/>
              <a:headEnd/>
              <a:tailEnd/>
            </a:ln>
          </p:spPr>
          <p:txBody>
            <a:bodyPr/>
            <a:lstStyle/>
            <a:p>
              <a:endParaRPr lang="en-GB" sz="1633" dirty="0"/>
            </a:p>
          </p:txBody>
        </p:sp>
        <p:sp>
          <p:nvSpPr>
            <p:cNvPr id="187" name="Freeform 138"/>
            <p:cNvSpPr>
              <a:spLocks/>
            </p:cNvSpPr>
            <p:nvPr/>
          </p:nvSpPr>
          <p:spPr bwMode="auto">
            <a:xfrm>
              <a:off x="5244547" y="4872389"/>
              <a:ext cx="99621" cy="131754"/>
            </a:xfrm>
            <a:custGeom>
              <a:avLst/>
              <a:gdLst/>
              <a:ahLst/>
              <a:cxnLst>
                <a:cxn ang="0">
                  <a:pos x="9" y="0"/>
                </a:cxn>
                <a:cxn ang="0">
                  <a:pos x="16" y="3"/>
                </a:cxn>
                <a:cxn ang="0">
                  <a:pos x="16" y="10"/>
                </a:cxn>
                <a:cxn ang="0">
                  <a:pos x="19" y="13"/>
                </a:cxn>
                <a:cxn ang="0">
                  <a:pos x="23" y="8"/>
                </a:cxn>
                <a:cxn ang="0">
                  <a:pos x="23" y="19"/>
                </a:cxn>
                <a:cxn ang="0">
                  <a:pos x="29" y="24"/>
                </a:cxn>
                <a:cxn ang="0">
                  <a:pos x="32" y="28"/>
                </a:cxn>
                <a:cxn ang="0">
                  <a:pos x="31" y="41"/>
                </a:cxn>
                <a:cxn ang="0">
                  <a:pos x="26" y="39"/>
                </a:cxn>
                <a:cxn ang="0">
                  <a:pos x="13" y="28"/>
                </a:cxn>
                <a:cxn ang="0">
                  <a:pos x="5" y="22"/>
                </a:cxn>
                <a:cxn ang="0">
                  <a:pos x="0" y="16"/>
                </a:cxn>
                <a:cxn ang="0">
                  <a:pos x="6" y="6"/>
                </a:cxn>
                <a:cxn ang="0">
                  <a:pos x="9" y="0"/>
                </a:cxn>
              </a:cxnLst>
              <a:rect l="0" t="0" r="r" b="b"/>
              <a:pathLst>
                <a:path w="32" h="42">
                  <a:moveTo>
                    <a:pt x="9" y="0"/>
                  </a:moveTo>
                  <a:cubicBezTo>
                    <a:pt x="11" y="0"/>
                    <a:pt x="17" y="0"/>
                    <a:pt x="16" y="3"/>
                  </a:cubicBezTo>
                  <a:cubicBezTo>
                    <a:pt x="16" y="5"/>
                    <a:pt x="17" y="6"/>
                    <a:pt x="16" y="10"/>
                  </a:cubicBezTo>
                  <a:cubicBezTo>
                    <a:pt x="16" y="13"/>
                    <a:pt x="17" y="10"/>
                    <a:pt x="19" y="13"/>
                  </a:cubicBezTo>
                  <a:cubicBezTo>
                    <a:pt x="20" y="16"/>
                    <a:pt x="22" y="6"/>
                    <a:pt x="23" y="8"/>
                  </a:cubicBezTo>
                  <a:cubicBezTo>
                    <a:pt x="26" y="14"/>
                    <a:pt x="25" y="16"/>
                    <a:pt x="23" y="19"/>
                  </a:cubicBezTo>
                  <a:cubicBezTo>
                    <a:pt x="22" y="22"/>
                    <a:pt x="29" y="20"/>
                    <a:pt x="29" y="24"/>
                  </a:cubicBezTo>
                  <a:cubicBezTo>
                    <a:pt x="29" y="27"/>
                    <a:pt x="32" y="25"/>
                    <a:pt x="32" y="28"/>
                  </a:cubicBezTo>
                  <a:cubicBezTo>
                    <a:pt x="32" y="33"/>
                    <a:pt x="31" y="36"/>
                    <a:pt x="31" y="41"/>
                  </a:cubicBezTo>
                  <a:cubicBezTo>
                    <a:pt x="29" y="42"/>
                    <a:pt x="31" y="41"/>
                    <a:pt x="26" y="39"/>
                  </a:cubicBezTo>
                  <a:cubicBezTo>
                    <a:pt x="23" y="38"/>
                    <a:pt x="17" y="34"/>
                    <a:pt x="13" y="28"/>
                  </a:cubicBezTo>
                  <a:cubicBezTo>
                    <a:pt x="8" y="22"/>
                    <a:pt x="6" y="24"/>
                    <a:pt x="5" y="22"/>
                  </a:cubicBezTo>
                  <a:cubicBezTo>
                    <a:pt x="5" y="19"/>
                    <a:pt x="2" y="19"/>
                    <a:pt x="0" y="16"/>
                  </a:cubicBezTo>
                  <a:cubicBezTo>
                    <a:pt x="5" y="8"/>
                    <a:pt x="6" y="10"/>
                    <a:pt x="6" y="6"/>
                  </a:cubicBezTo>
                  <a:cubicBezTo>
                    <a:pt x="6" y="3"/>
                    <a:pt x="9" y="5"/>
                    <a:pt x="9" y="0"/>
                  </a:cubicBezTo>
                </a:path>
              </a:pathLst>
            </a:custGeom>
            <a:solidFill>
              <a:schemeClr val="accent5"/>
            </a:solidFill>
            <a:ln w="6350" cmpd="sng">
              <a:solidFill>
                <a:schemeClr val="bg1"/>
              </a:solidFill>
              <a:round/>
              <a:headEnd/>
              <a:tailEnd/>
            </a:ln>
          </p:spPr>
          <p:txBody>
            <a:bodyPr/>
            <a:lstStyle/>
            <a:p>
              <a:endParaRPr lang="en-GB" sz="1633" dirty="0"/>
            </a:p>
          </p:txBody>
        </p:sp>
        <p:sp>
          <p:nvSpPr>
            <p:cNvPr id="188" name="Freeform 139"/>
            <p:cNvSpPr>
              <a:spLocks/>
            </p:cNvSpPr>
            <p:nvPr/>
          </p:nvSpPr>
          <p:spPr bwMode="auto">
            <a:xfrm>
              <a:off x="5197950" y="4825793"/>
              <a:ext cx="73912" cy="96405"/>
            </a:xfrm>
            <a:custGeom>
              <a:avLst/>
              <a:gdLst/>
              <a:ahLst/>
              <a:cxnLst>
                <a:cxn ang="0">
                  <a:pos x="15" y="31"/>
                </a:cxn>
                <a:cxn ang="0">
                  <a:pos x="21" y="21"/>
                </a:cxn>
                <a:cxn ang="0">
                  <a:pos x="24" y="15"/>
                </a:cxn>
                <a:cxn ang="0">
                  <a:pos x="23" y="12"/>
                </a:cxn>
                <a:cxn ang="0">
                  <a:pos x="21" y="9"/>
                </a:cxn>
                <a:cxn ang="0">
                  <a:pos x="18" y="3"/>
                </a:cxn>
                <a:cxn ang="0">
                  <a:pos x="11" y="1"/>
                </a:cxn>
                <a:cxn ang="0">
                  <a:pos x="6" y="3"/>
                </a:cxn>
                <a:cxn ang="0">
                  <a:pos x="0" y="11"/>
                </a:cxn>
                <a:cxn ang="0">
                  <a:pos x="0" y="14"/>
                </a:cxn>
                <a:cxn ang="0">
                  <a:pos x="3" y="15"/>
                </a:cxn>
                <a:cxn ang="0">
                  <a:pos x="0" y="17"/>
                </a:cxn>
                <a:cxn ang="0">
                  <a:pos x="3" y="20"/>
                </a:cxn>
                <a:cxn ang="0">
                  <a:pos x="3" y="21"/>
                </a:cxn>
                <a:cxn ang="0">
                  <a:pos x="6" y="24"/>
                </a:cxn>
                <a:cxn ang="0">
                  <a:pos x="8" y="28"/>
                </a:cxn>
                <a:cxn ang="0">
                  <a:pos x="15" y="31"/>
                </a:cxn>
              </a:cxnLst>
              <a:rect l="0" t="0" r="r" b="b"/>
              <a:pathLst>
                <a:path w="24" h="31">
                  <a:moveTo>
                    <a:pt x="15" y="31"/>
                  </a:moveTo>
                  <a:cubicBezTo>
                    <a:pt x="20" y="23"/>
                    <a:pt x="21" y="24"/>
                    <a:pt x="21" y="21"/>
                  </a:cubicBezTo>
                  <a:cubicBezTo>
                    <a:pt x="21" y="18"/>
                    <a:pt x="24" y="20"/>
                    <a:pt x="24" y="15"/>
                  </a:cubicBezTo>
                  <a:cubicBezTo>
                    <a:pt x="20" y="20"/>
                    <a:pt x="23" y="14"/>
                    <a:pt x="23" y="12"/>
                  </a:cubicBezTo>
                  <a:cubicBezTo>
                    <a:pt x="21" y="9"/>
                    <a:pt x="21" y="9"/>
                    <a:pt x="21" y="9"/>
                  </a:cubicBezTo>
                  <a:cubicBezTo>
                    <a:pt x="21" y="6"/>
                    <a:pt x="20" y="7"/>
                    <a:pt x="18" y="3"/>
                  </a:cubicBezTo>
                  <a:cubicBezTo>
                    <a:pt x="17" y="0"/>
                    <a:pt x="11" y="0"/>
                    <a:pt x="11" y="1"/>
                  </a:cubicBezTo>
                  <a:cubicBezTo>
                    <a:pt x="11" y="3"/>
                    <a:pt x="8" y="0"/>
                    <a:pt x="6" y="3"/>
                  </a:cubicBezTo>
                  <a:cubicBezTo>
                    <a:pt x="6" y="7"/>
                    <a:pt x="3" y="9"/>
                    <a:pt x="0" y="11"/>
                  </a:cubicBezTo>
                  <a:cubicBezTo>
                    <a:pt x="3" y="12"/>
                    <a:pt x="0" y="12"/>
                    <a:pt x="0" y="14"/>
                  </a:cubicBezTo>
                  <a:cubicBezTo>
                    <a:pt x="1" y="15"/>
                    <a:pt x="1" y="14"/>
                    <a:pt x="3" y="15"/>
                  </a:cubicBezTo>
                  <a:cubicBezTo>
                    <a:pt x="1" y="17"/>
                    <a:pt x="0" y="14"/>
                    <a:pt x="0" y="17"/>
                  </a:cubicBezTo>
                  <a:cubicBezTo>
                    <a:pt x="1" y="20"/>
                    <a:pt x="3" y="17"/>
                    <a:pt x="3" y="20"/>
                  </a:cubicBezTo>
                  <a:cubicBezTo>
                    <a:pt x="4" y="21"/>
                    <a:pt x="1" y="20"/>
                    <a:pt x="3" y="21"/>
                  </a:cubicBezTo>
                  <a:cubicBezTo>
                    <a:pt x="3" y="23"/>
                    <a:pt x="6" y="23"/>
                    <a:pt x="6" y="24"/>
                  </a:cubicBezTo>
                  <a:cubicBezTo>
                    <a:pt x="8" y="26"/>
                    <a:pt x="4" y="26"/>
                    <a:pt x="8" y="28"/>
                  </a:cubicBezTo>
                  <a:cubicBezTo>
                    <a:pt x="11" y="28"/>
                    <a:pt x="14" y="29"/>
                    <a:pt x="15" y="31"/>
                  </a:cubicBezTo>
                </a:path>
              </a:pathLst>
            </a:custGeom>
            <a:solidFill>
              <a:schemeClr val="accent5"/>
            </a:solidFill>
            <a:ln w="6350" cmpd="sng">
              <a:solidFill>
                <a:schemeClr val="bg1"/>
              </a:solidFill>
              <a:round/>
              <a:headEnd/>
              <a:tailEnd/>
            </a:ln>
          </p:spPr>
          <p:txBody>
            <a:bodyPr/>
            <a:lstStyle/>
            <a:p>
              <a:endParaRPr lang="en-GB" sz="1633" dirty="0"/>
            </a:p>
          </p:txBody>
        </p:sp>
        <p:sp>
          <p:nvSpPr>
            <p:cNvPr id="189" name="Freeform 140"/>
            <p:cNvSpPr>
              <a:spLocks/>
            </p:cNvSpPr>
            <p:nvPr/>
          </p:nvSpPr>
          <p:spPr bwMode="auto">
            <a:xfrm>
              <a:off x="5091903" y="4623342"/>
              <a:ext cx="159071" cy="134967"/>
            </a:xfrm>
            <a:custGeom>
              <a:avLst/>
              <a:gdLst/>
              <a:ahLst/>
              <a:cxnLst>
                <a:cxn ang="0">
                  <a:pos x="8" y="30"/>
                </a:cxn>
                <a:cxn ang="0">
                  <a:pos x="3" y="20"/>
                </a:cxn>
                <a:cxn ang="0">
                  <a:pos x="2" y="18"/>
                </a:cxn>
                <a:cxn ang="0">
                  <a:pos x="10" y="4"/>
                </a:cxn>
                <a:cxn ang="0">
                  <a:pos x="25" y="1"/>
                </a:cxn>
                <a:cxn ang="0">
                  <a:pos x="33" y="6"/>
                </a:cxn>
                <a:cxn ang="0">
                  <a:pos x="43" y="20"/>
                </a:cxn>
                <a:cxn ang="0">
                  <a:pos x="45" y="26"/>
                </a:cxn>
                <a:cxn ang="0">
                  <a:pos x="45" y="30"/>
                </a:cxn>
                <a:cxn ang="0">
                  <a:pos x="49" y="35"/>
                </a:cxn>
                <a:cxn ang="0">
                  <a:pos x="49" y="41"/>
                </a:cxn>
                <a:cxn ang="0">
                  <a:pos x="43" y="41"/>
                </a:cxn>
                <a:cxn ang="0">
                  <a:pos x="31" y="40"/>
                </a:cxn>
                <a:cxn ang="0">
                  <a:pos x="19" y="40"/>
                </a:cxn>
                <a:cxn ang="0">
                  <a:pos x="17" y="41"/>
                </a:cxn>
                <a:cxn ang="0">
                  <a:pos x="8" y="43"/>
                </a:cxn>
                <a:cxn ang="0">
                  <a:pos x="7" y="41"/>
                </a:cxn>
                <a:cxn ang="0">
                  <a:pos x="16" y="40"/>
                </a:cxn>
                <a:cxn ang="0">
                  <a:pos x="11" y="40"/>
                </a:cxn>
                <a:cxn ang="0">
                  <a:pos x="8" y="40"/>
                </a:cxn>
                <a:cxn ang="0">
                  <a:pos x="7" y="35"/>
                </a:cxn>
                <a:cxn ang="0">
                  <a:pos x="14" y="33"/>
                </a:cxn>
                <a:cxn ang="0">
                  <a:pos x="19" y="32"/>
                </a:cxn>
                <a:cxn ang="0">
                  <a:pos x="25" y="32"/>
                </a:cxn>
                <a:cxn ang="0">
                  <a:pos x="31" y="30"/>
                </a:cxn>
                <a:cxn ang="0">
                  <a:pos x="25" y="30"/>
                </a:cxn>
                <a:cxn ang="0">
                  <a:pos x="22" y="29"/>
                </a:cxn>
                <a:cxn ang="0">
                  <a:pos x="17" y="30"/>
                </a:cxn>
                <a:cxn ang="0">
                  <a:pos x="8" y="30"/>
                </a:cxn>
              </a:cxnLst>
              <a:rect l="0" t="0" r="r" b="b"/>
              <a:pathLst>
                <a:path w="51" h="43">
                  <a:moveTo>
                    <a:pt x="8" y="30"/>
                  </a:moveTo>
                  <a:cubicBezTo>
                    <a:pt x="5" y="27"/>
                    <a:pt x="5" y="18"/>
                    <a:pt x="3" y="20"/>
                  </a:cubicBezTo>
                  <a:cubicBezTo>
                    <a:pt x="0" y="20"/>
                    <a:pt x="0" y="18"/>
                    <a:pt x="2" y="18"/>
                  </a:cubicBezTo>
                  <a:cubicBezTo>
                    <a:pt x="7" y="15"/>
                    <a:pt x="10" y="7"/>
                    <a:pt x="10" y="4"/>
                  </a:cubicBezTo>
                  <a:cubicBezTo>
                    <a:pt x="10" y="0"/>
                    <a:pt x="20" y="1"/>
                    <a:pt x="25" y="1"/>
                  </a:cubicBezTo>
                  <a:cubicBezTo>
                    <a:pt x="28" y="0"/>
                    <a:pt x="31" y="4"/>
                    <a:pt x="33" y="6"/>
                  </a:cubicBezTo>
                  <a:cubicBezTo>
                    <a:pt x="36" y="7"/>
                    <a:pt x="40" y="17"/>
                    <a:pt x="43" y="20"/>
                  </a:cubicBezTo>
                  <a:cubicBezTo>
                    <a:pt x="42" y="24"/>
                    <a:pt x="45" y="21"/>
                    <a:pt x="45" y="26"/>
                  </a:cubicBezTo>
                  <a:cubicBezTo>
                    <a:pt x="45" y="30"/>
                    <a:pt x="43" y="27"/>
                    <a:pt x="45" y="30"/>
                  </a:cubicBezTo>
                  <a:cubicBezTo>
                    <a:pt x="46" y="35"/>
                    <a:pt x="46" y="30"/>
                    <a:pt x="49" y="35"/>
                  </a:cubicBezTo>
                  <a:cubicBezTo>
                    <a:pt x="51" y="38"/>
                    <a:pt x="49" y="38"/>
                    <a:pt x="49" y="41"/>
                  </a:cubicBezTo>
                  <a:cubicBezTo>
                    <a:pt x="48" y="41"/>
                    <a:pt x="45" y="40"/>
                    <a:pt x="43" y="41"/>
                  </a:cubicBezTo>
                  <a:cubicBezTo>
                    <a:pt x="40" y="43"/>
                    <a:pt x="37" y="40"/>
                    <a:pt x="31" y="40"/>
                  </a:cubicBezTo>
                  <a:cubicBezTo>
                    <a:pt x="28" y="40"/>
                    <a:pt x="22" y="38"/>
                    <a:pt x="19" y="40"/>
                  </a:cubicBezTo>
                  <a:cubicBezTo>
                    <a:pt x="14" y="40"/>
                    <a:pt x="20" y="40"/>
                    <a:pt x="17" y="41"/>
                  </a:cubicBezTo>
                  <a:cubicBezTo>
                    <a:pt x="14" y="43"/>
                    <a:pt x="11" y="41"/>
                    <a:pt x="8" y="43"/>
                  </a:cubicBezTo>
                  <a:cubicBezTo>
                    <a:pt x="8" y="41"/>
                    <a:pt x="7" y="43"/>
                    <a:pt x="7" y="41"/>
                  </a:cubicBezTo>
                  <a:cubicBezTo>
                    <a:pt x="10" y="38"/>
                    <a:pt x="8" y="41"/>
                    <a:pt x="16" y="40"/>
                  </a:cubicBezTo>
                  <a:cubicBezTo>
                    <a:pt x="14" y="40"/>
                    <a:pt x="13" y="38"/>
                    <a:pt x="11" y="40"/>
                  </a:cubicBezTo>
                  <a:cubicBezTo>
                    <a:pt x="10" y="40"/>
                    <a:pt x="10" y="38"/>
                    <a:pt x="8" y="40"/>
                  </a:cubicBezTo>
                  <a:cubicBezTo>
                    <a:pt x="7" y="41"/>
                    <a:pt x="8" y="38"/>
                    <a:pt x="7" y="35"/>
                  </a:cubicBezTo>
                  <a:cubicBezTo>
                    <a:pt x="10" y="33"/>
                    <a:pt x="16" y="37"/>
                    <a:pt x="14" y="33"/>
                  </a:cubicBezTo>
                  <a:cubicBezTo>
                    <a:pt x="14" y="32"/>
                    <a:pt x="19" y="33"/>
                    <a:pt x="19" y="32"/>
                  </a:cubicBezTo>
                  <a:cubicBezTo>
                    <a:pt x="20" y="29"/>
                    <a:pt x="19" y="30"/>
                    <a:pt x="25" y="32"/>
                  </a:cubicBezTo>
                  <a:cubicBezTo>
                    <a:pt x="28" y="33"/>
                    <a:pt x="31" y="33"/>
                    <a:pt x="31" y="30"/>
                  </a:cubicBezTo>
                  <a:cubicBezTo>
                    <a:pt x="29" y="29"/>
                    <a:pt x="26" y="33"/>
                    <a:pt x="25" y="30"/>
                  </a:cubicBezTo>
                  <a:cubicBezTo>
                    <a:pt x="23" y="27"/>
                    <a:pt x="23" y="30"/>
                    <a:pt x="22" y="29"/>
                  </a:cubicBezTo>
                  <a:cubicBezTo>
                    <a:pt x="22" y="27"/>
                    <a:pt x="19" y="29"/>
                    <a:pt x="17" y="30"/>
                  </a:cubicBezTo>
                  <a:cubicBezTo>
                    <a:pt x="17" y="30"/>
                    <a:pt x="16" y="30"/>
                    <a:pt x="8" y="30"/>
                  </a:cubicBezTo>
                </a:path>
              </a:pathLst>
            </a:custGeom>
            <a:solidFill>
              <a:schemeClr val="accent5"/>
            </a:solidFill>
            <a:ln w="6350" cmpd="sng">
              <a:solidFill>
                <a:schemeClr val="bg1"/>
              </a:solidFill>
              <a:round/>
              <a:headEnd/>
              <a:tailEnd/>
            </a:ln>
          </p:spPr>
          <p:txBody>
            <a:bodyPr/>
            <a:lstStyle/>
            <a:p>
              <a:endParaRPr lang="en-GB" sz="1633" dirty="0"/>
            </a:p>
          </p:txBody>
        </p:sp>
        <p:sp>
          <p:nvSpPr>
            <p:cNvPr id="190" name="Freeform 141"/>
            <p:cNvSpPr>
              <a:spLocks/>
            </p:cNvSpPr>
            <p:nvPr/>
          </p:nvSpPr>
          <p:spPr bwMode="auto">
            <a:xfrm>
              <a:off x="5107970" y="4711714"/>
              <a:ext cx="80339" cy="27315"/>
            </a:xfrm>
            <a:custGeom>
              <a:avLst/>
              <a:gdLst/>
              <a:ahLst/>
              <a:cxnLst>
                <a:cxn ang="0">
                  <a:pos x="3" y="3"/>
                </a:cxn>
                <a:cxn ang="0">
                  <a:pos x="12" y="4"/>
                </a:cxn>
                <a:cxn ang="0">
                  <a:pos x="3" y="4"/>
                </a:cxn>
                <a:cxn ang="0">
                  <a:pos x="1" y="7"/>
                </a:cxn>
                <a:cxn ang="0">
                  <a:pos x="9" y="6"/>
                </a:cxn>
                <a:cxn ang="0">
                  <a:pos x="14" y="4"/>
                </a:cxn>
                <a:cxn ang="0">
                  <a:pos x="20" y="4"/>
                </a:cxn>
                <a:cxn ang="0">
                  <a:pos x="26" y="3"/>
                </a:cxn>
                <a:cxn ang="0">
                  <a:pos x="20" y="3"/>
                </a:cxn>
                <a:cxn ang="0">
                  <a:pos x="17" y="1"/>
                </a:cxn>
                <a:cxn ang="0">
                  <a:pos x="12" y="3"/>
                </a:cxn>
                <a:cxn ang="0">
                  <a:pos x="3" y="3"/>
                </a:cxn>
              </a:cxnLst>
              <a:rect l="0" t="0" r="r" b="b"/>
              <a:pathLst>
                <a:path w="26" h="9">
                  <a:moveTo>
                    <a:pt x="3" y="3"/>
                  </a:moveTo>
                  <a:cubicBezTo>
                    <a:pt x="5" y="6"/>
                    <a:pt x="6" y="3"/>
                    <a:pt x="12" y="4"/>
                  </a:cubicBezTo>
                  <a:cubicBezTo>
                    <a:pt x="6" y="4"/>
                    <a:pt x="5" y="7"/>
                    <a:pt x="3" y="4"/>
                  </a:cubicBezTo>
                  <a:cubicBezTo>
                    <a:pt x="1" y="3"/>
                    <a:pt x="0" y="6"/>
                    <a:pt x="1" y="7"/>
                  </a:cubicBezTo>
                  <a:cubicBezTo>
                    <a:pt x="5" y="6"/>
                    <a:pt x="11" y="9"/>
                    <a:pt x="9" y="6"/>
                  </a:cubicBezTo>
                  <a:cubicBezTo>
                    <a:pt x="9" y="4"/>
                    <a:pt x="14" y="6"/>
                    <a:pt x="14" y="4"/>
                  </a:cubicBezTo>
                  <a:cubicBezTo>
                    <a:pt x="15" y="1"/>
                    <a:pt x="14" y="3"/>
                    <a:pt x="20" y="4"/>
                  </a:cubicBezTo>
                  <a:cubicBezTo>
                    <a:pt x="23" y="6"/>
                    <a:pt x="26" y="6"/>
                    <a:pt x="26" y="3"/>
                  </a:cubicBezTo>
                  <a:cubicBezTo>
                    <a:pt x="24" y="1"/>
                    <a:pt x="21" y="6"/>
                    <a:pt x="20" y="3"/>
                  </a:cubicBezTo>
                  <a:cubicBezTo>
                    <a:pt x="18" y="0"/>
                    <a:pt x="18" y="3"/>
                    <a:pt x="17" y="1"/>
                  </a:cubicBezTo>
                  <a:cubicBezTo>
                    <a:pt x="17" y="0"/>
                    <a:pt x="14" y="1"/>
                    <a:pt x="12" y="3"/>
                  </a:cubicBezTo>
                  <a:cubicBezTo>
                    <a:pt x="12" y="3"/>
                    <a:pt x="11" y="3"/>
                    <a:pt x="3" y="3"/>
                  </a:cubicBezTo>
                </a:path>
              </a:pathLst>
            </a:custGeom>
            <a:grpFill/>
            <a:ln w="6350" cmpd="sng">
              <a:solidFill>
                <a:schemeClr val="bg1"/>
              </a:solidFill>
              <a:round/>
              <a:headEnd/>
              <a:tailEnd/>
            </a:ln>
          </p:spPr>
          <p:txBody>
            <a:bodyPr/>
            <a:lstStyle/>
            <a:p>
              <a:endParaRPr lang="en-GB" sz="1633" dirty="0"/>
            </a:p>
          </p:txBody>
        </p:sp>
        <p:sp>
          <p:nvSpPr>
            <p:cNvPr id="191" name="Freeform 142"/>
            <p:cNvSpPr>
              <a:spLocks/>
            </p:cNvSpPr>
            <p:nvPr/>
          </p:nvSpPr>
          <p:spPr bwMode="auto">
            <a:xfrm>
              <a:off x="5154567" y="4748669"/>
              <a:ext cx="186387" cy="173529"/>
            </a:xfrm>
            <a:custGeom>
              <a:avLst/>
              <a:gdLst/>
              <a:ahLst/>
              <a:cxnLst>
                <a:cxn ang="0">
                  <a:pos x="38" y="40"/>
                </a:cxn>
                <a:cxn ang="0">
                  <a:pos x="37" y="37"/>
                </a:cxn>
                <a:cxn ang="0">
                  <a:pos x="35" y="34"/>
                </a:cxn>
                <a:cxn ang="0">
                  <a:pos x="32" y="28"/>
                </a:cxn>
                <a:cxn ang="0">
                  <a:pos x="25" y="26"/>
                </a:cxn>
                <a:cxn ang="0">
                  <a:pos x="20" y="28"/>
                </a:cxn>
                <a:cxn ang="0">
                  <a:pos x="14" y="35"/>
                </a:cxn>
                <a:cxn ang="0">
                  <a:pos x="14" y="34"/>
                </a:cxn>
                <a:cxn ang="0">
                  <a:pos x="13" y="31"/>
                </a:cxn>
                <a:cxn ang="0">
                  <a:pos x="13" y="29"/>
                </a:cxn>
                <a:cxn ang="0">
                  <a:pos x="8" y="25"/>
                </a:cxn>
                <a:cxn ang="0">
                  <a:pos x="5" y="23"/>
                </a:cxn>
                <a:cxn ang="0">
                  <a:pos x="5" y="18"/>
                </a:cxn>
                <a:cxn ang="0">
                  <a:pos x="3" y="18"/>
                </a:cxn>
                <a:cxn ang="0">
                  <a:pos x="3" y="15"/>
                </a:cxn>
                <a:cxn ang="0">
                  <a:pos x="0" y="18"/>
                </a:cxn>
                <a:cxn ang="0">
                  <a:pos x="0" y="17"/>
                </a:cxn>
                <a:cxn ang="0">
                  <a:pos x="6" y="9"/>
                </a:cxn>
                <a:cxn ang="0">
                  <a:pos x="10" y="9"/>
                </a:cxn>
                <a:cxn ang="0">
                  <a:pos x="10" y="4"/>
                </a:cxn>
                <a:cxn ang="0">
                  <a:pos x="11" y="0"/>
                </a:cxn>
                <a:cxn ang="0">
                  <a:pos x="23" y="1"/>
                </a:cxn>
                <a:cxn ang="0">
                  <a:pos x="29" y="1"/>
                </a:cxn>
                <a:cxn ang="0">
                  <a:pos x="32" y="4"/>
                </a:cxn>
                <a:cxn ang="0">
                  <a:pos x="34" y="6"/>
                </a:cxn>
                <a:cxn ang="0">
                  <a:pos x="42" y="4"/>
                </a:cxn>
                <a:cxn ang="0">
                  <a:pos x="45" y="3"/>
                </a:cxn>
                <a:cxn ang="0">
                  <a:pos x="48" y="1"/>
                </a:cxn>
                <a:cxn ang="0">
                  <a:pos x="49" y="6"/>
                </a:cxn>
                <a:cxn ang="0">
                  <a:pos x="51" y="9"/>
                </a:cxn>
                <a:cxn ang="0">
                  <a:pos x="52" y="12"/>
                </a:cxn>
                <a:cxn ang="0">
                  <a:pos x="52" y="15"/>
                </a:cxn>
                <a:cxn ang="0">
                  <a:pos x="54" y="20"/>
                </a:cxn>
                <a:cxn ang="0">
                  <a:pos x="57" y="25"/>
                </a:cxn>
                <a:cxn ang="0">
                  <a:pos x="55" y="29"/>
                </a:cxn>
                <a:cxn ang="0">
                  <a:pos x="58" y="35"/>
                </a:cxn>
                <a:cxn ang="0">
                  <a:pos x="60" y="42"/>
                </a:cxn>
                <a:cxn ang="0">
                  <a:pos x="54" y="42"/>
                </a:cxn>
                <a:cxn ang="0">
                  <a:pos x="57" y="45"/>
                </a:cxn>
                <a:cxn ang="0">
                  <a:pos x="52" y="48"/>
                </a:cxn>
                <a:cxn ang="0">
                  <a:pos x="48" y="53"/>
                </a:cxn>
                <a:cxn ang="0">
                  <a:pos x="45" y="49"/>
                </a:cxn>
                <a:cxn ang="0">
                  <a:pos x="45" y="43"/>
                </a:cxn>
                <a:cxn ang="0">
                  <a:pos x="38" y="40"/>
                </a:cxn>
              </a:cxnLst>
              <a:rect l="0" t="0" r="r" b="b"/>
              <a:pathLst>
                <a:path w="60" h="56">
                  <a:moveTo>
                    <a:pt x="38" y="40"/>
                  </a:moveTo>
                  <a:cubicBezTo>
                    <a:pt x="34" y="45"/>
                    <a:pt x="37" y="39"/>
                    <a:pt x="37" y="37"/>
                  </a:cubicBezTo>
                  <a:cubicBezTo>
                    <a:pt x="35" y="34"/>
                    <a:pt x="35" y="34"/>
                    <a:pt x="35" y="34"/>
                  </a:cubicBezTo>
                  <a:cubicBezTo>
                    <a:pt x="35" y="31"/>
                    <a:pt x="34" y="32"/>
                    <a:pt x="32" y="28"/>
                  </a:cubicBezTo>
                  <a:cubicBezTo>
                    <a:pt x="31" y="25"/>
                    <a:pt x="25" y="25"/>
                    <a:pt x="25" y="26"/>
                  </a:cubicBezTo>
                  <a:cubicBezTo>
                    <a:pt x="25" y="28"/>
                    <a:pt x="22" y="25"/>
                    <a:pt x="20" y="28"/>
                  </a:cubicBezTo>
                  <a:cubicBezTo>
                    <a:pt x="20" y="32"/>
                    <a:pt x="17" y="34"/>
                    <a:pt x="14" y="35"/>
                  </a:cubicBezTo>
                  <a:cubicBezTo>
                    <a:pt x="14" y="34"/>
                    <a:pt x="16" y="34"/>
                    <a:pt x="14" y="34"/>
                  </a:cubicBezTo>
                  <a:cubicBezTo>
                    <a:pt x="13" y="32"/>
                    <a:pt x="14" y="32"/>
                    <a:pt x="13" y="31"/>
                  </a:cubicBezTo>
                  <a:cubicBezTo>
                    <a:pt x="11" y="31"/>
                    <a:pt x="11" y="31"/>
                    <a:pt x="13" y="29"/>
                  </a:cubicBezTo>
                  <a:cubicBezTo>
                    <a:pt x="13" y="28"/>
                    <a:pt x="10" y="28"/>
                    <a:pt x="8" y="25"/>
                  </a:cubicBezTo>
                  <a:cubicBezTo>
                    <a:pt x="8" y="23"/>
                    <a:pt x="5" y="25"/>
                    <a:pt x="5" y="23"/>
                  </a:cubicBezTo>
                  <a:cubicBezTo>
                    <a:pt x="5" y="20"/>
                    <a:pt x="3" y="23"/>
                    <a:pt x="5" y="18"/>
                  </a:cubicBezTo>
                  <a:cubicBezTo>
                    <a:pt x="5" y="15"/>
                    <a:pt x="3" y="20"/>
                    <a:pt x="3" y="18"/>
                  </a:cubicBezTo>
                  <a:cubicBezTo>
                    <a:pt x="2" y="17"/>
                    <a:pt x="5" y="15"/>
                    <a:pt x="3" y="15"/>
                  </a:cubicBezTo>
                  <a:cubicBezTo>
                    <a:pt x="0" y="15"/>
                    <a:pt x="2" y="18"/>
                    <a:pt x="0" y="18"/>
                  </a:cubicBezTo>
                  <a:cubicBezTo>
                    <a:pt x="0" y="17"/>
                    <a:pt x="0" y="17"/>
                    <a:pt x="0" y="17"/>
                  </a:cubicBezTo>
                  <a:cubicBezTo>
                    <a:pt x="3" y="9"/>
                    <a:pt x="5" y="12"/>
                    <a:pt x="6" y="9"/>
                  </a:cubicBezTo>
                  <a:cubicBezTo>
                    <a:pt x="8" y="7"/>
                    <a:pt x="8" y="11"/>
                    <a:pt x="10" y="9"/>
                  </a:cubicBezTo>
                  <a:cubicBezTo>
                    <a:pt x="13" y="9"/>
                    <a:pt x="13" y="6"/>
                    <a:pt x="10" y="4"/>
                  </a:cubicBezTo>
                  <a:cubicBezTo>
                    <a:pt x="8" y="3"/>
                    <a:pt x="13" y="4"/>
                    <a:pt x="11" y="0"/>
                  </a:cubicBezTo>
                  <a:cubicBezTo>
                    <a:pt x="17" y="0"/>
                    <a:pt x="20" y="3"/>
                    <a:pt x="23" y="1"/>
                  </a:cubicBezTo>
                  <a:cubicBezTo>
                    <a:pt x="25" y="0"/>
                    <a:pt x="28" y="1"/>
                    <a:pt x="29" y="1"/>
                  </a:cubicBezTo>
                  <a:cubicBezTo>
                    <a:pt x="28" y="6"/>
                    <a:pt x="31" y="7"/>
                    <a:pt x="32" y="4"/>
                  </a:cubicBezTo>
                  <a:cubicBezTo>
                    <a:pt x="32" y="3"/>
                    <a:pt x="34" y="4"/>
                    <a:pt x="34" y="6"/>
                  </a:cubicBezTo>
                  <a:cubicBezTo>
                    <a:pt x="37" y="9"/>
                    <a:pt x="35" y="1"/>
                    <a:pt x="42" y="4"/>
                  </a:cubicBezTo>
                  <a:cubicBezTo>
                    <a:pt x="45" y="7"/>
                    <a:pt x="43" y="4"/>
                    <a:pt x="45" y="3"/>
                  </a:cubicBezTo>
                  <a:cubicBezTo>
                    <a:pt x="48" y="3"/>
                    <a:pt x="43" y="0"/>
                    <a:pt x="48" y="1"/>
                  </a:cubicBezTo>
                  <a:cubicBezTo>
                    <a:pt x="51" y="3"/>
                    <a:pt x="49" y="4"/>
                    <a:pt x="49" y="6"/>
                  </a:cubicBezTo>
                  <a:cubicBezTo>
                    <a:pt x="51" y="6"/>
                    <a:pt x="49" y="9"/>
                    <a:pt x="51" y="9"/>
                  </a:cubicBezTo>
                  <a:cubicBezTo>
                    <a:pt x="52" y="9"/>
                    <a:pt x="55" y="12"/>
                    <a:pt x="52" y="12"/>
                  </a:cubicBezTo>
                  <a:cubicBezTo>
                    <a:pt x="51" y="14"/>
                    <a:pt x="51" y="18"/>
                    <a:pt x="52" y="15"/>
                  </a:cubicBezTo>
                  <a:cubicBezTo>
                    <a:pt x="54" y="14"/>
                    <a:pt x="55" y="15"/>
                    <a:pt x="54" y="20"/>
                  </a:cubicBezTo>
                  <a:cubicBezTo>
                    <a:pt x="54" y="23"/>
                    <a:pt x="55" y="20"/>
                    <a:pt x="57" y="25"/>
                  </a:cubicBezTo>
                  <a:cubicBezTo>
                    <a:pt x="54" y="26"/>
                    <a:pt x="57" y="26"/>
                    <a:pt x="55" y="29"/>
                  </a:cubicBezTo>
                  <a:cubicBezTo>
                    <a:pt x="55" y="32"/>
                    <a:pt x="60" y="32"/>
                    <a:pt x="58" y="35"/>
                  </a:cubicBezTo>
                  <a:cubicBezTo>
                    <a:pt x="55" y="39"/>
                    <a:pt x="60" y="37"/>
                    <a:pt x="60" y="42"/>
                  </a:cubicBezTo>
                  <a:cubicBezTo>
                    <a:pt x="55" y="40"/>
                    <a:pt x="54" y="40"/>
                    <a:pt x="54" y="42"/>
                  </a:cubicBezTo>
                  <a:cubicBezTo>
                    <a:pt x="55" y="45"/>
                    <a:pt x="57" y="42"/>
                    <a:pt x="57" y="45"/>
                  </a:cubicBezTo>
                  <a:cubicBezTo>
                    <a:pt x="57" y="48"/>
                    <a:pt x="55" y="51"/>
                    <a:pt x="52" y="48"/>
                  </a:cubicBezTo>
                  <a:cubicBezTo>
                    <a:pt x="51" y="46"/>
                    <a:pt x="49" y="56"/>
                    <a:pt x="48" y="53"/>
                  </a:cubicBezTo>
                  <a:cubicBezTo>
                    <a:pt x="46" y="49"/>
                    <a:pt x="45" y="53"/>
                    <a:pt x="45" y="49"/>
                  </a:cubicBezTo>
                  <a:cubicBezTo>
                    <a:pt x="46" y="46"/>
                    <a:pt x="45" y="45"/>
                    <a:pt x="45" y="43"/>
                  </a:cubicBezTo>
                  <a:cubicBezTo>
                    <a:pt x="46" y="40"/>
                    <a:pt x="40" y="40"/>
                    <a:pt x="38" y="40"/>
                  </a:cubicBezTo>
                </a:path>
              </a:pathLst>
            </a:custGeom>
            <a:solidFill>
              <a:schemeClr val="accent5"/>
            </a:solidFill>
            <a:ln w="6350" cmpd="sng">
              <a:solidFill>
                <a:schemeClr val="bg1"/>
              </a:solidFill>
              <a:round/>
              <a:headEnd/>
              <a:tailEnd/>
            </a:ln>
          </p:spPr>
          <p:txBody>
            <a:bodyPr/>
            <a:lstStyle/>
            <a:p>
              <a:endParaRPr lang="en-GB" sz="1633" dirty="0"/>
            </a:p>
          </p:txBody>
        </p:sp>
        <p:sp>
          <p:nvSpPr>
            <p:cNvPr id="192" name="Freeform 143"/>
            <p:cNvSpPr>
              <a:spLocks/>
            </p:cNvSpPr>
            <p:nvPr/>
          </p:nvSpPr>
          <p:spPr bwMode="auto">
            <a:xfrm>
              <a:off x="5116004" y="4742242"/>
              <a:ext cx="75519" cy="59450"/>
            </a:xfrm>
            <a:custGeom>
              <a:avLst/>
              <a:gdLst/>
              <a:ahLst/>
              <a:cxnLst>
                <a:cxn ang="0">
                  <a:pos x="12" y="19"/>
                </a:cxn>
                <a:cxn ang="0">
                  <a:pos x="18" y="11"/>
                </a:cxn>
                <a:cxn ang="0">
                  <a:pos x="21" y="11"/>
                </a:cxn>
                <a:cxn ang="0">
                  <a:pos x="21" y="7"/>
                </a:cxn>
                <a:cxn ang="0">
                  <a:pos x="23" y="2"/>
                </a:cxn>
                <a:cxn ang="0">
                  <a:pos x="11" y="2"/>
                </a:cxn>
                <a:cxn ang="0">
                  <a:pos x="9" y="3"/>
                </a:cxn>
                <a:cxn ang="0">
                  <a:pos x="0" y="5"/>
                </a:cxn>
                <a:cxn ang="0">
                  <a:pos x="3" y="7"/>
                </a:cxn>
                <a:cxn ang="0">
                  <a:pos x="5" y="8"/>
                </a:cxn>
                <a:cxn ang="0">
                  <a:pos x="6" y="11"/>
                </a:cxn>
                <a:cxn ang="0">
                  <a:pos x="9" y="10"/>
                </a:cxn>
                <a:cxn ang="0">
                  <a:pos x="9" y="14"/>
                </a:cxn>
                <a:cxn ang="0">
                  <a:pos x="9" y="16"/>
                </a:cxn>
                <a:cxn ang="0">
                  <a:pos x="11" y="18"/>
                </a:cxn>
                <a:cxn ang="0">
                  <a:pos x="12" y="16"/>
                </a:cxn>
                <a:cxn ang="0">
                  <a:pos x="12" y="19"/>
                </a:cxn>
              </a:cxnLst>
              <a:rect l="0" t="0" r="r" b="b"/>
              <a:pathLst>
                <a:path w="24" h="19">
                  <a:moveTo>
                    <a:pt x="12" y="19"/>
                  </a:moveTo>
                  <a:cubicBezTo>
                    <a:pt x="15" y="11"/>
                    <a:pt x="17" y="14"/>
                    <a:pt x="18" y="11"/>
                  </a:cubicBezTo>
                  <a:cubicBezTo>
                    <a:pt x="20" y="10"/>
                    <a:pt x="20" y="13"/>
                    <a:pt x="21" y="11"/>
                  </a:cubicBezTo>
                  <a:cubicBezTo>
                    <a:pt x="24" y="11"/>
                    <a:pt x="24" y="8"/>
                    <a:pt x="21" y="7"/>
                  </a:cubicBezTo>
                  <a:cubicBezTo>
                    <a:pt x="20" y="5"/>
                    <a:pt x="24" y="7"/>
                    <a:pt x="23" y="2"/>
                  </a:cubicBezTo>
                  <a:cubicBezTo>
                    <a:pt x="20" y="2"/>
                    <a:pt x="14" y="0"/>
                    <a:pt x="11" y="2"/>
                  </a:cubicBezTo>
                  <a:cubicBezTo>
                    <a:pt x="6" y="2"/>
                    <a:pt x="12" y="2"/>
                    <a:pt x="9" y="3"/>
                  </a:cubicBezTo>
                  <a:cubicBezTo>
                    <a:pt x="6" y="5"/>
                    <a:pt x="3" y="3"/>
                    <a:pt x="0" y="5"/>
                  </a:cubicBezTo>
                  <a:cubicBezTo>
                    <a:pt x="1" y="7"/>
                    <a:pt x="5" y="5"/>
                    <a:pt x="3" y="7"/>
                  </a:cubicBezTo>
                  <a:cubicBezTo>
                    <a:pt x="1" y="10"/>
                    <a:pt x="3" y="10"/>
                    <a:pt x="5" y="8"/>
                  </a:cubicBezTo>
                  <a:cubicBezTo>
                    <a:pt x="8" y="8"/>
                    <a:pt x="3" y="13"/>
                    <a:pt x="6" y="11"/>
                  </a:cubicBezTo>
                  <a:cubicBezTo>
                    <a:pt x="9" y="8"/>
                    <a:pt x="12" y="8"/>
                    <a:pt x="9" y="10"/>
                  </a:cubicBezTo>
                  <a:cubicBezTo>
                    <a:pt x="8" y="11"/>
                    <a:pt x="11" y="11"/>
                    <a:pt x="9" y="14"/>
                  </a:cubicBezTo>
                  <a:cubicBezTo>
                    <a:pt x="8" y="16"/>
                    <a:pt x="9" y="14"/>
                    <a:pt x="9" y="16"/>
                  </a:cubicBezTo>
                  <a:cubicBezTo>
                    <a:pt x="9" y="18"/>
                    <a:pt x="11" y="16"/>
                    <a:pt x="11" y="18"/>
                  </a:cubicBezTo>
                  <a:cubicBezTo>
                    <a:pt x="11" y="19"/>
                    <a:pt x="12" y="18"/>
                    <a:pt x="12" y="16"/>
                  </a:cubicBezTo>
                  <a:cubicBezTo>
                    <a:pt x="12" y="19"/>
                    <a:pt x="12" y="18"/>
                    <a:pt x="12" y="19"/>
                  </a:cubicBezTo>
                </a:path>
              </a:pathLst>
            </a:custGeom>
            <a:solidFill>
              <a:schemeClr val="accent5"/>
            </a:solidFill>
            <a:ln w="6350" cmpd="sng">
              <a:solidFill>
                <a:schemeClr val="bg1"/>
              </a:solidFill>
              <a:round/>
              <a:headEnd/>
              <a:tailEnd/>
            </a:ln>
          </p:spPr>
          <p:txBody>
            <a:bodyPr/>
            <a:lstStyle/>
            <a:p>
              <a:endParaRPr lang="en-GB" sz="1633" dirty="0"/>
            </a:p>
          </p:txBody>
        </p:sp>
        <p:sp>
          <p:nvSpPr>
            <p:cNvPr id="193" name="Freeform 144"/>
            <p:cNvSpPr>
              <a:spLocks/>
            </p:cNvSpPr>
            <p:nvPr/>
          </p:nvSpPr>
          <p:spPr bwMode="auto">
            <a:xfrm>
              <a:off x="5125645" y="4766344"/>
              <a:ext cx="3213" cy="9640"/>
            </a:xfrm>
            <a:custGeom>
              <a:avLst/>
              <a:gdLst/>
              <a:ahLst/>
              <a:cxnLst>
                <a:cxn ang="0">
                  <a:pos x="0" y="1"/>
                </a:cxn>
                <a:cxn ang="0">
                  <a:pos x="1" y="1"/>
                </a:cxn>
                <a:cxn ang="0">
                  <a:pos x="0" y="1"/>
                </a:cxn>
              </a:cxnLst>
              <a:rect l="0" t="0" r="r" b="b"/>
              <a:pathLst>
                <a:path w="1" h="3">
                  <a:moveTo>
                    <a:pt x="0" y="1"/>
                  </a:moveTo>
                  <a:cubicBezTo>
                    <a:pt x="0" y="1"/>
                    <a:pt x="1" y="0"/>
                    <a:pt x="1" y="1"/>
                  </a:cubicBezTo>
                  <a:cubicBezTo>
                    <a:pt x="1" y="3"/>
                    <a:pt x="1" y="3"/>
                    <a:pt x="0" y="1"/>
                  </a:cubicBezTo>
                </a:path>
              </a:pathLst>
            </a:custGeom>
            <a:grpFill/>
            <a:ln w="6350" cmpd="sng">
              <a:solidFill>
                <a:schemeClr val="bg1"/>
              </a:solidFill>
              <a:round/>
              <a:headEnd/>
              <a:tailEnd/>
            </a:ln>
          </p:spPr>
          <p:txBody>
            <a:bodyPr/>
            <a:lstStyle/>
            <a:p>
              <a:endParaRPr lang="en-GB" sz="1633" dirty="0"/>
            </a:p>
          </p:txBody>
        </p:sp>
        <p:sp>
          <p:nvSpPr>
            <p:cNvPr id="194" name="Freeform 145"/>
            <p:cNvSpPr>
              <a:spLocks/>
            </p:cNvSpPr>
            <p:nvPr/>
          </p:nvSpPr>
          <p:spPr bwMode="auto">
            <a:xfrm>
              <a:off x="5125645" y="4775984"/>
              <a:ext cx="9641" cy="12854"/>
            </a:xfrm>
            <a:custGeom>
              <a:avLst/>
              <a:gdLst/>
              <a:ahLst/>
              <a:cxnLst>
                <a:cxn ang="0">
                  <a:pos x="1" y="4"/>
                </a:cxn>
                <a:cxn ang="0">
                  <a:pos x="1" y="2"/>
                </a:cxn>
                <a:cxn ang="0">
                  <a:pos x="1" y="4"/>
                </a:cxn>
              </a:cxnLst>
              <a:rect l="0" t="0" r="r" b="b"/>
              <a:pathLst>
                <a:path w="3" h="4">
                  <a:moveTo>
                    <a:pt x="1" y="4"/>
                  </a:moveTo>
                  <a:cubicBezTo>
                    <a:pt x="0" y="2"/>
                    <a:pt x="1" y="0"/>
                    <a:pt x="1" y="2"/>
                  </a:cubicBezTo>
                  <a:cubicBezTo>
                    <a:pt x="3" y="2"/>
                    <a:pt x="1" y="4"/>
                    <a:pt x="1" y="4"/>
                  </a:cubicBezTo>
                </a:path>
              </a:pathLst>
            </a:custGeom>
            <a:solidFill>
              <a:schemeClr val="accent5"/>
            </a:solidFill>
            <a:ln w="6350" cmpd="sng">
              <a:solidFill>
                <a:schemeClr val="bg1"/>
              </a:solidFill>
              <a:round/>
              <a:headEnd/>
              <a:tailEnd/>
            </a:ln>
          </p:spPr>
          <p:txBody>
            <a:bodyPr/>
            <a:lstStyle/>
            <a:p>
              <a:endParaRPr lang="en-GB" sz="1633" dirty="0"/>
            </a:p>
          </p:txBody>
        </p:sp>
        <p:sp>
          <p:nvSpPr>
            <p:cNvPr id="195" name="Freeform 146"/>
            <p:cNvSpPr>
              <a:spLocks/>
            </p:cNvSpPr>
            <p:nvPr/>
          </p:nvSpPr>
          <p:spPr bwMode="auto">
            <a:xfrm>
              <a:off x="5125645" y="4792051"/>
              <a:ext cx="3213" cy="9640"/>
            </a:xfrm>
            <a:custGeom>
              <a:avLst/>
              <a:gdLst/>
              <a:ahLst/>
              <a:cxnLst>
                <a:cxn ang="0">
                  <a:pos x="0" y="2"/>
                </a:cxn>
                <a:cxn ang="0">
                  <a:pos x="1" y="2"/>
                </a:cxn>
                <a:cxn ang="0">
                  <a:pos x="0" y="2"/>
                </a:cxn>
              </a:cxnLst>
              <a:rect l="0" t="0" r="r" b="b"/>
              <a:pathLst>
                <a:path w="1" h="3">
                  <a:moveTo>
                    <a:pt x="0" y="2"/>
                  </a:moveTo>
                  <a:cubicBezTo>
                    <a:pt x="0" y="0"/>
                    <a:pt x="1" y="0"/>
                    <a:pt x="1" y="2"/>
                  </a:cubicBezTo>
                  <a:cubicBezTo>
                    <a:pt x="1" y="3"/>
                    <a:pt x="0" y="2"/>
                    <a:pt x="0" y="2"/>
                  </a:cubicBezTo>
                </a:path>
              </a:pathLst>
            </a:custGeom>
            <a:grpFill/>
            <a:ln w="6350" cmpd="sng">
              <a:solidFill>
                <a:schemeClr val="bg1"/>
              </a:solidFill>
              <a:round/>
              <a:headEnd/>
              <a:tailEnd/>
            </a:ln>
          </p:spPr>
          <p:txBody>
            <a:bodyPr/>
            <a:lstStyle/>
            <a:p>
              <a:endParaRPr lang="en-GB" sz="1633" dirty="0"/>
            </a:p>
          </p:txBody>
        </p:sp>
        <p:sp>
          <p:nvSpPr>
            <p:cNvPr id="196" name="Freeform 147"/>
            <p:cNvSpPr>
              <a:spLocks/>
            </p:cNvSpPr>
            <p:nvPr/>
          </p:nvSpPr>
          <p:spPr bwMode="auto">
            <a:xfrm>
              <a:off x="5128859" y="4792051"/>
              <a:ext cx="6427" cy="6427"/>
            </a:xfrm>
            <a:custGeom>
              <a:avLst/>
              <a:gdLst/>
              <a:ahLst/>
              <a:cxnLst>
                <a:cxn ang="0">
                  <a:pos x="0" y="2"/>
                </a:cxn>
                <a:cxn ang="0">
                  <a:pos x="0" y="0"/>
                </a:cxn>
                <a:cxn ang="0">
                  <a:pos x="0" y="2"/>
                </a:cxn>
              </a:cxnLst>
              <a:rect l="0" t="0" r="r" b="b"/>
              <a:pathLst>
                <a:path w="2" h="2">
                  <a:moveTo>
                    <a:pt x="0" y="2"/>
                  </a:moveTo>
                  <a:cubicBezTo>
                    <a:pt x="0" y="0"/>
                    <a:pt x="0" y="0"/>
                    <a:pt x="0" y="0"/>
                  </a:cubicBezTo>
                  <a:cubicBezTo>
                    <a:pt x="2" y="0"/>
                    <a:pt x="2" y="2"/>
                    <a:pt x="0" y="2"/>
                  </a:cubicBezTo>
                </a:path>
              </a:pathLst>
            </a:custGeom>
            <a:grpFill/>
            <a:ln w="6350" cmpd="sng">
              <a:solidFill>
                <a:schemeClr val="bg1"/>
              </a:solidFill>
              <a:round/>
              <a:headEnd/>
              <a:tailEnd/>
            </a:ln>
          </p:spPr>
          <p:txBody>
            <a:bodyPr/>
            <a:lstStyle/>
            <a:p>
              <a:endParaRPr lang="en-GB" sz="1633" dirty="0"/>
            </a:p>
          </p:txBody>
        </p:sp>
        <p:sp>
          <p:nvSpPr>
            <p:cNvPr id="197" name="Freeform 148"/>
            <p:cNvSpPr>
              <a:spLocks/>
            </p:cNvSpPr>
            <p:nvPr/>
          </p:nvSpPr>
          <p:spPr bwMode="auto">
            <a:xfrm>
              <a:off x="5135285" y="4788838"/>
              <a:ext cx="3213" cy="3213"/>
            </a:xfrm>
            <a:custGeom>
              <a:avLst/>
              <a:gdLst/>
              <a:ahLst/>
              <a:cxnLst>
                <a:cxn ang="0">
                  <a:pos x="0" y="1"/>
                </a:cxn>
                <a:cxn ang="0">
                  <a:pos x="1" y="0"/>
                </a:cxn>
                <a:cxn ang="0">
                  <a:pos x="0" y="1"/>
                </a:cxn>
              </a:cxnLst>
              <a:rect l="0" t="0" r="r" b="b"/>
              <a:pathLst>
                <a:path w="1" h="1">
                  <a:moveTo>
                    <a:pt x="0" y="1"/>
                  </a:moveTo>
                  <a:cubicBezTo>
                    <a:pt x="1" y="0"/>
                    <a:pt x="1" y="0"/>
                    <a:pt x="1" y="0"/>
                  </a:cubicBezTo>
                  <a:cubicBezTo>
                    <a:pt x="1" y="1"/>
                    <a:pt x="1" y="1"/>
                    <a:pt x="0" y="1"/>
                  </a:cubicBezTo>
                </a:path>
              </a:pathLst>
            </a:custGeom>
            <a:grpFill/>
            <a:ln w="6350" cmpd="sng">
              <a:solidFill>
                <a:schemeClr val="bg1"/>
              </a:solidFill>
              <a:round/>
              <a:headEnd/>
              <a:tailEnd/>
            </a:ln>
          </p:spPr>
          <p:txBody>
            <a:bodyPr/>
            <a:lstStyle/>
            <a:p>
              <a:endParaRPr lang="en-GB" sz="1633" dirty="0"/>
            </a:p>
          </p:txBody>
        </p:sp>
        <p:sp>
          <p:nvSpPr>
            <p:cNvPr id="198" name="Freeform 149"/>
            <p:cNvSpPr>
              <a:spLocks/>
            </p:cNvSpPr>
            <p:nvPr/>
          </p:nvSpPr>
          <p:spPr bwMode="auto">
            <a:xfrm>
              <a:off x="5119218" y="4775984"/>
              <a:ext cx="6427" cy="6427"/>
            </a:xfrm>
            <a:custGeom>
              <a:avLst/>
              <a:gdLst/>
              <a:ahLst/>
              <a:cxnLst>
                <a:cxn ang="0">
                  <a:pos x="0" y="2"/>
                </a:cxn>
                <a:cxn ang="0">
                  <a:pos x="2" y="2"/>
                </a:cxn>
                <a:cxn ang="0">
                  <a:pos x="0" y="2"/>
                </a:cxn>
              </a:cxnLst>
              <a:rect l="0" t="0" r="r" b="b"/>
              <a:pathLst>
                <a:path w="2" h="2">
                  <a:moveTo>
                    <a:pt x="0" y="2"/>
                  </a:moveTo>
                  <a:cubicBezTo>
                    <a:pt x="0" y="2"/>
                    <a:pt x="2" y="0"/>
                    <a:pt x="2" y="2"/>
                  </a:cubicBezTo>
                  <a:cubicBezTo>
                    <a:pt x="0" y="2"/>
                    <a:pt x="0" y="2"/>
                    <a:pt x="0" y="2"/>
                  </a:cubicBezTo>
                </a:path>
              </a:pathLst>
            </a:custGeom>
            <a:grpFill/>
            <a:ln w="6350" cmpd="sng">
              <a:solidFill>
                <a:schemeClr val="bg1"/>
              </a:solidFill>
              <a:round/>
              <a:headEnd/>
              <a:tailEnd/>
            </a:ln>
          </p:spPr>
          <p:txBody>
            <a:bodyPr/>
            <a:lstStyle/>
            <a:p>
              <a:endParaRPr lang="en-GB" sz="1633" dirty="0"/>
            </a:p>
          </p:txBody>
        </p:sp>
        <p:sp>
          <p:nvSpPr>
            <p:cNvPr id="199" name="Freeform 150"/>
            <p:cNvSpPr>
              <a:spLocks/>
            </p:cNvSpPr>
            <p:nvPr/>
          </p:nvSpPr>
          <p:spPr bwMode="auto">
            <a:xfrm>
              <a:off x="5138499" y="4775984"/>
              <a:ext cx="6427" cy="6427"/>
            </a:xfrm>
            <a:custGeom>
              <a:avLst/>
              <a:gdLst/>
              <a:ahLst/>
              <a:cxnLst>
                <a:cxn ang="0">
                  <a:pos x="0" y="2"/>
                </a:cxn>
                <a:cxn ang="0">
                  <a:pos x="2" y="2"/>
                </a:cxn>
                <a:cxn ang="0">
                  <a:pos x="0" y="2"/>
                </a:cxn>
              </a:cxnLst>
              <a:rect l="0" t="0" r="r" b="b"/>
              <a:pathLst>
                <a:path w="2" h="2">
                  <a:moveTo>
                    <a:pt x="0" y="2"/>
                  </a:moveTo>
                  <a:cubicBezTo>
                    <a:pt x="0" y="2"/>
                    <a:pt x="0" y="0"/>
                    <a:pt x="2" y="2"/>
                  </a:cubicBezTo>
                  <a:cubicBezTo>
                    <a:pt x="0" y="2"/>
                    <a:pt x="0" y="2"/>
                    <a:pt x="0" y="2"/>
                  </a:cubicBezTo>
                </a:path>
              </a:pathLst>
            </a:custGeom>
            <a:grpFill/>
            <a:ln w="6350" cmpd="sng">
              <a:solidFill>
                <a:schemeClr val="bg1"/>
              </a:solidFill>
              <a:round/>
              <a:headEnd/>
              <a:tailEnd/>
            </a:ln>
          </p:spPr>
          <p:txBody>
            <a:bodyPr/>
            <a:lstStyle/>
            <a:p>
              <a:endParaRPr lang="en-GB" sz="1633" dirty="0"/>
            </a:p>
          </p:txBody>
        </p:sp>
        <p:sp>
          <p:nvSpPr>
            <p:cNvPr id="200" name="Freeform 151"/>
            <p:cNvSpPr>
              <a:spLocks/>
            </p:cNvSpPr>
            <p:nvPr/>
          </p:nvSpPr>
          <p:spPr bwMode="auto">
            <a:xfrm>
              <a:off x="4936045" y="4661905"/>
              <a:ext cx="16068" cy="17674"/>
            </a:xfrm>
            <a:custGeom>
              <a:avLst/>
              <a:gdLst/>
              <a:ahLst/>
              <a:cxnLst>
                <a:cxn ang="0">
                  <a:pos x="2" y="6"/>
                </a:cxn>
                <a:cxn ang="0">
                  <a:pos x="2" y="1"/>
                </a:cxn>
                <a:cxn ang="0">
                  <a:pos x="2" y="6"/>
                </a:cxn>
              </a:cxnLst>
              <a:rect l="0" t="0" r="r" b="b"/>
              <a:pathLst>
                <a:path w="5" h="6">
                  <a:moveTo>
                    <a:pt x="2" y="6"/>
                  </a:moveTo>
                  <a:cubicBezTo>
                    <a:pt x="0" y="6"/>
                    <a:pt x="0" y="0"/>
                    <a:pt x="2" y="1"/>
                  </a:cubicBezTo>
                  <a:cubicBezTo>
                    <a:pt x="3" y="3"/>
                    <a:pt x="5" y="5"/>
                    <a:pt x="2" y="6"/>
                  </a:cubicBezTo>
                </a:path>
              </a:pathLst>
            </a:custGeom>
            <a:grpFill/>
            <a:ln w="6350" cmpd="sng">
              <a:solidFill>
                <a:schemeClr val="bg1"/>
              </a:solidFill>
              <a:round/>
              <a:headEnd/>
              <a:tailEnd/>
            </a:ln>
          </p:spPr>
          <p:txBody>
            <a:bodyPr/>
            <a:lstStyle/>
            <a:p>
              <a:endParaRPr lang="en-GB" sz="1633" dirty="0"/>
            </a:p>
          </p:txBody>
        </p:sp>
        <p:sp>
          <p:nvSpPr>
            <p:cNvPr id="201" name="Freeform 152"/>
            <p:cNvSpPr>
              <a:spLocks/>
            </p:cNvSpPr>
            <p:nvPr/>
          </p:nvSpPr>
          <p:spPr bwMode="auto">
            <a:xfrm>
              <a:off x="4953719" y="4636197"/>
              <a:ext cx="16068" cy="9640"/>
            </a:xfrm>
            <a:custGeom>
              <a:avLst/>
              <a:gdLst/>
              <a:ahLst/>
              <a:cxnLst>
                <a:cxn ang="0">
                  <a:pos x="2" y="2"/>
                </a:cxn>
                <a:cxn ang="0">
                  <a:pos x="3" y="2"/>
                </a:cxn>
                <a:cxn ang="0">
                  <a:pos x="2" y="2"/>
                </a:cxn>
              </a:cxnLst>
              <a:rect l="0" t="0" r="r" b="b"/>
              <a:pathLst>
                <a:path w="5" h="3">
                  <a:moveTo>
                    <a:pt x="2" y="2"/>
                  </a:moveTo>
                  <a:cubicBezTo>
                    <a:pt x="2" y="0"/>
                    <a:pt x="5" y="0"/>
                    <a:pt x="3" y="2"/>
                  </a:cubicBezTo>
                  <a:cubicBezTo>
                    <a:pt x="2" y="3"/>
                    <a:pt x="0" y="3"/>
                    <a:pt x="2" y="2"/>
                  </a:cubicBezTo>
                </a:path>
              </a:pathLst>
            </a:custGeom>
            <a:grpFill/>
            <a:ln w="6350" cmpd="sng">
              <a:solidFill>
                <a:schemeClr val="bg1"/>
              </a:solidFill>
              <a:round/>
              <a:headEnd/>
              <a:tailEnd/>
            </a:ln>
          </p:spPr>
          <p:txBody>
            <a:bodyPr/>
            <a:lstStyle/>
            <a:p>
              <a:endParaRPr lang="en-GB" sz="1633" dirty="0"/>
            </a:p>
          </p:txBody>
        </p:sp>
        <p:sp>
          <p:nvSpPr>
            <p:cNvPr id="202" name="Freeform 156"/>
            <p:cNvSpPr>
              <a:spLocks/>
            </p:cNvSpPr>
            <p:nvPr/>
          </p:nvSpPr>
          <p:spPr bwMode="auto">
            <a:xfrm>
              <a:off x="4945685" y="4663511"/>
              <a:ext cx="8034" cy="6427"/>
            </a:xfrm>
            <a:custGeom>
              <a:avLst/>
              <a:gdLst/>
              <a:ahLst/>
              <a:cxnLst>
                <a:cxn ang="0">
                  <a:pos x="2" y="2"/>
                </a:cxn>
                <a:cxn ang="0">
                  <a:pos x="2" y="0"/>
                </a:cxn>
                <a:cxn ang="0">
                  <a:pos x="2" y="2"/>
                </a:cxn>
              </a:cxnLst>
              <a:rect l="0" t="0" r="r" b="b"/>
              <a:pathLst>
                <a:path w="3" h="2">
                  <a:moveTo>
                    <a:pt x="2" y="2"/>
                  </a:moveTo>
                  <a:cubicBezTo>
                    <a:pt x="0" y="2"/>
                    <a:pt x="2" y="0"/>
                    <a:pt x="2" y="0"/>
                  </a:cubicBezTo>
                  <a:cubicBezTo>
                    <a:pt x="3" y="0"/>
                    <a:pt x="3" y="2"/>
                    <a:pt x="2" y="2"/>
                  </a:cubicBezTo>
                </a:path>
              </a:pathLst>
            </a:custGeom>
            <a:grpFill/>
            <a:ln w="6350" cmpd="sng">
              <a:solidFill>
                <a:schemeClr val="bg1"/>
              </a:solidFill>
              <a:round/>
              <a:headEnd/>
              <a:tailEnd/>
            </a:ln>
          </p:spPr>
          <p:txBody>
            <a:bodyPr/>
            <a:lstStyle/>
            <a:p>
              <a:endParaRPr lang="en-GB" sz="1633" dirty="0"/>
            </a:p>
          </p:txBody>
        </p:sp>
        <p:sp>
          <p:nvSpPr>
            <p:cNvPr id="203" name="Freeform 159"/>
            <p:cNvSpPr>
              <a:spLocks/>
            </p:cNvSpPr>
            <p:nvPr/>
          </p:nvSpPr>
          <p:spPr bwMode="auto">
            <a:xfrm>
              <a:off x="6186121" y="3561280"/>
              <a:ext cx="89980" cy="109260"/>
            </a:xfrm>
            <a:custGeom>
              <a:avLst/>
              <a:gdLst/>
              <a:ahLst/>
              <a:cxnLst>
                <a:cxn ang="0">
                  <a:pos x="12" y="35"/>
                </a:cxn>
                <a:cxn ang="0">
                  <a:pos x="12" y="31"/>
                </a:cxn>
                <a:cxn ang="0">
                  <a:pos x="10" y="18"/>
                </a:cxn>
                <a:cxn ang="0">
                  <a:pos x="7" y="12"/>
                </a:cxn>
                <a:cxn ang="0">
                  <a:pos x="0" y="3"/>
                </a:cxn>
                <a:cxn ang="0">
                  <a:pos x="6" y="1"/>
                </a:cxn>
                <a:cxn ang="0">
                  <a:pos x="15" y="5"/>
                </a:cxn>
                <a:cxn ang="0">
                  <a:pos x="19" y="6"/>
                </a:cxn>
                <a:cxn ang="0">
                  <a:pos x="19" y="9"/>
                </a:cxn>
                <a:cxn ang="0">
                  <a:pos x="22" y="14"/>
                </a:cxn>
                <a:cxn ang="0">
                  <a:pos x="24" y="18"/>
                </a:cxn>
                <a:cxn ang="0">
                  <a:pos x="25" y="25"/>
                </a:cxn>
                <a:cxn ang="0">
                  <a:pos x="25" y="25"/>
                </a:cxn>
                <a:cxn ang="0">
                  <a:pos x="19" y="25"/>
                </a:cxn>
                <a:cxn ang="0">
                  <a:pos x="18" y="26"/>
                </a:cxn>
                <a:cxn ang="0">
                  <a:pos x="15" y="34"/>
                </a:cxn>
                <a:cxn ang="0">
                  <a:pos x="12" y="35"/>
                </a:cxn>
              </a:cxnLst>
              <a:rect l="0" t="0" r="r" b="b"/>
              <a:pathLst>
                <a:path w="29" h="35">
                  <a:moveTo>
                    <a:pt x="12" y="35"/>
                  </a:moveTo>
                  <a:cubicBezTo>
                    <a:pt x="10" y="34"/>
                    <a:pt x="12" y="34"/>
                    <a:pt x="12" y="31"/>
                  </a:cubicBezTo>
                  <a:cubicBezTo>
                    <a:pt x="10" y="26"/>
                    <a:pt x="15" y="23"/>
                    <a:pt x="10" y="18"/>
                  </a:cubicBezTo>
                  <a:cubicBezTo>
                    <a:pt x="6" y="12"/>
                    <a:pt x="7" y="14"/>
                    <a:pt x="7" y="12"/>
                  </a:cubicBezTo>
                  <a:cubicBezTo>
                    <a:pt x="4" y="11"/>
                    <a:pt x="3" y="1"/>
                    <a:pt x="0" y="3"/>
                  </a:cubicBezTo>
                  <a:cubicBezTo>
                    <a:pt x="1" y="1"/>
                    <a:pt x="4" y="1"/>
                    <a:pt x="6" y="1"/>
                  </a:cubicBezTo>
                  <a:cubicBezTo>
                    <a:pt x="7" y="0"/>
                    <a:pt x="13" y="5"/>
                    <a:pt x="15" y="5"/>
                  </a:cubicBezTo>
                  <a:cubicBezTo>
                    <a:pt x="16" y="3"/>
                    <a:pt x="16" y="8"/>
                    <a:pt x="19" y="6"/>
                  </a:cubicBezTo>
                  <a:cubicBezTo>
                    <a:pt x="21" y="6"/>
                    <a:pt x="21" y="8"/>
                    <a:pt x="19" y="9"/>
                  </a:cubicBezTo>
                  <a:cubicBezTo>
                    <a:pt x="18" y="12"/>
                    <a:pt x="21" y="14"/>
                    <a:pt x="22" y="14"/>
                  </a:cubicBezTo>
                  <a:cubicBezTo>
                    <a:pt x="24" y="14"/>
                    <a:pt x="21" y="17"/>
                    <a:pt x="24" y="18"/>
                  </a:cubicBezTo>
                  <a:cubicBezTo>
                    <a:pt x="27" y="20"/>
                    <a:pt x="24" y="23"/>
                    <a:pt x="25" y="25"/>
                  </a:cubicBezTo>
                  <a:cubicBezTo>
                    <a:pt x="29" y="25"/>
                    <a:pt x="25" y="26"/>
                    <a:pt x="25" y="25"/>
                  </a:cubicBezTo>
                  <a:cubicBezTo>
                    <a:pt x="24" y="25"/>
                    <a:pt x="21" y="26"/>
                    <a:pt x="19" y="25"/>
                  </a:cubicBezTo>
                  <a:cubicBezTo>
                    <a:pt x="18" y="23"/>
                    <a:pt x="16" y="25"/>
                    <a:pt x="18" y="26"/>
                  </a:cubicBezTo>
                  <a:cubicBezTo>
                    <a:pt x="19" y="29"/>
                    <a:pt x="13" y="32"/>
                    <a:pt x="15" y="34"/>
                  </a:cubicBezTo>
                  <a:cubicBezTo>
                    <a:pt x="15" y="35"/>
                    <a:pt x="13" y="35"/>
                    <a:pt x="12" y="35"/>
                  </a:cubicBezTo>
                </a:path>
              </a:pathLst>
            </a:custGeom>
            <a:solidFill>
              <a:schemeClr val="accent5"/>
            </a:solidFill>
            <a:ln w="6350" cmpd="sng">
              <a:solidFill>
                <a:schemeClr val="bg1"/>
              </a:solidFill>
              <a:round/>
              <a:headEnd/>
              <a:tailEnd/>
            </a:ln>
          </p:spPr>
          <p:txBody>
            <a:bodyPr/>
            <a:lstStyle/>
            <a:p>
              <a:endParaRPr lang="en-GB" sz="1633" dirty="0"/>
            </a:p>
          </p:txBody>
        </p:sp>
        <p:sp>
          <p:nvSpPr>
            <p:cNvPr id="204" name="Freeform 160"/>
            <p:cNvSpPr>
              <a:spLocks/>
            </p:cNvSpPr>
            <p:nvPr/>
          </p:nvSpPr>
          <p:spPr bwMode="auto">
            <a:xfrm>
              <a:off x="6030262" y="3570920"/>
              <a:ext cx="229770" cy="167103"/>
            </a:xfrm>
            <a:custGeom>
              <a:avLst/>
              <a:gdLst/>
              <a:ahLst/>
              <a:cxnLst>
                <a:cxn ang="0">
                  <a:pos x="21" y="3"/>
                </a:cxn>
                <a:cxn ang="0">
                  <a:pos x="15" y="6"/>
                </a:cxn>
                <a:cxn ang="0">
                  <a:pos x="12" y="11"/>
                </a:cxn>
                <a:cxn ang="0">
                  <a:pos x="10" y="15"/>
                </a:cxn>
                <a:cxn ang="0">
                  <a:pos x="6" y="23"/>
                </a:cxn>
                <a:cxn ang="0">
                  <a:pos x="3" y="23"/>
                </a:cxn>
                <a:cxn ang="0">
                  <a:pos x="3" y="23"/>
                </a:cxn>
                <a:cxn ang="0">
                  <a:pos x="0" y="25"/>
                </a:cxn>
                <a:cxn ang="0">
                  <a:pos x="3" y="30"/>
                </a:cxn>
                <a:cxn ang="0">
                  <a:pos x="9" y="36"/>
                </a:cxn>
                <a:cxn ang="0">
                  <a:pos x="13" y="42"/>
                </a:cxn>
                <a:cxn ang="0">
                  <a:pos x="16" y="40"/>
                </a:cxn>
                <a:cxn ang="0">
                  <a:pos x="18" y="47"/>
                </a:cxn>
                <a:cxn ang="0">
                  <a:pos x="19" y="51"/>
                </a:cxn>
                <a:cxn ang="0">
                  <a:pos x="25" y="51"/>
                </a:cxn>
                <a:cxn ang="0">
                  <a:pos x="33" y="51"/>
                </a:cxn>
                <a:cxn ang="0">
                  <a:pos x="42" y="51"/>
                </a:cxn>
                <a:cxn ang="0">
                  <a:pos x="54" y="50"/>
                </a:cxn>
                <a:cxn ang="0">
                  <a:pos x="60" y="51"/>
                </a:cxn>
                <a:cxn ang="0">
                  <a:pos x="65" y="53"/>
                </a:cxn>
                <a:cxn ang="0">
                  <a:pos x="71" y="40"/>
                </a:cxn>
                <a:cxn ang="0">
                  <a:pos x="74" y="36"/>
                </a:cxn>
                <a:cxn ang="0">
                  <a:pos x="69" y="34"/>
                </a:cxn>
                <a:cxn ang="0">
                  <a:pos x="66" y="36"/>
                </a:cxn>
                <a:cxn ang="0">
                  <a:pos x="62" y="33"/>
                </a:cxn>
                <a:cxn ang="0">
                  <a:pos x="62" y="28"/>
                </a:cxn>
                <a:cxn ang="0">
                  <a:pos x="60" y="15"/>
                </a:cxn>
                <a:cxn ang="0">
                  <a:pos x="57" y="9"/>
                </a:cxn>
                <a:cxn ang="0">
                  <a:pos x="50" y="0"/>
                </a:cxn>
                <a:cxn ang="0">
                  <a:pos x="44" y="5"/>
                </a:cxn>
                <a:cxn ang="0">
                  <a:pos x="38" y="6"/>
                </a:cxn>
                <a:cxn ang="0">
                  <a:pos x="33" y="3"/>
                </a:cxn>
                <a:cxn ang="0">
                  <a:pos x="27" y="3"/>
                </a:cxn>
                <a:cxn ang="0">
                  <a:pos x="22" y="3"/>
                </a:cxn>
                <a:cxn ang="0">
                  <a:pos x="21" y="3"/>
                </a:cxn>
              </a:cxnLst>
              <a:rect l="0" t="0" r="r" b="b"/>
              <a:pathLst>
                <a:path w="74" h="54">
                  <a:moveTo>
                    <a:pt x="21" y="3"/>
                  </a:moveTo>
                  <a:cubicBezTo>
                    <a:pt x="18" y="8"/>
                    <a:pt x="16" y="5"/>
                    <a:pt x="15" y="6"/>
                  </a:cubicBezTo>
                  <a:cubicBezTo>
                    <a:pt x="13" y="8"/>
                    <a:pt x="15" y="8"/>
                    <a:pt x="12" y="11"/>
                  </a:cubicBezTo>
                  <a:cubicBezTo>
                    <a:pt x="9" y="14"/>
                    <a:pt x="12" y="14"/>
                    <a:pt x="10" y="15"/>
                  </a:cubicBezTo>
                  <a:cubicBezTo>
                    <a:pt x="9" y="19"/>
                    <a:pt x="6" y="23"/>
                    <a:pt x="6" y="23"/>
                  </a:cubicBezTo>
                  <a:cubicBezTo>
                    <a:pt x="4" y="23"/>
                    <a:pt x="4" y="22"/>
                    <a:pt x="3" y="23"/>
                  </a:cubicBezTo>
                  <a:cubicBezTo>
                    <a:pt x="3" y="23"/>
                    <a:pt x="4" y="23"/>
                    <a:pt x="3" y="23"/>
                  </a:cubicBezTo>
                  <a:cubicBezTo>
                    <a:pt x="1" y="23"/>
                    <a:pt x="0" y="23"/>
                    <a:pt x="0" y="25"/>
                  </a:cubicBezTo>
                  <a:cubicBezTo>
                    <a:pt x="1" y="28"/>
                    <a:pt x="4" y="28"/>
                    <a:pt x="3" y="30"/>
                  </a:cubicBezTo>
                  <a:cubicBezTo>
                    <a:pt x="3" y="34"/>
                    <a:pt x="10" y="34"/>
                    <a:pt x="9" y="36"/>
                  </a:cubicBezTo>
                  <a:cubicBezTo>
                    <a:pt x="7" y="39"/>
                    <a:pt x="9" y="42"/>
                    <a:pt x="13" y="42"/>
                  </a:cubicBezTo>
                  <a:cubicBezTo>
                    <a:pt x="16" y="44"/>
                    <a:pt x="15" y="40"/>
                    <a:pt x="16" y="40"/>
                  </a:cubicBezTo>
                  <a:cubicBezTo>
                    <a:pt x="22" y="45"/>
                    <a:pt x="13" y="42"/>
                    <a:pt x="18" y="47"/>
                  </a:cubicBezTo>
                  <a:cubicBezTo>
                    <a:pt x="24" y="50"/>
                    <a:pt x="18" y="50"/>
                    <a:pt x="19" y="51"/>
                  </a:cubicBezTo>
                  <a:cubicBezTo>
                    <a:pt x="21" y="53"/>
                    <a:pt x="22" y="50"/>
                    <a:pt x="25" y="51"/>
                  </a:cubicBezTo>
                  <a:cubicBezTo>
                    <a:pt x="30" y="54"/>
                    <a:pt x="30" y="51"/>
                    <a:pt x="33" y="51"/>
                  </a:cubicBezTo>
                  <a:cubicBezTo>
                    <a:pt x="36" y="53"/>
                    <a:pt x="39" y="54"/>
                    <a:pt x="42" y="51"/>
                  </a:cubicBezTo>
                  <a:cubicBezTo>
                    <a:pt x="45" y="50"/>
                    <a:pt x="53" y="47"/>
                    <a:pt x="54" y="50"/>
                  </a:cubicBezTo>
                  <a:cubicBezTo>
                    <a:pt x="56" y="51"/>
                    <a:pt x="57" y="48"/>
                    <a:pt x="60" y="51"/>
                  </a:cubicBezTo>
                  <a:cubicBezTo>
                    <a:pt x="60" y="53"/>
                    <a:pt x="63" y="53"/>
                    <a:pt x="65" y="53"/>
                  </a:cubicBezTo>
                  <a:cubicBezTo>
                    <a:pt x="65" y="45"/>
                    <a:pt x="66" y="42"/>
                    <a:pt x="71" y="40"/>
                  </a:cubicBezTo>
                  <a:cubicBezTo>
                    <a:pt x="74" y="40"/>
                    <a:pt x="74" y="39"/>
                    <a:pt x="74" y="36"/>
                  </a:cubicBezTo>
                  <a:cubicBezTo>
                    <a:pt x="73" y="33"/>
                    <a:pt x="69" y="34"/>
                    <a:pt x="69" y="34"/>
                  </a:cubicBezTo>
                  <a:cubicBezTo>
                    <a:pt x="68" y="36"/>
                    <a:pt x="66" y="34"/>
                    <a:pt x="66" y="36"/>
                  </a:cubicBezTo>
                  <a:cubicBezTo>
                    <a:pt x="65" y="37"/>
                    <a:pt x="63" y="36"/>
                    <a:pt x="62" y="33"/>
                  </a:cubicBezTo>
                  <a:cubicBezTo>
                    <a:pt x="60" y="31"/>
                    <a:pt x="62" y="33"/>
                    <a:pt x="62" y="28"/>
                  </a:cubicBezTo>
                  <a:cubicBezTo>
                    <a:pt x="60" y="25"/>
                    <a:pt x="65" y="20"/>
                    <a:pt x="60" y="15"/>
                  </a:cubicBezTo>
                  <a:cubicBezTo>
                    <a:pt x="56" y="11"/>
                    <a:pt x="59" y="11"/>
                    <a:pt x="57" y="9"/>
                  </a:cubicBezTo>
                  <a:cubicBezTo>
                    <a:pt x="54" y="8"/>
                    <a:pt x="54" y="0"/>
                    <a:pt x="50" y="0"/>
                  </a:cubicBezTo>
                  <a:cubicBezTo>
                    <a:pt x="47" y="1"/>
                    <a:pt x="48" y="3"/>
                    <a:pt x="44" y="5"/>
                  </a:cubicBezTo>
                  <a:cubicBezTo>
                    <a:pt x="39" y="5"/>
                    <a:pt x="39" y="5"/>
                    <a:pt x="38" y="6"/>
                  </a:cubicBezTo>
                  <a:cubicBezTo>
                    <a:pt x="36" y="8"/>
                    <a:pt x="35" y="3"/>
                    <a:pt x="33" y="3"/>
                  </a:cubicBezTo>
                  <a:cubicBezTo>
                    <a:pt x="30" y="5"/>
                    <a:pt x="30" y="3"/>
                    <a:pt x="27" y="3"/>
                  </a:cubicBezTo>
                  <a:cubicBezTo>
                    <a:pt x="24" y="3"/>
                    <a:pt x="22" y="1"/>
                    <a:pt x="22" y="3"/>
                  </a:cubicBezTo>
                  <a:cubicBezTo>
                    <a:pt x="21" y="5"/>
                    <a:pt x="21" y="3"/>
                    <a:pt x="21" y="3"/>
                  </a:cubicBezTo>
                </a:path>
              </a:pathLst>
            </a:custGeom>
            <a:solidFill>
              <a:schemeClr val="tx2"/>
            </a:solidFill>
            <a:ln w="6350" cmpd="sng">
              <a:solidFill>
                <a:schemeClr val="bg1"/>
              </a:solidFill>
              <a:round/>
              <a:headEnd/>
              <a:tailEnd/>
            </a:ln>
          </p:spPr>
          <p:txBody>
            <a:bodyPr/>
            <a:lstStyle/>
            <a:p>
              <a:endParaRPr lang="en-GB" sz="1633" dirty="0"/>
            </a:p>
          </p:txBody>
        </p:sp>
        <p:sp>
          <p:nvSpPr>
            <p:cNvPr id="205" name="Freeform 161"/>
            <p:cNvSpPr>
              <a:spLocks/>
            </p:cNvSpPr>
            <p:nvPr/>
          </p:nvSpPr>
          <p:spPr bwMode="auto">
            <a:xfrm>
              <a:off x="6170052" y="3787831"/>
              <a:ext cx="77125" cy="78731"/>
            </a:xfrm>
            <a:custGeom>
              <a:avLst/>
              <a:gdLst/>
              <a:ahLst/>
              <a:cxnLst>
                <a:cxn ang="0">
                  <a:pos x="2" y="5"/>
                </a:cxn>
                <a:cxn ang="0">
                  <a:pos x="3" y="11"/>
                </a:cxn>
                <a:cxn ang="0">
                  <a:pos x="0" y="16"/>
                </a:cxn>
                <a:cxn ang="0">
                  <a:pos x="5" y="17"/>
                </a:cxn>
                <a:cxn ang="0">
                  <a:pos x="2" y="22"/>
                </a:cxn>
                <a:cxn ang="0">
                  <a:pos x="5" y="20"/>
                </a:cxn>
                <a:cxn ang="0">
                  <a:pos x="11" y="16"/>
                </a:cxn>
                <a:cxn ang="0">
                  <a:pos x="15" y="14"/>
                </a:cxn>
                <a:cxn ang="0">
                  <a:pos x="23" y="12"/>
                </a:cxn>
                <a:cxn ang="0">
                  <a:pos x="20" y="9"/>
                </a:cxn>
                <a:cxn ang="0">
                  <a:pos x="15" y="2"/>
                </a:cxn>
                <a:cxn ang="0">
                  <a:pos x="12" y="3"/>
                </a:cxn>
                <a:cxn ang="0">
                  <a:pos x="8" y="2"/>
                </a:cxn>
                <a:cxn ang="0">
                  <a:pos x="5" y="3"/>
                </a:cxn>
                <a:cxn ang="0">
                  <a:pos x="2" y="5"/>
                </a:cxn>
              </a:cxnLst>
              <a:rect l="0" t="0" r="r" b="b"/>
              <a:pathLst>
                <a:path w="25" h="25">
                  <a:moveTo>
                    <a:pt x="2" y="5"/>
                  </a:moveTo>
                  <a:cubicBezTo>
                    <a:pt x="5" y="8"/>
                    <a:pt x="5" y="9"/>
                    <a:pt x="3" y="11"/>
                  </a:cubicBezTo>
                  <a:cubicBezTo>
                    <a:pt x="2" y="11"/>
                    <a:pt x="3" y="14"/>
                    <a:pt x="0" y="16"/>
                  </a:cubicBezTo>
                  <a:cubicBezTo>
                    <a:pt x="0" y="20"/>
                    <a:pt x="9" y="16"/>
                    <a:pt x="5" y="17"/>
                  </a:cubicBezTo>
                  <a:cubicBezTo>
                    <a:pt x="2" y="20"/>
                    <a:pt x="2" y="19"/>
                    <a:pt x="2" y="22"/>
                  </a:cubicBezTo>
                  <a:cubicBezTo>
                    <a:pt x="0" y="25"/>
                    <a:pt x="2" y="22"/>
                    <a:pt x="5" y="20"/>
                  </a:cubicBezTo>
                  <a:cubicBezTo>
                    <a:pt x="8" y="17"/>
                    <a:pt x="9" y="19"/>
                    <a:pt x="11" y="16"/>
                  </a:cubicBezTo>
                  <a:cubicBezTo>
                    <a:pt x="14" y="9"/>
                    <a:pt x="14" y="16"/>
                    <a:pt x="15" y="14"/>
                  </a:cubicBezTo>
                  <a:cubicBezTo>
                    <a:pt x="18" y="11"/>
                    <a:pt x="21" y="16"/>
                    <a:pt x="23" y="12"/>
                  </a:cubicBezTo>
                  <a:cubicBezTo>
                    <a:pt x="25" y="9"/>
                    <a:pt x="23" y="11"/>
                    <a:pt x="20" y="9"/>
                  </a:cubicBezTo>
                  <a:cubicBezTo>
                    <a:pt x="15" y="6"/>
                    <a:pt x="15" y="5"/>
                    <a:pt x="15" y="2"/>
                  </a:cubicBezTo>
                  <a:cubicBezTo>
                    <a:pt x="14" y="2"/>
                    <a:pt x="14" y="3"/>
                    <a:pt x="12" y="3"/>
                  </a:cubicBezTo>
                  <a:cubicBezTo>
                    <a:pt x="11" y="3"/>
                    <a:pt x="9" y="0"/>
                    <a:pt x="8" y="2"/>
                  </a:cubicBezTo>
                  <a:cubicBezTo>
                    <a:pt x="6" y="3"/>
                    <a:pt x="5" y="0"/>
                    <a:pt x="5" y="3"/>
                  </a:cubicBezTo>
                  <a:cubicBezTo>
                    <a:pt x="3" y="5"/>
                    <a:pt x="2" y="3"/>
                    <a:pt x="2" y="5"/>
                  </a:cubicBezTo>
                </a:path>
              </a:pathLst>
            </a:custGeom>
            <a:solidFill>
              <a:schemeClr val="tx2"/>
            </a:solidFill>
            <a:ln w="6350" cmpd="sng">
              <a:solidFill>
                <a:schemeClr val="bg1"/>
              </a:solidFill>
              <a:round/>
              <a:headEnd/>
              <a:tailEnd/>
            </a:ln>
          </p:spPr>
          <p:txBody>
            <a:bodyPr/>
            <a:lstStyle/>
            <a:p>
              <a:endParaRPr lang="en-GB" sz="1633" dirty="0"/>
            </a:p>
          </p:txBody>
        </p:sp>
        <p:sp>
          <p:nvSpPr>
            <p:cNvPr id="206" name="Freeform 162"/>
            <p:cNvSpPr>
              <a:spLocks/>
            </p:cNvSpPr>
            <p:nvPr/>
          </p:nvSpPr>
          <p:spPr bwMode="auto">
            <a:xfrm>
              <a:off x="6104174" y="3130670"/>
              <a:ext cx="125329" cy="89979"/>
            </a:xfrm>
            <a:custGeom>
              <a:avLst/>
              <a:gdLst/>
              <a:ahLst/>
              <a:cxnLst>
                <a:cxn ang="0">
                  <a:pos x="7" y="18"/>
                </a:cxn>
                <a:cxn ang="0">
                  <a:pos x="1" y="15"/>
                </a:cxn>
                <a:cxn ang="0">
                  <a:pos x="1" y="9"/>
                </a:cxn>
                <a:cxn ang="0">
                  <a:pos x="4" y="4"/>
                </a:cxn>
                <a:cxn ang="0">
                  <a:pos x="13" y="3"/>
                </a:cxn>
                <a:cxn ang="0">
                  <a:pos x="18" y="1"/>
                </a:cxn>
                <a:cxn ang="0">
                  <a:pos x="27" y="3"/>
                </a:cxn>
                <a:cxn ang="0">
                  <a:pos x="36" y="3"/>
                </a:cxn>
                <a:cxn ang="0">
                  <a:pos x="35" y="8"/>
                </a:cxn>
                <a:cxn ang="0">
                  <a:pos x="32" y="15"/>
                </a:cxn>
                <a:cxn ang="0">
                  <a:pos x="33" y="22"/>
                </a:cxn>
                <a:cxn ang="0">
                  <a:pos x="32" y="28"/>
                </a:cxn>
                <a:cxn ang="0">
                  <a:pos x="26" y="28"/>
                </a:cxn>
                <a:cxn ang="0">
                  <a:pos x="20" y="25"/>
                </a:cxn>
                <a:cxn ang="0">
                  <a:pos x="15" y="22"/>
                </a:cxn>
                <a:cxn ang="0">
                  <a:pos x="7" y="25"/>
                </a:cxn>
                <a:cxn ang="0">
                  <a:pos x="7" y="18"/>
                </a:cxn>
              </a:cxnLst>
              <a:rect l="0" t="0" r="r" b="b"/>
              <a:pathLst>
                <a:path w="40" h="29">
                  <a:moveTo>
                    <a:pt x="7" y="18"/>
                  </a:moveTo>
                  <a:cubicBezTo>
                    <a:pt x="3" y="20"/>
                    <a:pt x="3" y="17"/>
                    <a:pt x="1" y="15"/>
                  </a:cubicBezTo>
                  <a:cubicBezTo>
                    <a:pt x="0" y="12"/>
                    <a:pt x="0" y="12"/>
                    <a:pt x="1" y="9"/>
                  </a:cubicBezTo>
                  <a:cubicBezTo>
                    <a:pt x="1" y="6"/>
                    <a:pt x="4" y="8"/>
                    <a:pt x="4" y="4"/>
                  </a:cubicBezTo>
                  <a:cubicBezTo>
                    <a:pt x="6" y="3"/>
                    <a:pt x="10" y="3"/>
                    <a:pt x="13" y="3"/>
                  </a:cubicBezTo>
                  <a:cubicBezTo>
                    <a:pt x="18" y="3"/>
                    <a:pt x="13" y="0"/>
                    <a:pt x="18" y="1"/>
                  </a:cubicBezTo>
                  <a:cubicBezTo>
                    <a:pt x="23" y="3"/>
                    <a:pt x="26" y="1"/>
                    <a:pt x="27" y="3"/>
                  </a:cubicBezTo>
                  <a:cubicBezTo>
                    <a:pt x="30" y="4"/>
                    <a:pt x="33" y="4"/>
                    <a:pt x="36" y="3"/>
                  </a:cubicBezTo>
                  <a:cubicBezTo>
                    <a:pt x="40" y="6"/>
                    <a:pt x="35" y="4"/>
                    <a:pt x="35" y="8"/>
                  </a:cubicBezTo>
                  <a:cubicBezTo>
                    <a:pt x="35" y="12"/>
                    <a:pt x="30" y="9"/>
                    <a:pt x="32" y="15"/>
                  </a:cubicBezTo>
                  <a:cubicBezTo>
                    <a:pt x="35" y="20"/>
                    <a:pt x="30" y="17"/>
                    <a:pt x="33" y="22"/>
                  </a:cubicBezTo>
                  <a:cubicBezTo>
                    <a:pt x="36" y="26"/>
                    <a:pt x="33" y="23"/>
                    <a:pt x="32" y="28"/>
                  </a:cubicBezTo>
                  <a:cubicBezTo>
                    <a:pt x="29" y="29"/>
                    <a:pt x="30" y="26"/>
                    <a:pt x="26" y="28"/>
                  </a:cubicBezTo>
                  <a:cubicBezTo>
                    <a:pt x="23" y="29"/>
                    <a:pt x="21" y="25"/>
                    <a:pt x="20" y="25"/>
                  </a:cubicBezTo>
                  <a:cubicBezTo>
                    <a:pt x="18" y="25"/>
                    <a:pt x="17" y="22"/>
                    <a:pt x="15" y="22"/>
                  </a:cubicBezTo>
                  <a:cubicBezTo>
                    <a:pt x="12" y="20"/>
                    <a:pt x="12" y="23"/>
                    <a:pt x="7" y="25"/>
                  </a:cubicBezTo>
                  <a:cubicBezTo>
                    <a:pt x="9" y="18"/>
                    <a:pt x="10" y="15"/>
                    <a:pt x="7" y="18"/>
                  </a:cubicBezTo>
                </a:path>
              </a:pathLst>
            </a:custGeom>
            <a:solidFill>
              <a:schemeClr val="tx2"/>
            </a:solidFill>
            <a:ln w="6350" cmpd="sng">
              <a:solidFill>
                <a:schemeClr val="bg1"/>
              </a:solidFill>
              <a:round/>
              <a:headEnd/>
              <a:tailEnd/>
            </a:ln>
          </p:spPr>
          <p:txBody>
            <a:bodyPr/>
            <a:lstStyle/>
            <a:p>
              <a:endParaRPr lang="en-GB" sz="1633" dirty="0"/>
            </a:p>
          </p:txBody>
        </p:sp>
        <p:sp>
          <p:nvSpPr>
            <p:cNvPr id="207" name="Freeform 163"/>
            <p:cNvSpPr>
              <a:spLocks/>
            </p:cNvSpPr>
            <p:nvPr/>
          </p:nvSpPr>
          <p:spPr bwMode="auto">
            <a:xfrm>
              <a:off x="6041511" y="3190120"/>
              <a:ext cx="187993" cy="99618"/>
            </a:xfrm>
            <a:custGeom>
              <a:avLst/>
              <a:gdLst/>
              <a:ahLst/>
              <a:cxnLst>
                <a:cxn ang="0">
                  <a:pos x="0" y="27"/>
                </a:cxn>
                <a:cxn ang="0">
                  <a:pos x="15" y="24"/>
                </a:cxn>
                <a:cxn ang="0">
                  <a:pos x="26" y="24"/>
                </a:cxn>
                <a:cxn ang="0">
                  <a:pos x="32" y="22"/>
                </a:cxn>
                <a:cxn ang="0">
                  <a:pos x="35" y="26"/>
                </a:cxn>
                <a:cxn ang="0">
                  <a:pos x="46" y="32"/>
                </a:cxn>
                <a:cxn ang="0">
                  <a:pos x="53" y="30"/>
                </a:cxn>
                <a:cxn ang="0">
                  <a:pos x="58" y="27"/>
                </a:cxn>
                <a:cxn ang="0">
                  <a:pos x="56" y="21"/>
                </a:cxn>
                <a:cxn ang="0">
                  <a:pos x="55" y="18"/>
                </a:cxn>
                <a:cxn ang="0">
                  <a:pos x="55" y="13"/>
                </a:cxn>
                <a:cxn ang="0">
                  <a:pos x="52" y="8"/>
                </a:cxn>
                <a:cxn ang="0">
                  <a:pos x="46" y="8"/>
                </a:cxn>
                <a:cxn ang="0">
                  <a:pos x="40" y="5"/>
                </a:cxn>
                <a:cxn ang="0">
                  <a:pos x="35" y="2"/>
                </a:cxn>
                <a:cxn ang="0">
                  <a:pos x="27" y="5"/>
                </a:cxn>
                <a:cxn ang="0">
                  <a:pos x="24" y="15"/>
                </a:cxn>
                <a:cxn ang="0">
                  <a:pos x="15" y="10"/>
                </a:cxn>
                <a:cxn ang="0">
                  <a:pos x="12" y="7"/>
                </a:cxn>
                <a:cxn ang="0">
                  <a:pos x="4" y="10"/>
                </a:cxn>
                <a:cxn ang="0">
                  <a:pos x="4" y="13"/>
                </a:cxn>
                <a:cxn ang="0">
                  <a:pos x="1" y="19"/>
                </a:cxn>
                <a:cxn ang="0">
                  <a:pos x="0" y="27"/>
                </a:cxn>
              </a:cxnLst>
              <a:rect l="0" t="0" r="r" b="b"/>
              <a:pathLst>
                <a:path w="60" h="32">
                  <a:moveTo>
                    <a:pt x="0" y="27"/>
                  </a:moveTo>
                  <a:cubicBezTo>
                    <a:pt x="7" y="22"/>
                    <a:pt x="9" y="22"/>
                    <a:pt x="15" y="24"/>
                  </a:cubicBezTo>
                  <a:cubicBezTo>
                    <a:pt x="21" y="24"/>
                    <a:pt x="23" y="22"/>
                    <a:pt x="26" y="24"/>
                  </a:cubicBezTo>
                  <a:cubicBezTo>
                    <a:pt x="30" y="26"/>
                    <a:pt x="30" y="22"/>
                    <a:pt x="32" y="22"/>
                  </a:cubicBezTo>
                  <a:cubicBezTo>
                    <a:pt x="33" y="24"/>
                    <a:pt x="30" y="26"/>
                    <a:pt x="35" y="26"/>
                  </a:cubicBezTo>
                  <a:cubicBezTo>
                    <a:pt x="40" y="26"/>
                    <a:pt x="41" y="30"/>
                    <a:pt x="46" y="32"/>
                  </a:cubicBezTo>
                  <a:cubicBezTo>
                    <a:pt x="50" y="29"/>
                    <a:pt x="52" y="32"/>
                    <a:pt x="53" y="30"/>
                  </a:cubicBezTo>
                  <a:cubicBezTo>
                    <a:pt x="55" y="27"/>
                    <a:pt x="55" y="27"/>
                    <a:pt x="58" y="27"/>
                  </a:cubicBezTo>
                  <a:cubicBezTo>
                    <a:pt x="58" y="27"/>
                    <a:pt x="60" y="24"/>
                    <a:pt x="56" y="21"/>
                  </a:cubicBezTo>
                  <a:cubicBezTo>
                    <a:pt x="55" y="18"/>
                    <a:pt x="56" y="18"/>
                    <a:pt x="55" y="18"/>
                  </a:cubicBezTo>
                  <a:cubicBezTo>
                    <a:pt x="53" y="18"/>
                    <a:pt x="55" y="15"/>
                    <a:pt x="55" y="13"/>
                  </a:cubicBezTo>
                  <a:cubicBezTo>
                    <a:pt x="56" y="11"/>
                    <a:pt x="53" y="11"/>
                    <a:pt x="52" y="8"/>
                  </a:cubicBezTo>
                  <a:cubicBezTo>
                    <a:pt x="49" y="10"/>
                    <a:pt x="50" y="7"/>
                    <a:pt x="46" y="8"/>
                  </a:cubicBezTo>
                  <a:cubicBezTo>
                    <a:pt x="43" y="10"/>
                    <a:pt x="41" y="5"/>
                    <a:pt x="40" y="5"/>
                  </a:cubicBezTo>
                  <a:cubicBezTo>
                    <a:pt x="38" y="5"/>
                    <a:pt x="37" y="2"/>
                    <a:pt x="35" y="2"/>
                  </a:cubicBezTo>
                  <a:cubicBezTo>
                    <a:pt x="32" y="0"/>
                    <a:pt x="32" y="3"/>
                    <a:pt x="27" y="5"/>
                  </a:cubicBezTo>
                  <a:cubicBezTo>
                    <a:pt x="26" y="8"/>
                    <a:pt x="30" y="13"/>
                    <a:pt x="24" y="15"/>
                  </a:cubicBezTo>
                  <a:cubicBezTo>
                    <a:pt x="17" y="18"/>
                    <a:pt x="20" y="11"/>
                    <a:pt x="15" y="10"/>
                  </a:cubicBezTo>
                  <a:cubicBezTo>
                    <a:pt x="10" y="8"/>
                    <a:pt x="15" y="5"/>
                    <a:pt x="12" y="7"/>
                  </a:cubicBezTo>
                  <a:cubicBezTo>
                    <a:pt x="7" y="8"/>
                    <a:pt x="6" y="8"/>
                    <a:pt x="4" y="10"/>
                  </a:cubicBezTo>
                  <a:cubicBezTo>
                    <a:pt x="4" y="11"/>
                    <a:pt x="3" y="11"/>
                    <a:pt x="4" y="13"/>
                  </a:cubicBezTo>
                  <a:cubicBezTo>
                    <a:pt x="4" y="16"/>
                    <a:pt x="1" y="16"/>
                    <a:pt x="1" y="19"/>
                  </a:cubicBezTo>
                  <a:cubicBezTo>
                    <a:pt x="0" y="22"/>
                    <a:pt x="0" y="24"/>
                    <a:pt x="0" y="27"/>
                  </a:cubicBezTo>
                </a:path>
              </a:pathLst>
            </a:custGeom>
            <a:solidFill>
              <a:schemeClr val="tx2"/>
            </a:solidFill>
            <a:ln w="6350" cmpd="sng">
              <a:solidFill>
                <a:schemeClr val="bg1"/>
              </a:solidFill>
              <a:round/>
              <a:headEnd/>
              <a:tailEnd/>
            </a:ln>
          </p:spPr>
          <p:txBody>
            <a:bodyPr/>
            <a:lstStyle/>
            <a:p>
              <a:endParaRPr lang="en-GB" sz="1633" dirty="0"/>
            </a:p>
          </p:txBody>
        </p:sp>
        <p:sp>
          <p:nvSpPr>
            <p:cNvPr id="208" name="Freeform 164"/>
            <p:cNvSpPr>
              <a:spLocks/>
            </p:cNvSpPr>
            <p:nvPr/>
          </p:nvSpPr>
          <p:spPr bwMode="auto">
            <a:xfrm>
              <a:off x="6041511" y="3259210"/>
              <a:ext cx="147824" cy="109260"/>
            </a:xfrm>
            <a:custGeom>
              <a:avLst/>
              <a:gdLst/>
              <a:ahLst/>
              <a:cxnLst>
                <a:cxn ang="0">
                  <a:pos x="46" y="10"/>
                </a:cxn>
                <a:cxn ang="0">
                  <a:pos x="46" y="16"/>
                </a:cxn>
                <a:cxn ang="0">
                  <a:pos x="38" y="22"/>
                </a:cxn>
                <a:cxn ang="0">
                  <a:pos x="38" y="29"/>
                </a:cxn>
                <a:cxn ang="0">
                  <a:pos x="32" y="30"/>
                </a:cxn>
                <a:cxn ang="0">
                  <a:pos x="21" y="32"/>
                </a:cxn>
                <a:cxn ang="0">
                  <a:pos x="15" y="27"/>
                </a:cxn>
                <a:cxn ang="0">
                  <a:pos x="13" y="19"/>
                </a:cxn>
                <a:cxn ang="0">
                  <a:pos x="3" y="16"/>
                </a:cxn>
                <a:cxn ang="0">
                  <a:pos x="1" y="10"/>
                </a:cxn>
                <a:cxn ang="0">
                  <a:pos x="0" y="5"/>
                </a:cxn>
                <a:cxn ang="0">
                  <a:pos x="15" y="2"/>
                </a:cxn>
                <a:cxn ang="0">
                  <a:pos x="26" y="2"/>
                </a:cxn>
                <a:cxn ang="0">
                  <a:pos x="32" y="0"/>
                </a:cxn>
                <a:cxn ang="0">
                  <a:pos x="35" y="3"/>
                </a:cxn>
                <a:cxn ang="0">
                  <a:pos x="46" y="10"/>
                </a:cxn>
              </a:cxnLst>
              <a:rect l="0" t="0" r="r" b="b"/>
              <a:pathLst>
                <a:path w="47" h="35">
                  <a:moveTo>
                    <a:pt x="46" y="10"/>
                  </a:moveTo>
                  <a:cubicBezTo>
                    <a:pt x="42" y="18"/>
                    <a:pt x="47" y="13"/>
                    <a:pt x="46" y="16"/>
                  </a:cubicBezTo>
                  <a:cubicBezTo>
                    <a:pt x="44" y="19"/>
                    <a:pt x="42" y="16"/>
                    <a:pt x="38" y="22"/>
                  </a:cubicBezTo>
                  <a:cubicBezTo>
                    <a:pt x="35" y="27"/>
                    <a:pt x="41" y="27"/>
                    <a:pt x="38" y="29"/>
                  </a:cubicBezTo>
                  <a:cubicBezTo>
                    <a:pt x="36" y="32"/>
                    <a:pt x="38" y="24"/>
                    <a:pt x="32" y="30"/>
                  </a:cubicBezTo>
                  <a:cubicBezTo>
                    <a:pt x="27" y="35"/>
                    <a:pt x="26" y="30"/>
                    <a:pt x="21" y="32"/>
                  </a:cubicBezTo>
                  <a:cubicBezTo>
                    <a:pt x="21" y="29"/>
                    <a:pt x="16" y="25"/>
                    <a:pt x="15" y="27"/>
                  </a:cubicBezTo>
                  <a:cubicBezTo>
                    <a:pt x="13" y="22"/>
                    <a:pt x="16" y="21"/>
                    <a:pt x="13" y="19"/>
                  </a:cubicBezTo>
                  <a:cubicBezTo>
                    <a:pt x="10" y="16"/>
                    <a:pt x="13" y="21"/>
                    <a:pt x="3" y="16"/>
                  </a:cubicBezTo>
                  <a:cubicBezTo>
                    <a:pt x="3" y="14"/>
                    <a:pt x="3" y="11"/>
                    <a:pt x="1" y="10"/>
                  </a:cubicBezTo>
                  <a:cubicBezTo>
                    <a:pt x="0" y="8"/>
                    <a:pt x="0" y="8"/>
                    <a:pt x="0" y="5"/>
                  </a:cubicBezTo>
                  <a:cubicBezTo>
                    <a:pt x="7" y="0"/>
                    <a:pt x="9" y="0"/>
                    <a:pt x="15" y="2"/>
                  </a:cubicBezTo>
                  <a:cubicBezTo>
                    <a:pt x="21" y="2"/>
                    <a:pt x="23" y="0"/>
                    <a:pt x="26" y="2"/>
                  </a:cubicBezTo>
                  <a:cubicBezTo>
                    <a:pt x="30" y="3"/>
                    <a:pt x="30" y="0"/>
                    <a:pt x="32" y="0"/>
                  </a:cubicBezTo>
                  <a:cubicBezTo>
                    <a:pt x="33" y="2"/>
                    <a:pt x="30" y="3"/>
                    <a:pt x="35" y="3"/>
                  </a:cubicBezTo>
                  <a:cubicBezTo>
                    <a:pt x="39" y="3"/>
                    <a:pt x="41" y="8"/>
                    <a:pt x="46" y="10"/>
                  </a:cubicBezTo>
                </a:path>
              </a:pathLst>
            </a:custGeom>
            <a:solidFill>
              <a:schemeClr val="tx2"/>
            </a:solidFill>
            <a:ln w="6350" cmpd="sng">
              <a:solidFill>
                <a:schemeClr val="bg1"/>
              </a:solidFill>
              <a:round/>
              <a:headEnd/>
              <a:tailEnd/>
            </a:ln>
          </p:spPr>
          <p:txBody>
            <a:bodyPr/>
            <a:lstStyle/>
            <a:p>
              <a:endParaRPr lang="en-GB" sz="1633" dirty="0"/>
            </a:p>
          </p:txBody>
        </p:sp>
        <p:sp>
          <p:nvSpPr>
            <p:cNvPr id="209" name="Freeform 165"/>
            <p:cNvSpPr>
              <a:spLocks/>
            </p:cNvSpPr>
            <p:nvPr/>
          </p:nvSpPr>
          <p:spPr bwMode="auto">
            <a:xfrm>
              <a:off x="6089714" y="3268851"/>
              <a:ext cx="252265" cy="196024"/>
            </a:xfrm>
            <a:custGeom>
              <a:avLst/>
              <a:gdLst/>
              <a:ahLst/>
              <a:cxnLst>
                <a:cxn ang="0">
                  <a:pos x="70" y="50"/>
                </a:cxn>
                <a:cxn ang="0">
                  <a:pos x="63" y="58"/>
                </a:cxn>
                <a:cxn ang="0">
                  <a:pos x="60" y="60"/>
                </a:cxn>
                <a:cxn ang="0">
                  <a:pos x="54" y="60"/>
                </a:cxn>
                <a:cxn ang="0">
                  <a:pos x="47" y="58"/>
                </a:cxn>
                <a:cxn ang="0">
                  <a:pos x="40" y="57"/>
                </a:cxn>
                <a:cxn ang="0">
                  <a:pos x="32" y="55"/>
                </a:cxn>
                <a:cxn ang="0">
                  <a:pos x="17" y="54"/>
                </a:cxn>
                <a:cxn ang="0">
                  <a:pos x="9" y="57"/>
                </a:cxn>
                <a:cxn ang="0">
                  <a:pos x="6" y="58"/>
                </a:cxn>
                <a:cxn ang="0">
                  <a:pos x="3" y="50"/>
                </a:cxn>
                <a:cxn ang="0">
                  <a:pos x="8" y="46"/>
                </a:cxn>
                <a:cxn ang="0">
                  <a:pos x="6" y="29"/>
                </a:cxn>
                <a:cxn ang="0">
                  <a:pos x="17" y="27"/>
                </a:cxn>
                <a:cxn ang="0">
                  <a:pos x="23" y="25"/>
                </a:cxn>
                <a:cxn ang="0">
                  <a:pos x="23" y="19"/>
                </a:cxn>
                <a:cxn ang="0">
                  <a:pos x="31" y="13"/>
                </a:cxn>
                <a:cxn ang="0">
                  <a:pos x="31" y="7"/>
                </a:cxn>
                <a:cxn ang="0">
                  <a:pos x="38" y="5"/>
                </a:cxn>
                <a:cxn ang="0">
                  <a:pos x="43" y="2"/>
                </a:cxn>
                <a:cxn ang="0">
                  <a:pos x="49" y="3"/>
                </a:cxn>
                <a:cxn ang="0">
                  <a:pos x="55" y="7"/>
                </a:cxn>
                <a:cxn ang="0">
                  <a:pos x="61" y="7"/>
                </a:cxn>
                <a:cxn ang="0">
                  <a:pos x="64" y="10"/>
                </a:cxn>
                <a:cxn ang="0">
                  <a:pos x="64" y="16"/>
                </a:cxn>
                <a:cxn ang="0">
                  <a:pos x="66" y="22"/>
                </a:cxn>
                <a:cxn ang="0">
                  <a:pos x="72" y="29"/>
                </a:cxn>
                <a:cxn ang="0">
                  <a:pos x="76" y="33"/>
                </a:cxn>
                <a:cxn ang="0">
                  <a:pos x="78" y="36"/>
                </a:cxn>
                <a:cxn ang="0">
                  <a:pos x="70" y="38"/>
                </a:cxn>
                <a:cxn ang="0">
                  <a:pos x="69" y="41"/>
                </a:cxn>
                <a:cxn ang="0">
                  <a:pos x="70" y="50"/>
                </a:cxn>
              </a:cxnLst>
              <a:rect l="0" t="0" r="r" b="b"/>
              <a:pathLst>
                <a:path w="81" h="63">
                  <a:moveTo>
                    <a:pt x="70" y="50"/>
                  </a:moveTo>
                  <a:cubicBezTo>
                    <a:pt x="64" y="50"/>
                    <a:pt x="63" y="54"/>
                    <a:pt x="63" y="58"/>
                  </a:cubicBezTo>
                  <a:cubicBezTo>
                    <a:pt x="63" y="63"/>
                    <a:pt x="61" y="63"/>
                    <a:pt x="60" y="60"/>
                  </a:cubicBezTo>
                  <a:cubicBezTo>
                    <a:pt x="58" y="60"/>
                    <a:pt x="55" y="60"/>
                    <a:pt x="54" y="60"/>
                  </a:cubicBezTo>
                  <a:cubicBezTo>
                    <a:pt x="50" y="61"/>
                    <a:pt x="52" y="55"/>
                    <a:pt x="47" y="58"/>
                  </a:cubicBezTo>
                  <a:cubicBezTo>
                    <a:pt x="44" y="61"/>
                    <a:pt x="49" y="57"/>
                    <a:pt x="40" y="57"/>
                  </a:cubicBezTo>
                  <a:cubicBezTo>
                    <a:pt x="34" y="57"/>
                    <a:pt x="37" y="55"/>
                    <a:pt x="32" y="55"/>
                  </a:cubicBezTo>
                  <a:cubicBezTo>
                    <a:pt x="29" y="57"/>
                    <a:pt x="28" y="52"/>
                    <a:pt x="17" y="54"/>
                  </a:cubicBezTo>
                  <a:cubicBezTo>
                    <a:pt x="8" y="55"/>
                    <a:pt x="12" y="58"/>
                    <a:pt x="9" y="57"/>
                  </a:cubicBezTo>
                  <a:cubicBezTo>
                    <a:pt x="8" y="57"/>
                    <a:pt x="6" y="58"/>
                    <a:pt x="6" y="58"/>
                  </a:cubicBezTo>
                  <a:cubicBezTo>
                    <a:pt x="5" y="55"/>
                    <a:pt x="9" y="52"/>
                    <a:pt x="3" y="50"/>
                  </a:cubicBezTo>
                  <a:cubicBezTo>
                    <a:pt x="0" y="49"/>
                    <a:pt x="5" y="46"/>
                    <a:pt x="8" y="46"/>
                  </a:cubicBezTo>
                  <a:cubicBezTo>
                    <a:pt x="11" y="44"/>
                    <a:pt x="8" y="38"/>
                    <a:pt x="6" y="29"/>
                  </a:cubicBezTo>
                  <a:cubicBezTo>
                    <a:pt x="11" y="27"/>
                    <a:pt x="12" y="32"/>
                    <a:pt x="17" y="27"/>
                  </a:cubicBezTo>
                  <a:cubicBezTo>
                    <a:pt x="23" y="21"/>
                    <a:pt x="21" y="29"/>
                    <a:pt x="23" y="25"/>
                  </a:cubicBezTo>
                  <a:cubicBezTo>
                    <a:pt x="26" y="24"/>
                    <a:pt x="20" y="24"/>
                    <a:pt x="23" y="19"/>
                  </a:cubicBezTo>
                  <a:cubicBezTo>
                    <a:pt x="28" y="13"/>
                    <a:pt x="29" y="16"/>
                    <a:pt x="31" y="13"/>
                  </a:cubicBezTo>
                  <a:cubicBezTo>
                    <a:pt x="32" y="10"/>
                    <a:pt x="28" y="14"/>
                    <a:pt x="31" y="7"/>
                  </a:cubicBezTo>
                  <a:cubicBezTo>
                    <a:pt x="35" y="3"/>
                    <a:pt x="37" y="7"/>
                    <a:pt x="38" y="5"/>
                  </a:cubicBezTo>
                  <a:cubicBezTo>
                    <a:pt x="40" y="2"/>
                    <a:pt x="40" y="2"/>
                    <a:pt x="43" y="2"/>
                  </a:cubicBezTo>
                  <a:cubicBezTo>
                    <a:pt x="47" y="0"/>
                    <a:pt x="44" y="3"/>
                    <a:pt x="49" y="3"/>
                  </a:cubicBezTo>
                  <a:cubicBezTo>
                    <a:pt x="55" y="2"/>
                    <a:pt x="50" y="8"/>
                    <a:pt x="55" y="7"/>
                  </a:cubicBezTo>
                  <a:cubicBezTo>
                    <a:pt x="58" y="3"/>
                    <a:pt x="61" y="5"/>
                    <a:pt x="61" y="7"/>
                  </a:cubicBezTo>
                  <a:cubicBezTo>
                    <a:pt x="63" y="8"/>
                    <a:pt x="66" y="7"/>
                    <a:pt x="64" y="10"/>
                  </a:cubicBezTo>
                  <a:cubicBezTo>
                    <a:pt x="63" y="14"/>
                    <a:pt x="67" y="14"/>
                    <a:pt x="64" y="16"/>
                  </a:cubicBezTo>
                  <a:cubicBezTo>
                    <a:pt x="61" y="19"/>
                    <a:pt x="66" y="18"/>
                    <a:pt x="66" y="22"/>
                  </a:cubicBezTo>
                  <a:cubicBezTo>
                    <a:pt x="67" y="29"/>
                    <a:pt x="73" y="27"/>
                    <a:pt x="72" y="29"/>
                  </a:cubicBezTo>
                  <a:cubicBezTo>
                    <a:pt x="69" y="33"/>
                    <a:pt x="76" y="29"/>
                    <a:pt x="76" y="33"/>
                  </a:cubicBezTo>
                  <a:cubicBezTo>
                    <a:pt x="76" y="35"/>
                    <a:pt x="81" y="35"/>
                    <a:pt x="78" y="36"/>
                  </a:cubicBezTo>
                  <a:cubicBezTo>
                    <a:pt x="75" y="38"/>
                    <a:pt x="75" y="41"/>
                    <a:pt x="70" y="38"/>
                  </a:cubicBezTo>
                  <a:cubicBezTo>
                    <a:pt x="69" y="36"/>
                    <a:pt x="67" y="39"/>
                    <a:pt x="69" y="41"/>
                  </a:cubicBezTo>
                  <a:cubicBezTo>
                    <a:pt x="72" y="46"/>
                    <a:pt x="67" y="46"/>
                    <a:pt x="70" y="50"/>
                  </a:cubicBezTo>
                </a:path>
              </a:pathLst>
            </a:custGeom>
            <a:solidFill>
              <a:schemeClr val="accent5"/>
            </a:solidFill>
            <a:ln w="6350" cmpd="sng">
              <a:solidFill>
                <a:schemeClr val="bg1"/>
              </a:solidFill>
              <a:round/>
              <a:headEnd/>
              <a:tailEnd/>
            </a:ln>
          </p:spPr>
          <p:txBody>
            <a:bodyPr/>
            <a:lstStyle/>
            <a:p>
              <a:endParaRPr lang="en-GB" sz="1633" dirty="0"/>
            </a:p>
          </p:txBody>
        </p:sp>
        <p:sp>
          <p:nvSpPr>
            <p:cNvPr id="210" name="Freeform 166"/>
            <p:cNvSpPr>
              <a:spLocks/>
            </p:cNvSpPr>
            <p:nvPr/>
          </p:nvSpPr>
          <p:spPr bwMode="auto">
            <a:xfrm>
              <a:off x="5867978" y="3323481"/>
              <a:ext cx="265119" cy="221731"/>
            </a:xfrm>
            <a:custGeom>
              <a:avLst/>
              <a:gdLst/>
              <a:ahLst/>
              <a:cxnLst>
                <a:cxn ang="0">
                  <a:pos x="77" y="40"/>
                </a:cxn>
                <a:cxn ang="0">
                  <a:pos x="79" y="47"/>
                </a:cxn>
                <a:cxn ang="0">
                  <a:pos x="80" y="50"/>
                </a:cxn>
                <a:cxn ang="0">
                  <a:pos x="79" y="54"/>
                </a:cxn>
                <a:cxn ang="0">
                  <a:pos x="71" y="62"/>
                </a:cxn>
                <a:cxn ang="0">
                  <a:pos x="71" y="68"/>
                </a:cxn>
                <a:cxn ang="0">
                  <a:pos x="68" y="70"/>
                </a:cxn>
                <a:cxn ang="0">
                  <a:pos x="63" y="67"/>
                </a:cxn>
                <a:cxn ang="0">
                  <a:pos x="53" y="65"/>
                </a:cxn>
                <a:cxn ang="0">
                  <a:pos x="48" y="68"/>
                </a:cxn>
                <a:cxn ang="0">
                  <a:pos x="47" y="67"/>
                </a:cxn>
                <a:cxn ang="0">
                  <a:pos x="42" y="65"/>
                </a:cxn>
                <a:cxn ang="0">
                  <a:pos x="41" y="65"/>
                </a:cxn>
                <a:cxn ang="0">
                  <a:pos x="39" y="65"/>
                </a:cxn>
                <a:cxn ang="0">
                  <a:pos x="35" y="59"/>
                </a:cxn>
                <a:cxn ang="0">
                  <a:pos x="30" y="57"/>
                </a:cxn>
                <a:cxn ang="0">
                  <a:pos x="28" y="56"/>
                </a:cxn>
                <a:cxn ang="0">
                  <a:pos x="24" y="54"/>
                </a:cxn>
                <a:cxn ang="0">
                  <a:pos x="21" y="56"/>
                </a:cxn>
                <a:cxn ang="0">
                  <a:pos x="21" y="51"/>
                </a:cxn>
                <a:cxn ang="0">
                  <a:pos x="15" y="50"/>
                </a:cxn>
                <a:cxn ang="0">
                  <a:pos x="9" y="48"/>
                </a:cxn>
                <a:cxn ang="0">
                  <a:pos x="6" y="39"/>
                </a:cxn>
                <a:cxn ang="0">
                  <a:pos x="6" y="31"/>
                </a:cxn>
                <a:cxn ang="0">
                  <a:pos x="4" y="26"/>
                </a:cxn>
                <a:cxn ang="0">
                  <a:pos x="3" y="14"/>
                </a:cxn>
                <a:cxn ang="0">
                  <a:pos x="6" y="14"/>
                </a:cxn>
                <a:cxn ang="0">
                  <a:pos x="6" y="12"/>
                </a:cxn>
                <a:cxn ang="0">
                  <a:pos x="3" y="12"/>
                </a:cxn>
                <a:cxn ang="0">
                  <a:pos x="3" y="11"/>
                </a:cxn>
                <a:cxn ang="0">
                  <a:pos x="15" y="8"/>
                </a:cxn>
                <a:cxn ang="0">
                  <a:pos x="22" y="3"/>
                </a:cxn>
                <a:cxn ang="0">
                  <a:pos x="30" y="0"/>
                </a:cxn>
                <a:cxn ang="0">
                  <a:pos x="39" y="3"/>
                </a:cxn>
                <a:cxn ang="0">
                  <a:pos x="38" y="3"/>
                </a:cxn>
                <a:cxn ang="0">
                  <a:pos x="38" y="5"/>
                </a:cxn>
                <a:cxn ang="0">
                  <a:pos x="45" y="5"/>
                </a:cxn>
                <a:cxn ang="0">
                  <a:pos x="71" y="6"/>
                </a:cxn>
                <a:cxn ang="0">
                  <a:pos x="77" y="11"/>
                </a:cxn>
                <a:cxn ang="0">
                  <a:pos x="79" y="28"/>
                </a:cxn>
                <a:cxn ang="0">
                  <a:pos x="74" y="33"/>
                </a:cxn>
                <a:cxn ang="0">
                  <a:pos x="77" y="40"/>
                </a:cxn>
              </a:cxnLst>
              <a:rect l="0" t="0" r="r" b="b"/>
              <a:pathLst>
                <a:path w="85" h="71">
                  <a:moveTo>
                    <a:pt x="77" y="40"/>
                  </a:moveTo>
                  <a:cubicBezTo>
                    <a:pt x="79" y="43"/>
                    <a:pt x="76" y="42"/>
                    <a:pt x="79" y="47"/>
                  </a:cubicBezTo>
                  <a:cubicBezTo>
                    <a:pt x="85" y="51"/>
                    <a:pt x="79" y="48"/>
                    <a:pt x="80" y="50"/>
                  </a:cubicBezTo>
                  <a:cubicBezTo>
                    <a:pt x="82" y="51"/>
                    <a:pt x="83" y="53"/>
                    <a:pt x="79" y="54"/>
                  </a:cubicBezTo>
                  <a:cubicBezTo>
                    <a:pt x="77" y="54"/>
                    <a:pt x="72" y="59"/>
                    <a:pt x="71" y="62"/>
                  </a:cubicBezTo>
                  <a:cubicBezTo>
                    <a:pt x="68" y="65"/>
                    <a:pt x="71" y="67"/>
                    <a:pt x="71" y="68"/>
                  </a:cubicBezTo>
                  <a:cubicBezTo>
                    <a:pt x="69" y="70"/>
                    <a:pt x="74" y="71"/>
                    <a:pt x="68" y="70"/>
                  </a:cubicBezTo>
                  <a:cubicBezTo>
                    <a:pt x="63" y="68"/>
                    <a:pt x="65" y="67"/>
                    <a:pt x="63" y="67"/>
                  </a:cubicBezTo>
                  <a:cubicBezTo>
                    <a:pt x="59" y="65"/>
                    <a:pt x="54" y="65"/>
                    <a:pt x="53" y="65"/>
                  </a:cubicBezTo>
                  <a:cubicBezTo>
                    <a:pt x="50" y="65"/>
                    <a:pt x="50" y="70"/>
                    <a:pt x="48" y="68"/>
                  </a:cubicBezTo>
                  <a:cubicBezTo>
                    <a:pt x="48" y="68"/>
                    <a:pt x="47" y="68"/>
                    <a:pt x="47" y="67"/>
                  </a:cubicBezTo>
                  <a:cubicBezTo>
                    <a:pt x="48" y="64"/>
                    <a:pt x="44" y="62"/>
                    <a:pt x="42" y="65"/>
                  </a:cubicBezTo>
                  <a:cubicBezTo>
                    <a:pt x="42" y="67"/>
                    <a:pt x="41" y="67"/>
                    <a:pt x="41" y="65"/>
                  </a:cubicBezTo>
                  <a:cubicBezTo>
                    <a:pt x="41" y="65"/>
                    <a:pt x="41" y="65"/>
                    <a:pt x="39" y="65"/>
                  </a:cubicBezTo>
                  <a:cubicBezTo>
                    <a:pt x="39" y="62"/>
                    <a:pt x="38" y="61"/>
                    <a:pt x="35" y="59"/>
                  </a:cubicBezTo>
                  <a:cubicBezTo>
                    <a:pt x="32" y="57"/>
                    <a:pt x="33" y="59"/>
                    <a:pt x="30" y="57"/>
                  </a:cubicBezTo>
                  <a:cubicBezTo>
                    <a:pt x="28" y="56"/>
                    <a:pt x="32" y="56"/>
                    <a:pt x="28" y="56"/>
                  </a:cubicBezTo>
                  <a:cubicBezTo>
                    <a:pt x="25" y="54"/>
                    <a:pt x="22" y="53"/>
                    <a:pt x="24" y="54"/>
                  </a:cubicBezTo>
                  <a:cubicBezTo>
                    <a:pt x="25" y="56"/>
                    <a:pt x="24" y="59"/>
                    <a:pt x="21" y="56"/>
                  </a:cubicBezTo>
                  <a:cubicBezTo>
                    <a:pt x="16" y="51"/>
                    <a:pt x="21" y="53"/>
                    <a:pt x="21" y="51"/>
                  </a:cubicBezTo>
                  <a:cubicBezTo>
                    <a:pt x="19" y="50"/>
                    <a:pt x="19" y="51"/>
                    <a:pt x="15" y="50"/>
                  </a:cubicBezTo>
                  <a:cubicBezTo>
                    <a:pt x="9" y="47"/>
                    <a:pt x="12" y="45"/>
                    <a:pt x="9" y="48"/>
                  </a:cubicBezTo>
                  <a:cubicBezTo>
                    <a:pt x="10" y="39"/>
                    <a:pt x="7" y="43"/>
                    <a:pt x="6" y="39"/>
                  </a:cubicBezTo>
                  <a:cubicBezTo>
                    <a:pt x="6" y="36"/>
                    <a:pt x="9" y="36"/>
                    <a:pt x="6" y="31"/>
                  </a:cubicBezTo>
                  <a:cubicBezTo>
                    <a:pt x="4" y="29"/>
                    <a:pt x="9" y="29"/>
                    <a:pt x="4" y="26"/>
                  </a:cubicBezTo>
                  <a:cubicBezTo>
                    <a:pt x="0" y="23"/>
                    <a:pt x="6" y="22"/>
                    <a:pt x="3" y="14"/>
                  </a:cubicBezTo>
                  <a:cubicBezTo>
                    <a:pt x="6" y="14"/>
                    <a:pt x="6" y="15"/>
                    <a:pt x="6" y="14"/>
                  </a:cubicBezTo>
                  <a:cubicBezTo>
                    <a:pt x="6" y="12"/>
                    <a:pt x="6" y="12"/>
                    <a:pt x="6" y="12"/>
                  </a:cubicBezTo>
                  <a:cubicBezTo>
                    <a:pt x="4" y="12"/>
                    <a:pt x="4" y="14"/>
                    <a:pt x="3" y="12"/>
                  </a:cubicBezTo>
                  <a:cubicBezTo>
                    <a:pt x="3" y="11"/>
                    <a:pt x="3" y="11"/>
                    <a:pt x="3" y="11"/>
                  </a:cubicBezTo>
                  <a:cubicBezTo>
                    <a:pt x="7" y="12"/>
                    <a:pt x="7" y="9"/>
                    <a:pt x="15" y="8"/>
                  </a:cubicBezTo>
                  <a:cubicBezTo>
                    <a:pt x="22" y="6"/>
                    <a:pt x="18" y="5"/>
                    <a:pt x="22" y="3"/>
                  </a:cubicBezTo>
                  <a:cubicBezTo>
                    <a:pt x="28" y="1"/>
                    <a:pt x="22" y="1"/>
                    <a:pt x="30" y="0"/>
                  </a:cubicBezTo>
                  <a:cubicBezTo>
                    <a:pt x="36" y="0"/>
                    <a:pt x="35" y="0"/>
                    <a:pt x="39" y="3"/>
                  </a:cubicBezTo>
                  <a:cubicBezTo>
                    <a:pt x="41" y="3"/>
                    <a:pt x="39" y="5"/>
                    <a:pt x="38" y="3"/>
                  </a:cubicBezTo>
                  <a:cubicBezTo>
                    <a:pt x="36" y="0"/>
                    <a:pt x="36" y="1"/>
                    <a:pt x="38" y="5"/>
                  </a:cubicBezTo>
                  <a:cubicBezTo>
                    <a:pt x="38" y="6"/>
                    <a:pt x="44" y="6"/>
                    <a:pt x="45" y="5"/>
                  </a:cubicBezTo>
                  <a:cubicBezTo>
                    <a:pt x="56" y="6"/>
                    <a:pt x="65" y="8"/>
                    <a:pt x="71" y="6"/>
                  </a:cubicBezTo>
                  <a:cubicBezTo>
                    <a:pt x="72" y="5"/>
                    <a:pt x="77" y="8"/>
                    <a:pt x="77" y="11"/>
                  </a:cubicBezTo>
                  <a:cubicBezTo>
                    <a:pt x="79" y="20"/>
                    <a:pt x="82" y="26"/>
                    <a:pt x="79" y="28"/>
                  </a:cubicBezTo>
                  <a:cubicBezTo>
                    <a:pt x="76" y="28"/>
                    <a:pt x="71" y="31"/>
                    <a:pt x="74" y="33"/>
                  </a:cubicBezTo>
                  <a:cubicBezTo>
                    <a:pt x="80" y="34"/>
                    <a:pt x="76" y="37"/>
                    <a:pt x="77" y="40"/>
                  </a:cubicBezTo>
                </a:path>
              </a:pathLst>
            </a:custGeom>
            <a:solidFill>
              <a:schemeClr val="tx2"/>
            </a:solidFill>
            <a:ln w="6350" cmpd="sng">
              <a:solidFill>
                <a:schemeClr val="bg1"/>
              </a:solidFill>
              <a:round/>
              <a:headEnd/>
              <a:tailEnd/>
            </a:ln>
          </p:spPr>
          <p:txBody>
            <a:bodyPr/>
            <a:lstStyle/>
            <a:p>
              <a:endParaRPr lang="en-GB" sz="1633" dirty="0"/>
            </a:p>
          </p:txBody>
        </p:sp>
        <p:sp>
          <p:nvSpPr>
            <p:cNvPr id="211" name="Freeform 167"/>
            <p:cNvSpPr>
              <a:spLocks/>
            </p:cNvSpPr>
            <p:nvPr/>
          </p:nvSpPr>
          <p:spPr bwMode="auto">
            <a:xfrm>
              <a:off x="5400405" y="3468088"/>
              <a:ext cx="332604" cy="314923"/>
            </a:xfrm>
            <a:custGeom>
              <a:avLst/>
              <a:gdLst/>
              <a:ahLst/>
              <a:cxnLst>
                <a:cxn ang="0">
                  <a:pos x="96" y="67"/>
                </a:cxn>
                <a:cxn ang="0">
                  <a:pos x="95" y="78"/>
                </a:cxn>
                <a:cxn ang="0">
                  <a:pos x="99" y="86"/>
                </a:cxn>
                <a:cxn ang="0">
                  <a:pos x="85" y="92"/>
                </a:cxn>
                <a:cxn ang="0">
                  <a:pos x="78" y="89"/>
                </a:cxn>
                <a:cxn ang="0">
                  <a:pos x="69" y="89"/>
                </a:cxn>
                <a:cxn ang="0">
                  <a:pos x="64" y="100"/>
                </a:cxn>
                <a:cxn ang="0">
                  <a:pos x="54" y="100"/>
                </a:cxn>
                <a:cxn ang="0">
                  <a:pos x="44" y="97"/>
                </a:cxn>
                <a:cxn ang="0">
                  <a:pos x="35" y="95"/>
                </a:cxn>
                <a:cxn ang="0">
                  <a:pos x="26" y="89"/>
                </a:cxn>
                <a:cxn ang="0">
                  <a:pos x="31" y="75"/>
                </a:cxn>
                <a:cxn ang="0">
                  <a:pos x="31" y="70"/>
                </a:cxn>
                <a:cxn ang="0">
                  <a:pos x="35" y="69"/>
                </a:cxn>
                <a:cxn ang="0">
                  <a:pos x="31" y="61"/>
                </a:cxn>
                <a:cxn ang="0">
                  <a:pos x="28" y="55"/>
                </a:cxn>
                <a:cxn ang="0">
                  <a:pos x="23" y="47"/>
                </a:cxn>
                <a:cxn ang="0">
                  <a:pos x="20" y="42"/>
                </a:cxn>
                <a:cxn ang="0">
                  <a:pos x="17" y="41"/>
                </a:cxn>
                <a:cxn ang="0">
                  <a:pos x="6" y="38"/>
                </a:cxn>
                <a:cxn ang="0">
                  <a:pos x="6" y="35"/>
                </a:cxn>
                <a:cxn ang="0">
                  <a:pos x="5" y="32"/>
                </a:cxn>
                <a:cxn ang="0">
                  <a:pos x="6" y="28"/>
                </a:cxn>
                <a:cxn ang="0">
                  <a:pos x="12" y="27"/>
                </a:cxn>
                <a:cxn ang="0">
                  <a:pos x="19" y="30"/>
                </a:cxn>
                <a:cxn ang="0">
                  <a:pos x="23" y="28"/>
                </a:cxn>
                <a:cxn ang="0">
                  <a:pos x="28" y="30"/>
                </a:cxn>
                <a:cxn ang="0">
                  <a:pos x="26" y="21"/>
                </a:cxn>
                <a:cxn ang="0">
                  <a:pos x="29" y="16"/>
                </a:cxn>
                <a:cxn ang="0">
                  <a:pos x="40" y="21"/>
                </a:cxn>
                <a:cxn ang="0">
                  <a:pos x="44" y="14"/>
                </a:cxn>
                <a:cxn ang="0">
                  <a:pos x="52" y="10"/>
                </a:cxn>
                <a:cxn ang="0">
                  <a:pos x="52" y="4"/>
                </a:cxn>
                <a:cxn ang="0">
                  <a:pos x="66" y="5"/>
                </a:cxn>
                <a:cxn ang="0">
                  <a:pos x="73" y="11"/>
                </a:cxn>
                <a:cxn ang="0">
                  <a:pos x="81" y="16"/>
                </a:cxn>
                <a:cxn ang="0">
                  <a:pos x="90" y="19"/>
                </a:cxn>
                <a:cxn ang="0">
                  <a:pos x="98" y="24"/>
                </a:cxn>
                <a:cxn ang="0">
                  <a:pos x="99" y="41"/>
                </a:cxn>
                <a:cxn ang="0">
                  <a:pos x="95" y="45"/>
                </a:cxn>
                <a:cxn ang="0">
                  <a:pos x="90" y="52"/>
                </a:cxn>
                <a:cxn ang="0">
                  <a:pos x="88" y="58"/>
                </a:cxn>
                <a:cxn ang="0">
                  <a:pos x="93" y="58"/>
                </a:cxn>
              </a:cxnLst>
              <a:rect l="0" t="0" r="r" b="b"/>
              <a:pathLst>
                <a:path w="107" h="101">
                  <a:moveTo>
                    <a:pt x="95" y="61"/>
                  </a:moveTo>
                  <a:cubicBezTo>
                    <a:pt x="93" y="64"/>
                    <a:pt x="98" y="66"/>
                    <a:pt x="96" y="67"/>
                  </a:cubicBezTo>
                  <a:cubicBezTo>
                    <a:pt x="95" y="70"/>
                    <a:pt x="90" y="69"/>
                    <a:pt x="95" y="72"/>
                  </a:cubicBezTo>
                  <a:cubicBezTo>
                    <a:pt x="99" y="75"/>
                    <a:pt x="93" y="75"/>
                    <a:pt x="95" y="78"/>
                  </a:cubicBezTo>
                  <a:cubicBezTo>
                    <a:pt x="96" y="83"/>
                    <a:pt x="101" y="80"/>
                    <a:pt x="101" y="80"/>
                  </a:cubicBezTo>
                  <a:cubicBezTo>
                    <a:pt x="102" y="81"/>
                    <a:pt x="99" y="84"/>
                    <a:pt x="99" y="86"/>
                  </a:cubicBezTo>
                  <a:cubicBezTo>
                    <a:pt x="98" y="86"/>
                    <a:pt x="93" y="89"/>
                    <a:pt x="93" y="89"/>
                  </a:cubicBezTo>
                  <a:cubicBezTo>
                    <a:pt x="93" y="92"/>
                    <a:pt x="87" y="94"/>
                    <a:pt x="85" y="92"/>
                  </a:cubicBezTo>
                  <a:cubicBezTo>
                    <a:pt x="84" y="91"/>
                    <a:pt x="84" y="94"/>
                    <a:pt x="82" y="91"/>
                  </a:cubicBezTo>
                  <a:cubicBezTo>
                    <a:pt x="81" y="89"/>
                    <a:pt x="81" y="89"/>
                    <a:pt x="78" y="89"/>
                  </a:cubicBezTo>
                  <a:cubicBezTo>
                    <a:pt x="75" y="91"/>
                    <a:pt x="78" y="89"/>
                    <a:pt x="75" y="89"/>
                  </a:cubicBezTo>
                  <a:cubicBezTo>
                    <a:pt x="72" y="89"/>
                    <a:pt x="75" y="84"/>
                    <a:pt x="69" y="89"/>
                  </a:cubicBezTo>
                  <a:cubicBezTo>
                    <a:pt x="67" y="91"/>
                    <a:pt x="64" y="91"/>
                    <a:pt x="64" y="94"/>
                  </a:cubicBezTo>
                  <a:cubicBezTo>
                    <a:pt x="66" y="97"/>
                    <a:pt x="64" y="95"/>
                    <a:pt x="64" y="100"/>
                  </a:cubicBezTo>
                  <a:cubicBezTo>
                    <a:pt x="61" y="100"/>
                    <a:pt x="63" y="101"/>
                    <a:pt x="60" y="100"/>
                  </a:cubicBezTo>
                  <a:cubicBezTo>
                    <a:pt x="58" y="100"/>
                    <a:pt x="58" y="101"/>
                    <a:pt x="54" y="100"/>
                  </a:cubicBezTo>
                  <a:cubicBezTo>
                    <a:pt x="54" y="98"/>
                    <a:pt x="54" y="97"/>
                    <a:pt x="52" y="98"/>
                  </a:cubicBezTo>
                  <a:cubicBezTo>
                    <a:pt x="43" y="92"/>
                    <a:pt x="47" y="97"/>
                    <a:pt x="44" y="97"/>
                  </a:cubicBezTo>
                  <a:cubicBezTo>
                    <a:pt x="41" y="95"/>
                    <a:pt x="41" y="98"/>
                    <a:pt x="40" y="97"/>
                  </a:cubicBezTo>
                  <a:cubicBezTo>
                    <a:pt x="38" y="95"/>
                    <a:pt x="35" y="97"/>
                    <a:pt x="35" y="95"/>
                  </a:cubicBezTo>
                  <a:cubicBezTo>
                    <a:pt x="34" y="92"/>
                    <a:pt x="29" y="94"/>
                    <a:pt x="29" y="92"/>
                  </a:cubicBezTo>
                  <a:cubicBezTo>
                    <a:pt x="29" y="89"/>
                    <a:pt x="28" y="91"/>
                    <a:pt x="26" y="89"/>
                  </a:cubicBezTo>
                  <a:cubicBezTo>
                    <a:pt x="28" y="89"/>
                    <a:pt x="29" y="87"/>
                    <a:pt x="29" y="81"/>
                  </a:cubicBezTo>
                  <a:cubicBezTo>
                    <a:pt x="31" y="75"/>
                    <a:pt x="31" y="75"/>
                    <a:pt x="31" y="75"/>
                  </a:cubicBezTo>
                  <a:cubicBezTo>
                    <a:pt x="32" y="75"/>
                    <a:pt x="31" y="73"/>
                    <a:pt x="31" y="73"/>
                  </a:cubicBezTo>
                  <a:cubicBezTo>
                    <a:pt x="29" y="75"/>
                    <a:pt x="29" y="73"/>
                    <a:pt x="31" y="70"/>
                  </a:cubicBezTo>
                  <a:cubicBezTo>
                    <a:pt x="31" y="67"/>
                    <a:pt x="32" y="66"/>
                    <a:pt x="32" y="66"/>
                  </a:cubicBezTo>
                  <a:cubicBezTo>
                    <a:pt x="34" y="66"/>
                    <a:pt x="35" y="72"/>
                    <a:pt x="35" y="69"/>
                  </a:cubicBezTo>
                  <a:cubicBezTo>
                    <a:pt x="34" y="67"/>
                    <a:pt x="35" y="66"/>
                    <a:pt x="31" y="64"/>
                  </a:cubicBezTo>
                  <a:cubicBezTo>
                    <a:pt x="28" y="61"/>
                    <a:pt x="31" y="63"/>
                    <a:pt x="31" y="61"/>
                  </a:cubicBezTo>
                  <a:cubicBezTo>
                    <a:pt x="32" y="58"/>
                    <a:pt x="29" y="58"/>
                    <a:pt x="31" y="56"/>
                  </a:cubicBezTo>
                  <a:cubicBezTo>
                    <a:pt x="31" y="55"/>
                    <a:pt x="31" y="56"/>
                    <a:pt x="28" y="55"/>
                  </a:cubicBezTo>
                  <a:cubicBezTo>
                    <a:pt x="25" y="53"/>
                    <a:pt x="22" y="50"/>
                    <a:pt x="23" y="49"/>
                  </a:cubicBezTo>
                  <a:cubicBezTo>
                    <a:pt x="25" y="49"/>
                    <a:pt x="25" y="47"/>
                    <a:pt x="23" y="47"/>
                  </a:cubicBezTo>
                  <a:cubicBezTo>
                    <a:pt x="22" y="47"/>
                    <a:pt x="25" y="44"/>
                    <a:pt x="22" y="45"/>
                  </a:cubicBezTo>
                  <a:cubicBezTo>
                    <a:pt x="19" y="45"/>
                    <a:pt x="20" y="44"/>
                    <a:pt x="20" y="42"/>
                  </a:cubicBezTo>
                  <a:cubicBezTo>
                    <a:pt x="22" y="42"/>
                    <a:pt x="20" y="42"/>
                    <a:pt x="19" y="42"/>
                  </a:cubicBezTo>
                  <a:cubicBezTo>
                    <a:pt x="16" y="42"/>
                    <a:pt x="19" y="41"/>
                    <a:pt x="17" y="41"/>
                  </a:cubicBezTo>
                  <a:cubicBezTo>
                    <a:pt x="14" y="41"/>
                    <a:pt x="14" y="39"/>
                    <a:pt x="12" y="39"/>
                  </a:cubicBezTo>
                  <a:cubicBezTo>
                    <a:pt x="9" y="38"/>
                    <a:pt x="8" y="38"/>
                    <a:pt x="6" y="38"/>
                  </a:cubicBezTo>
                  <a:cubicBezTo>
                    <a:pt x="5" y="39"/>
                    <a:pt x="6" y="38"/>
                    <a:pt x="3" y="36"/>
                  </a:cubicBezTo>
                  <a:cubicBezTo>
                    <a:pt x="0" y="35"/>
                    <a:pt x="6" y="35"/>
                    <a:pt x="6" y="35"/>
                  </a:cubicBezTo>
                  <a:cubicBezTo>
                    <a:pt x="5" y="33"/>
                    <a:pt x="3" y="35"/>
                    <a:pt x="3" y="33"/>
                  </a:cubicBezTo>
                  <a:cubicBezTo>
                    <a:pt x="3" y="33"/>
                    <a:pt x="6" y="33"/>
                    <a:pt x="5" y="32"/>
                  </a:cubicBezTo>
                  <a:cubicBezTo>
                    <a:pt x="3" y="32"/>
                    <a:pt x="2" y="33"/>
                    <a:pt x="2" y="32"/>
                  </a:cubicBezTo>
                  <a:cubicBezTo>
                    <a:pt x="2" y="30"/>
                    <a:pt x="3" y="28"/>
                    <a:pt x="6" y="28"/>
                  </a:cubicBezTo>
                  <a:cubicBezTo>
                    <a:pt x="9" y="28"/>
                    <a:pt x="6" y="27"/>
                    <a:pt x="9" y="28"/>
                  </a:cubicBezTo>
                  <a:cubicBezTo>
                    <a:pt x="11" y="28"/>
                    <a:pt x="12" y="28"/>
                    <a:pt x="12" y="27"/>
                  </a:cubicBezTo>
                  <a:cubicBezTo>
                    <a:pt x="11" y="25"/>
                    <a:pt x="12" y="27"/>
                    <a:pt x="14" y="25"/>
                  </a:cubicBezTo>
                  <a:cubicBezTo>
                    <a:pt x="16" y="25"/>
                    <a:pt x="17" y="28"/>
                    <a:pt x="19" y="30"/>
                  </a:cubicBezTo>
                  <a:cubicBezTo>
                    <a:pt x="19" y="32"/>
                    <a:pt x="20" y="28"/>
                    <a:pt x="22" y="28"/>
                  </a:cubicBezTo>
                  <a:cubicBezTo>
                    <a:pt x="23" y="27"/>
                    <a:pt x="22" y="30"/>
                    <a:pt x="23" y="28"/>
                  </a:cubicBezTo>
                  <a:cubicBezTo>
                    <a:pt x="25" y="28"/>
                    <a:pt x="23" y="28"/>
                    <a:pt x="25" y="28"/>
                  </a:cubicBezTo>
                  <a:cubicBezTo>
                    <a:pt x="26" y="28"/>
                    <a:pt x="25" y="30"/>
                    <a:pt x="28" y="30"/>
                  </a:cubicBezTo>
                  <a:cubicBezTo>
                    <a:pt x="29" y="28"/>
                    <a:pt x="28" y="28"/>
                    <a:pt x="28" y="25"/>
                  </a:cubicBezTo>
                  <a:cubicBezTo>
                    <a:pt x="28" y="24"/>
                    <a:pt x="28" y="21"/>
                    <a:pt x="26" y="21"/>
                  </a:cubicBezTo>
                  <a:cubicBezTo>
                    <a:pt x="25" y="19"/>
                    <a:pt x="26" y="19"/>
                    <a:pt x="25" y="18"/>
                  </a:cubicBezTo>
                  <a:cubicBezTo>
                    <a:pt x="25" y="14"/>
                    <a:pt x="26" y="18"/>
                    <a:pt x="29" y="16"/>
                  </a:cubicBezTo>
                  <a:cubicBezTo>
                    <a:pt x="31" y="16"/>
                    <a:pt x="29" y="21"/>
                    <a:pt x="31" y="21"/>
                  </a:cubicBezTo>
                  <a:cubicBezTo>
                    <a:pt x="35" y="19"/>
                    <a:pt x="38" y="22"/>
                    <a:pt x="40" y="21"/>
                  </a:cubicBezTo>
                  <a:cubicBezTo>
                    <a:pt x="41" y="19"/>
                    <a:pt x="43" y="19"/>
                    <a:pt x="41" y="19"/>
                  </a:cubicBezTo>
                  <a:cubicBezTo>
                    <a:pt x="41" y="19"/>
                    <a:pt x="38" y="18"/>
                    <a:pt x="44" y="14"/>
                  </a:cubicBezTo>
                  <a:cubicBezTo>
                    <a:pt x="50" y="13"/>
                    <a:pt x="50" y="13"/>
                    <a:pt x="52" y="11"/>
                  </a:cubicBezTo>
                  <a:cubicBezTo>
                    <a:pt x="52" y="10"/>
                    <a:pt x="54" y="11"/>
                    <a:pt x="52" y="10"/>
                  </a:cubicBezTo>
                  <a:cubicBezTo>
                    <a:pt x="52" y="8"/>
                    <a:pt x="54" y="8"/>
                    <a:pt x="52" y="8"/>
                  </a:cubicBezTo>
                  <a:cubicBezTo>
                    <a:pt x="52" y="7"/>
                    <a:pt x="52" y="7"/>
                    <a:pt x="52" y="4"/>
                  </a:cubicBezTo>
                  <a:cubicBezTo>
                    <a:pt x="52" y="2"/>
                    <a:pt x="54" y="0"/>
                    <a:pt x="60" y="0"/>
                  </a:cubicBezTo>
                  <a:cubicBezTo>
                    <a:pt x="63" y="7"/>
                    <a:pt x="64" y="2"/>
                    <a:pt x="66" y="5"/>
                  </a:cubicBezTo>
                  <a:cubicBezTo>
                    <a:pt x="67" y="8"/>
                    <a:pt x="67" y="5"/>
                    <a:pt x="69" y="8"/>
                  </a:cubicBezTo>
                  <a:cubicBezTo>
                    <a:pt x="70" y="10"/>
                    <a:pt x="73" y="8"/>
                    <a:pt x="73" y="11"/>
                  </a:cubicBezTo>
                  <a:cubicBezTo>
                    <a:pt x="75" y="16"/>
                    <a:pt x="76" y="10"/>
                    <a:pt x="78" y="11"/>
                  </a:cubicBezTo>
                  <a:cubicBezTo>
                    <a:pt x="79" y="11"/>
                    <a:pt x="76" y="14"/>
                    <a:pt x="81" y="16"/>
                  </a:cubicBezTo>
                  <a:cubicBezTo>
                    <a:pt x="82" y="16"/>
                    <a:pt x="82" y="19"/>
                    <a:pt x="85" y="19"/>
                  </a:cubicBezTo>
                  <a:cubicBezTo>
                    <a:pt x="88" y="19"/>
                    <a:pt x="88" y="19"/>
                    <a:pt x="90" y="19"/>
                  </a:cubicBezTo>
                  <a:cubicBezTo>
                    <a:pt x="93" y="19"/>
                    <a:pt x="92" y="22"/>
                    <a:pt x="95" y="22"/>
                  </a:cubicBezTo>
                  <a:cubicBezTo>
                    <a:pt x="96" y="22"/>
                    <a:pt x="95" y="24"/>
                    <a:pt x="98" y="24"/>
                  </a:cubicBezTo>
                  <a:cubicBezTo>
                    <a:pt x="101" y="22"/>
                    <a:pt x="102" y="24"/>
                    <a:pt x="104" y="25"/>
                  </a:cubicBezTo>
                  <a:cubicBezTo>
                    <a:pt x="107" y="25"/>
                    <a:pt x="99" y="28"/>
                    <a:pt x="99" y="41"/>
                  </a:cubicBezTo>
                  <a:cubicBezTo>
                    <a:pt x="98" y="44"/>
                    <a:pt x="96" y="41"/>
                    <a:pt x="96" y="42"/>
                  </a:cubicBezTo>
                  <a:cubicBezTo>
                    <a:pt x="95" y="44"/>
                    <a:pt x="96" y="44"/>
                    <a:pt x="95" y="45"/>
                  </a:cubicBezTo>
                  <a:cubicBezTo>
                    <a:pt x="93" y="45"/>
                    <a:pt x="95" y="47"/>
                    <a:pt x="92" y="49"/>
                  </a:cubicBezTo>
                  <a:cubicBezTo>
                    <a:pt x="90" y="49"/>
                    <a:pt x="93" y="50"/>
                    <a:pt x="90" y="52"/>
                  </a:cubicBezTo>
                  <a:cubicBezTo>
                    <a:pt x="87" y="53"/>
                    <a:pt x="90" y="55"/>
                    <a:pt x="88" y="56"/>
                  </a:cubicBezTo>
                  <a:cubicBezTo>
                    <a:pt x="85" y="58"/>
                    <a:pt x="87" y="58"/>
                    <a:pt x="88" y="58"/>
                  </a:cubicBezTo>
                  <a:cubicBezTo>
                    <a:pt x="92" y="56"/>
                    <a:pt x="88" y="55"/>
                    <a:pt x="92" y="55"/>
                  </a:cubicBezTo>
                  <a:cubicBezTo>
                    <a:pt x="95" y="53"/>
                    <a:pt x="93" y="56"/>
                    <a:pt x="93" y="58"/>
                  </a:cubicBezTo>
                  <a:cubicBezTo>
                    <a:pt x="93" y="58"/>
                    <a:pt x="95" y="58"/>
                    <a:pt x="95" y="61"/>
                  </a:cubicBezTo>
                </a:path>
              </a:pathLst>
            </a:custGeom>
            <a:solidFill>
              <a:schemeClr val="tx2"/>
            </a:solidFill>
            <a:ln w="6350" cmpd="sng">
              <a:solidFill>
                <a:schemeClr val="bg1"/>
              </a:solidFill>
              <a:round/>
              <a:headEnd/>
              <a:tailEnd/>
            </a:ln>
          </p:spPr>
          <p:txBody>
            <a:bodyPr/>
            <a:lstStyle/>
            <a:p>
              <a:endParaRPr lang="en-GB" sz="1633" dirty="0"/>
            </a:p>
          </p:txBody>
        </p:sp>
        <p:sp>
          <p:nvSpPr>
            <p:cNvPr id="212" name="Freeform 168"/>
            <p:cNvSpPr>
              <a:spLocks/>
            </p:cNvSpPr>
            <p:nvPr/>
          </p:nvSpPr>
          <p:spPr bwMode="auto">
            <a:xfrm>
              <a:off x="5281503" y="3787831"/>
              <a:ext cx="99621" cy="184776"/>
            </a:xfrm>
            <a:custGeom>
              <a:avLst/>
              <a:gdLst/>
              <a:ahLst/>
              <a:cxnLst>
                <a:cxn ang="0">
                  <a:pos x="8" y="3"/>
                </a:cxn>
                <a:cxn ang="0">
                  <a:pos x="14" y="0"/>
                </a:cxn>
                <a:cxn ang="0">
                  <a:pos x="13" y="3"/>
                </a:cxn>
                <a:cxn ang="0">
                  <a:pos x="17" y="3"/>
                </a:cxn>
                <a:cxn ang="0">
                  <a:pos x="23" y="2"/>
                </a:cxn>
                <a:cxn ang="0">
                  <a:pos x="28" y="6"/>
                </a:cxn>
                <a:cxn ang="0">
                  <a:pos x="23" y="14"/>
                </a:cxn>
                <a:cxn ang="0">
                  <a:pos x="23" y="23"/>
                </a:cxn>
                <a:cxn ang="0">
                  <a:pos x="20" y="28"/>
                </a:cxn>
                <a:cxn ang="0">
                  <a:pos x="20" y="33"/>
                </a:cxn>
                <a:cxn ang="0">
                  <a:pos x="22" y="37"/>
                </a:cxn>
                <a:cxn ang="0">
                  <a:pos x="22" y="43"/>
                </a:cxn>
                <a:cxn ang="0">
                  <a:pos x="22" y="47"/>
                </a:cxn>
                <a:cxn ang="0">
                  <a:pos x="19" y="54"/>
                </a:cxn>
                <a:cxn ang="0">
                  <a:pos x="14" y="57"/>
                </a:cxn>
                <a:cxn ang="0">
                  <a:pos x="8" y="57"/>
                </a:cxn>
                <a:cxn ang="0">
                  <a:pos x="8" y="54"/>
                </a:cxn>
                <a:cxn ang="0">
                  <a:pos x="8" y="45"/>
                </a:cxn>
                <a:cxn ang="0">
                  <a:pos x="5" y="42"/>
                </a:cxn>
                <a:cxn ang="0">
                  <a:pos x="5" y="40"/>
                </a:cxn>
                <a:cxn ang="0">
                  <a:pos x="3" y="39"/>
                </a:cxn>
                <a:cxn ang="0">
                  <a:pos x="3" y="33"/>
                </a:cxn>
                <a:cxn ang="0">
                  <a:pos x="6" y="28"/>
                </a:cxn>
                <a:cxn ang="0">
                  <a:pos x="8" y="22"/>
                </a:cxn>
                <a:cxn ang="0">
                  <a:pos x="9" y="11"/>
                </a:cxn>
                <a:cxn ang="0">
                  <a:pos x="8" y="6"/>
                </a:cxn>
                <a:cxn ang="0">
                  <a:pos x="8" y="3"/>
                </a:cxn>
              </a:cxnLst>
              <a:rect l="0" t="0" r="r" b="b"/>
              <a:pathLst>
                <a:path w="32" h="59">
                  <a:moveTo>
                    <a:pt x="8" y="3"/>
                  </a:moveTo>
                  <a:cubicBezTo>
                    <a:pt x="13" y="0"/>
                    <a:pt x="13" y="0"/>
                    <a:pt x="14" y="0"/>
                  </a:cubicBezTo>
                  <a:cubicBezTo>
                    <a:pt x="16" y="2"/>
                    <a:pt x="11" y="3"/>
                    <a:pt x="13" y="3"/>
                  </a:cubicBezTo>
                  <a:cubicBezTo>
                    <a:pt x="14" y="5"/>
                    <a:pt x="14" y="2"/>
                    <a:pt x="17" y="3"/>
                  </a:cubicBezTo>
                  <a:cubicBezTo>
                    <a:pt x="22" y="5"/>
                    <a:pt x="19" y="2"/>
                    <a:pt x="23" y="2"/>
                  </a:cubicBezTo>
                  <a:cubicBezTo>
                    <a:pt x="28" y="3"/>
                    <a:pt x="25" y="5"/>
                    <a:pt x="28" y="6"/>
                  </a:cubicBezTo>
                  <a:cubicBezTo>
                    <a:pt x="32" y="6"/>
                    <a:pt x="23" y="12"/>
                    <a:pt x="23" y="14"/>
                  </a:cubicBezTo>
                  <a:cubicBezTo>
                    <a:pt x="25" y="22"/>
                    <a:pt x="22" y="22"/>
                    <a:pt x="23" y="23"/>
                  </a:cubicBezTo>
                  <a:cubicBezTo>
                    <a:pt x="23" y="26"/>
                    <a:pt x="23" y="28"/>
                    <a:pt x="20" y="28"/>
                  </a:cubicBezTo>
                  <a:cubicBezTo>
                    <a:pt x="17" y="28"/>
                    <a:pt x="20" y="28"/>
                    <a:pt x="20" y="33"/>
                  </a:cubicBezTo>
                  <a:cubicBezTo>
                    <a:pt x="22" y="36"/>
                    <a:pt x="25" y="33"/>
                    <a:pt x="22" y="37"/>
                  </a:cubicBezTo>
                  <a:cubicBezTo>
                    <a:pt x="19" y="42"/>
                    <a:pt x="20" y="43"/>
                    <a:pt x="22" y="43"/>
                  </a:cubicBezTo>
                  <a:cubicBezTo>
                    <a:pt x="23" y="43"/>
                    <a:pt x="25" y="43"/>
                    <a:pt x="22" y="47"/>
                  </a:cubicBezTo>
                  <a:cubicBezTo>
                    <a:pt x="19" y="48"/>
                    <a:pt x="19" y="53"/>
                    <a:pt x="19" y="54"/>
                  </a:cubicBezTo>
                  <a:cubicBezTo>
                    <a:pt x="16" y="56"/>
                    <a:pt x="17" y="59"/>
                    <a:pt x="14" y="57"/>
                  </a:cubicBezTo>
                  <a:cubicBezTo>
                    <a:pt x="9" y="56"/>
                    <a:pt x="8" y="56"/>
                    <a:pt x="8" y="57"/>
                  </a:cubicBezTo>
                  <a:cubicBezTo>
                    <a:pt x="6" y="57"/>
                    <a:pt x="6" y="57"/>
                    <a:pt x="8" y="54"/>
                  </a:cubicBezTo>
                  <a:cubicBezTo>
                    <a:pt x="9" y="47"/>
                    <a:pt x="6" y="48"/>
                    <a:pt x="8" y="45"/>
                  </a:cubicBezTo>
                  <a:cubicBezTo>
                    <a:pt x="9" y="40"/>
                    <a:pt x="6" y="40"/>
                    <a:pt x="5" y="42"/>
                  </a:cubicBezTo>
                  <a:cubicBezTo>
                    <a:pt x="5" y="40"/>
                    <a:pt x="5" y="40"/>
                    <a:pt x="5" y="40"/>
                  </a:cubicBezTo>
                  <a:cubicBezTo>
                    <a:pt x="5" y="39"/>
                    <a:pt x="6" y="39"/>
                    <a:pt x="3" y="39"/>
                  </a:cubicBezTo>
                  <a:cubicBezTo>
                    <a:pt x="0" y="39"/>
                    <a:pt x="5" y="34"/>
                    <a:pt x="3" y="33"/>
                  </a:cubicBezTo>
                  <a:cubicBezTo>
                    <a:pt x="3" y="29"/>
                    <a:pt x="5" y="33"/>
                    <a:pt x="6" y="28"/>
                  </a:cubicBezTo>
                  <a:cubicBezTo>
                    <a:pt x="8" y="23"/>
                    <a:pt x="8" y="23"/>
                    <a:pt x="8" y="22"/>
                  </a:cubicBezTo>
                  <a:cubicBezTo>
                    <a:pt x="8" y="20"/>
                    <a:pt x="11" y="14"/>
                    <a:pt x="9" y="11"/>
                  </a:cubicBezTo>
                  <a:cubicBezTo>
                    <a:pt x="8" y="9"/>
                    <a:pt x="8" y="8"/>
                    <a:pt x="8" y="6"/>
                  </a:cubicBezTo>
                  <a:cubicBezTo>
                    <a:pt x="8" y="5"/>
                    <a:pt x="6" y="5"/>
                    <a:pt x="8" y="3"/>
                  </a:cubicBezTo>
                </a:path>
              </a:pathLst>
            </a:custGeom>
            <a:solidFill>
              <a:schemeClr val="tx2"/>
            </a:solidFill>
            <a:ln w="6350" cmpd="sng">
              <a:solidFill>
                <a:schemeClr val="bg1"/>
              </a:solidFill>
              <a:round/>
              <a:headEnd/>
              <a:tailEnd/>
            </a:ln>
          </p:spPr>
          <p:txBody>
            <a:bodyPr/>
            <a:lstStyle/>
            <a:p>
              <a:endParaRPr lang="en-GB" sz="1633" dirty="0"/>
            </a:p>
          </p:txBody>
        </p:sp>
        <p:sp>
          <p:nvSpPr>
            <p:cNvPr id="213" name="Freeform 169"/>
            <p:cNvSpPr>
              <a:spLocks/>
            </p:cNvSpPr>
            <p:nvPr/>
          </p:nvSpPr>
          <p:spPr bwMode="auto">
            <a:xfrm>
              <a:off x="5736222" y="3760517"/>
              <a:ext cx="25709" cy="56236"/>
            </a:xfrm>
            <a:custGeom>
              <a:avLst/>
              <a:gdLst/>
              <a:ahLst/>
              <a:cxnLst>
                <a:cxn ang="0">
                  <a:pos x="7" y="0"/>
                </a:cxn>
                <a:cxn ang="0">
                  <a:pos x="5" y="3"/>
                </a:cxn>
                <a:cxn ang="0">
                  <a:pos x="2" y="4"/>
                </a:cxn>
                <a:cxn ang="0">
                  <a:pos x="0" y="12"/>
                </a:cxn>
                <a:cxn ang="0">
                  <a:pos x="0" y="13"/>
                </a:cxn>
                <a:cxn ang="0">
                  <a:pos x="2" y="13"/>
                </a:cxn>
                <a:cxn ang="0">
                  <a:pos x="2" y="16"/>
                </a:cxn>
                <a:cxn ang="0">
                  <a:pos x="5" y="18"/>
                </a:cxn>
                <a:cxn ang="0">
                  <a:pos x="5" y="16"/>
                </a:cxn>
                <a:cxn ang="0">
                  <a:pos x="7" y="12"/>
                </a:cxn>
                <a:cxn ang="0">
                  <a:pos x="8" y="7"/>
                </a:cxn>
                <a:cxn ang="0">
                  <a:pos x="7" y="3"/>
                </a:cxn>
                <a:cxn ang="0">
                  <a:pos x="7" y="0"/>
                </a:cxn>
              </a:cxnLst>
              <a:rect l="0" t="0" r="r" b="b"/>
              <a:pathLst>
                <a:path w="8" h="18">
                  <a:moveTo>
                    <a:pt x="7" y="0"/>
                  </a:moveTo>
                  <a:cubicBezTo>
                    <a:pt x="5" y="0"/>
                    <a:pt x="7" y="4"/>
                    <a:pt x="5" y="3"/>
                  </a:cubicBezTo>
                  <a:cubicBezTo>
                    <a:pt x="3" y="3"/>
                    <a:pt x="2" y="4"/>
                    <a:pt x="2" y="4"/>
                  </a:cubicBezTo>
                  <a:cubicBezTo>
                    <a:pt x="0" y="4"/>
                    <a:pt x="0" y="12"/>
                    <a:pt x="0" y="12"/>
                  </a:cubicBezTo>
                  <a:cubicBezTo>
                    <a:pt x="2" y="12"/>
                    <a:pt x="2" y="12"/>
                    <a:pt x="0" y="13"/>
                  </a:cubicBezTo>
                  <a:cubicBezTo>
                    <a:pt x="0" y="13"/>
                    <a:pt x="0" y="13"/>
                    <a:pt x="2" y="13"/>
                  </a:cubicBezTo>
                  <a:cubicBezTo>
                    <a:pt x="3" y="15"/>
                    <a:pt x="0" y="15"/>
                    <a:pt x="2" y="16"/>
                  </a:cubicBezTo>
                  <a:cubicBezTo>
                    <a:pt x="5" y="18"/>
                    <a:pt x="3" y="18"/>
                    <a:pt x="5" y="18"/>
                  </a:cubicBezTo>
                  <a:cubicBezTo>
                    <a:pt x="7" y="18"/>
                    <a:pt x="5" y="16"/>
                    <a:pt x="5" y="16"/>
                  </a:cubicBezTo>
                  <a:cubicBezTo>
                    <a:pt x="7" y="15"/>
                    <a:pt x="7" y="13"/>
                    <a:pt x="7" y="12"/>
                  </a:cubicBezTo>
                  <a:cubicBezTo>
                    <a:pt x="7" y="10"/>
                    <a:pt x="8" y="10"/>
                    <a:pt x="8" y="7"/>
                  </a:cubicBezTo>
                  <a:cubicBezTo>
                    <a:pt x="8" y="3"/>
                    <a:pt x="7" y="4"/>
                    <a:pt x="7" y="3"/>
                  </a:cubicBezTo>
                  <a:cubicBezTo>
                    <a:pt x="8" y="1"/>
                    <a:pt x="8" y="0"/>
                    <a:pt x="7" y="0"/>
                  </a:cubicBezTo>
                </a:path>
              </a:pathLst>
            </a:custGeom>
            <a:solidFill>
              <a:schemeClr val="tx2"/>
            </a:solidFill>
            <a:ln w="6350" cmpd="sng">
              <a:solidFill>
                <a:schemeClr val="bg1"/>
              </a:solidFill>
              <a:round/>
              <a:headEnd/>
              <a:tailEnd/>
            </a:ln>
          </p:spPr>
          <p:txBody>
            <a:bodyPr/>
            <a:lstStyle/>
            <a:p>
              <a:endParaRPr lang="en-GB" sz="1633" dirty="0"/>
            </a:p>
          </p:txBody>
        </p:sp>
        <p:sp>
          <p:nvSpPr>
            <p:cNvPr id="214" name="Freeform 170"/>
            <p:cNvSpPr>
              <a:spLocks noEditPoints="1"/>
            </p:cNvSpPr>
            <p:nvPr/>
          </p:nvSpPr>
          <p:spPr bwMode="auto">
            <a:xfrm>
              <a:off x="5679985" y="3614302"/>
              <a:ext cx="306895" cy="367946"/>
            </a:xfrm>
            <a:custGeom>
              <a:avLst/>
              <a:gdLst/>
              <a:ahLst/>
              <a:cxnLst>
                <a:cxn ang="0">
                  <a:pos x="54" y="15"/>
                </a:cxn>
                <a:cxn ang="0">
                  <a:pos x="47" y="22"/>
                </a:cxn>
                <a:cxn ang="0">
                  <a:pos x="50" y="36"/>
                </a:cxn>
                <a:cxn ang="0">
                  <a:pos x="67" y="57"/>
                </a:cxn>
                <a:cxn ang="0">
                  <a:pos x="87" y="68"/>
                </a:cxn>
                <a:cxn ang="0">
                  <a:pos x="96" y="79"/>
                </a:cxn>
                <a:cxn ang="0">
                  <a:pos x="90" y="76"/>
                </a:cxn>
                <a:cxn ang="0">
                  <a:pos x="81" y="81"/>
                </a:cxn>
                <a:cxn ang="0">
                  <a:pos x="84" y="92"/>
                </a:cxn>
                <a:cxn ang="0">
                  <a:pos x="75" y="102"/>
                </a:cxn>
                <a:cxn ang="0">
                  <a:pos x="76" y="95"/>
                </a:cxn>
                <a:cxn ang="0">
                  <a:pos x="70" y="79"/>
                </a:cxn>
                <a:cxn ang="0">
                  <a:pos x="63" y="71"/>
                </a:cxn>
                <a:cxn ang="0">
                  <a:pos x="47" y="61"/>
                </a:cxn>
                <a:cxn ang="0">
                  <a:pos x="38" y="53"/>
                </a:cxn>
                <a:cxn ang="0">
                  <a:pos x="32" y="42"/>
                </a:cxn>
                <a:cxn ang="0">
                  <a:pos x="19" y="31"/>
                </a:cxn>
                <a:cxn ang="0">
                  <a:pos x="11" y="33"/>
                </a:cxn>
                <a:cxn ang="0">
                  <a:pos x="5" y="25"/>
                </a:cxn>
                <a:cxn ang="0">
                  <a:pos x="5" y="14"/>
                </a:cxn>
                <a:cxn ang="0">
                  <a:pos x="14" y="12"/>
                </a:cxn>
                <a:cxn ang="0">
                  <a:pos x="17" y="8"/>
                </a:cxn>
                <a:cxn ang="0">
                  <a:pos x="22" y="14"/>
                </a:cxn>
                <a:cxn ang="0">
                  <a:pos x="25" y="6"/>
                </a:cxn>
                <a:cxn ang="0">
                  <a:pos x="31" y="9"/>
                </a:cxn>
                <a:cxn ang="0">
                  <a:pos x="34" y="6"/>
                </a:cxn>
                <a:cxn ang="0">
                  <a:pos x="37" y="3"/>
                </a:cxn>
                <a:cxn ang="0">
                  <a:pos x="44" y="0"/>
                </a:cxn>
                <a:cxn ang="0">
                  <a:pos x="47" y="3"/>
                </a:cxn>
                <a:cxn ang="0">
                  <a:pos x="57" y="9"/>
                </a:cxn>
                <a:cxn ang="0">
                  <a:pos x="58" y="14"/>
                </a:cxn>
                <a:cxn ang="0">
                  <a:pos x="57" y="15"/>
                </a:cxn>
                <a:cxn ang="0">
                  <a:pos x="61" y="112"/>
                </a:cxn>
                <a:cxn ang="0">
                  <a:pos x="70" y="115"/>
                </a:cxn>
                <a:cxn ang="0">
                  <a:pos x="73" y="99"/>
                </a:cxn>
                <a:cxn ang="0">
                  <a:pos x="57" y="101"/>
                </a:cxn>
                <a:cxn ang="0">
                  <a:pos x="49" y="104"/>
                </a:cxn>
                <a:cxn ang="0">
                  <a:pos x="17" y="79"/>
                </a:cxn>
                <a:cxn ang="0">
                  <a:pos x="20" y="92"/>
                </a:cxn>
                <a:cxn ang="0">
                  <a:pos x="28" y="84"/>
                </a:cxn>
                <a:cxn ang="0">
                  <a:pos x="26" y="68"/>
                </a:cxn>
                <a:cxn ang="0">
                  <a:pos x="14" y="71"/>
                </a:cxn>
              </a:cxnLst>
              <a:rect l="0" t="0" r="r" b="b"/>
              <a:pathLst>
                <a:path w="98" h="118">
                  <a:moveTo>
                    <a:pt x="57" y="15"/>
                  </a:moveTo>
                  <a:cubicBezTo>
                    <a:pt x="55" y="17"/>
                    <a:pt x="57" y="14"/>
                    <a:pt x="54" y="15"/>
                  </a:cubicBezTo>
                  <a:cubicBezTo>
                    <a:pt x="50" y="17"/>
                    <a:pt x="50" y="20"/>
                    <a:pt x="49" y="19"/>
                  </a:cubicBezTo>
                  <a:cubicBezTo>
                    <a:pt x="47" y="17"/>
                    <a:pt x="46" y="20"/>
                    <a:pt x="47" y="22"/>
                  </a:cubicBezTo>
                  <a:cubicBezTo>
                    <a:pt x="49" y="23"/>
                    <a:pt x="50" y="25"/>
                    <a:pt x="49" y="26"/>
                  </a:cubicBezTo>
                  <a:cubicBezTo>
                    <a:pt x="46" y="26"/>
                    <a:pt x="47" y="33"/>
                    <a:pt x="50" y="36"/>
                  </a:cubicBezTo>
                  <a:cubicBezTo>
                    <a:pt x="54" y="37"/>
                    <a:pt x="55" y="40"/>
                    <a:pt x="57" y="40"/>
                  </a:cubicBezTo>
                  <a:cubicBezTo>
                    <a:pt x="60" y="40"/>
                    <a:pt x="58" y="48"/>
                    <a:pt x="67" y="57"/>
                  </a:cubicBezTo>
                  <a:cubicBezTo>
                    <a:pt x="70" y="61"/>
                    <a:pt x="82" y="57"/>
                    <a:pt x="78" y="62"/>
                  </a:cubicBezTo>
                  <a:cubicBezTo>
                    <a:pt x="73" y="65"/>
                    <a:pt x="85" y="67"/>
                    <a:pt x="87" y="68"/>
                  </a:cubicBezTo>
                  <a:cubicBezTo>
                    <a:pt x="87" y="70"/>
                    <a:pt x="89" y="71"/>
                    <a:pt x="92" y="73"/>
                  </a:cubicBezTo>
                  <a:cubicBezTo>
                    <a:pt x="93" y="75"/>
                    <a:pt x="98" y="76"/>
                    <a:pt x="96" y="79"/>
                  </a:cubicBezTo>
                  <a:cubicBezTo>
                    <a:pt x="96" y="82"/>
                    <a:pt x="98" y="82"/>
                    <a:pt x="95" y="82"/>
                  </a:cubicBezTo>
                  <a:cubicBezTo>
                    <a:pt x="92" y="82"/>
                    <a:pt x="93" y="76"/>
                    <a:pt x="90" y="76"/>
                  </a:cubicBezTo>
                  <a:cubicBezTo>
                    <a:pt x="87" y="76"/>
                    <a:pt x="87" y="75"/>
                    <a:pt x="84" y="76"/>
                  </a:cubicBezTo>
                  <a:cubicBezTo>
                    <a:pt x="81" y="78"/>
                    <a:pt x="82" y="79"/>
                    <a:pt x="81" y="81"/>
                  </a:cubicBezTo>
                  <a:cubicBezTo>
                    <a:pt x="79" y="84"/>
                    <a:pt x="81" y="84"/>
                    <a:pt x="82" y="85"/>
                  </a:cubicBezTo>
                  <a:cubicBezTo>
                    <a:pt x="85" y="85"/>
                    <a:pt x="89" y="90"/>
                    <a:pt x="84" y="92"/>
                  </a:cubicBezTo>
                  <a:cubicBezTo>
                    <a:pt x="81" y="95"/>
                    <a:pt x="82" y="96"/>
                    <a:pt x="81" y="99"/>
                  </a:cubicBezTo>
                  <a:cubicBezTo>
                    <a:pt x="78" y="101"/>
                    <a:pt x="78" y="106"/>
                    <a:pt x="75" y="102"/>
                  </a:cubicBezTo>
                  <a:cubicBezTo>
                    <a:pt x="73" y="102"/>
                    <a:pt x="73" y="101"/>
                    <a:pt x="75" y="98"/>
                  </a:cubicBezTo>
                  <a:cubicBezTo>
                    <a:pt x="76" y="96"/>
                    <a:pt x="75" y="96"/>
                    <a:pt x="76" y="95"/>
                  </a:cubicBezTo>
                  <a:cubicBezTo>
                    <a:pt x="78" y="93"/>
                    <a:pt x="78" y="93"/>
                    <a:pt x="76" y="85"/>
                  </a:cubicBezTo>
                  <a:cubicBezTo>
                    <a:pt x="75" y="79"/>
                    <a:pt x="73" y="81"/>
                    <a:pt x="70" y="79"/>
                  </a:cubicBezTo>
                  <a:cubicBezTo>
                    <a:pt x="66" y="76"/>
                    <a:pt x="70" y="73"/>
                    <a:pt x="66" y="73"/>
                  </a:cubicBezTo>
                  <a:cubicBezTo>
                    <a:pt x="63" y="75"/>
                    <a:pt x="66" y="71"/>
                    <a:pt x="63" y="71"/>
                  </a:cubicBezTo>
                  <a:cubicBezTo>
                    <a:pt x="60" y="71"/>
                    <a:pt x="61" y="67"/>
                    <a:pt x="58" y="67"/>
                  </a:cubicBezTo>
                  <a:cubicBezTo>
                    <a:pt x="55" y="67"/>
                    <a:pt x="50" y="65"/>
                    <a:pt x="47" y="61"/>
                  </a:cubicBezTo>
                  <a:cubicBezTo>
                    <a:pt x="44" y="57"/>
                    <a:pt x="44" y="61"/>
                    <a:pt x="43" y="57"/>
                  </a:cubicBezTo>
                  <a:cubicBezTo>
                    <a:pt x="43" y="53"/>
                    <a:pt x="38" y="54"/>
                    <a:pt x="38" y="53"/>
                  </a:cubicBezTo>
                  <a:cubicBezTo>
                    <a:pt x="38" y="51"/>
                    <a:pt x="38" y="51"/>
                    <a:pt x="35" y="48"/>
                  </a:cubicBezTo>
                  <a:cubicBezTo>
                    <a:pt x="32" y="47"/>
                    <a:pt x="35" y="45"/>
                    <a:pt x="32" y="42"/>
                  </a:cubicBezTo>
                  <a:cubicBezTo>
                    <a:pt x="31" y="40"/>
                    <a:pt x="32" y="34"/>
                    <a:pt x="28" y="34"/>
                  </a:cubicBezTo>
                  <a:cubicBezTo>
                    <a:pt x="25" y="36"/>
                    <a:pt x="23" y="29"/>
                    <a:pt x="19" y="31"/>
                  </a:cubicBezTo>
                  <a:cubicBezTo>
                    <a:pt x="15" y="33"/>
                    <a:pt x="19" y="36"/>
                    <a:pt x="9" y="39"/>
                  </a:cubicBezTo>
                  <a:cubicBezTo>
                    <a:pt x="9" y="37"/>
                    <a:pt x="12" y="34"/>
                    <a:pt x="11" y="33"/>
                  </a:cubicBezTo>
                  <a:cubicBezTo>
                    <a:pt x="11" y="33"/>
                    <a:pt x="6" y="36"/>
                    <a:pt x="5" y="31"/>
                  </a:cubicBezTo>
                  <a:cubicBezTo>
                    <a:pt x="3" y="28"/>
                    <a:pt x="9" y="28"/>
                    <a:pt x="5" y="25"/>
                  </a:cubicBezTo>
                  <a:cubicBezTo>
                    <a:pt x="0" y="22"/>
                    <a:pt x="5" y="23"/>
                    <a:pt x="6" y="20"/>
                  </a:cubicBezTo>
                  <a:cubicBezTo>
                    <a:pt x="8" y="19"/>
                    <a:pt x="3" y="17"/>
                    <a:pt x="5" y="14"/>
                  </a:cubicBezTo>
                  <a:cubicBezTo>
                    <a:pt x="6" y="14"/>
                    <a:pt x="6" y="14"/>
                    <a:pt x="9" y="14"/>
                  </a:cubicBezTo>
                  <a:cubicBezTo>
                    <a:pt x="11" y="12"/>
                    <a:pt x="11" y="14"/>
                    <a:pt x="14" y="12"/>
                  </a:cubicBezTo>
                  <a:cubicBezTo>
                    <a:pt x="17" y="9"/>
                    <a:pt x="14" y="9"/>
                    <a:pt x="15" y="9"/>
                  </a:cubicBezTo>
                  <a:cubicBezTo>
                    <a:pt x="15" y="8"/>
                    <a:pt x="17" y="6"/>
                    <a:pt x="17" y="8"/>
                  </a:cubicBezTo>
                  <a:cubicBezTo>
                    <a:pt x="17" y="8"/>
                    <a:pt x="17" y="9"/>
                    <a:pt x="19" y="11"/>
                  </a:cubicBezTo>
                  <a:cubicBezTo>
                    <a:pt x="20" y="12"/>
                    <a:pt x="20" y="15"/>
                    <a:pt x="22" y="14"/>
                  </a:cubicBezTo>
                  <a:cubicBezTo>
                    <a:pt x="23" y="14"/>
                    <a:pt x="20" y="12"/>
                    <a:pt x="23" y="11"/>
                  </a:cubicBezTo>
                  <a:cubicBezTo>
                    <a:pt x="25" y="9"/>
                    <a:pt x="23" y="6"/>
                    <a:pt x="25" y="6"/>
                  </a:cubicBezTo>
                  <a:cubicBezTo>
                    <a:pt x="26" y="6"/>
                    <a:pt x="26" y="9"/>
                    <a:pt x="28" y="9"/>
                  </a:cubicBezTo>
                  <a:cubicBezTo>
                    <a:pt x="29" y="8"/>
                    <a:pt x="29" y="11"/>
                    <a:pt x="31" y="9"/>
                  </a:cubicBezTo>
                  <a:cubicBezTo>
                    <a:pt x="32" y="9"/>
                    <a:pt x="29" y="6"/>
                    <a:pt x="31" y="6"/>
                  </a:cubicBezTo>
                  <a:cubicBezTo>
                    <a:pt x="31" y="5"/>
                    <a:pt x="32" y="8"/>
                    <a:pt x="34" y="6"/>
                  </a:cubicBezTo>
                  <a:cubicBezTo>
                    <a:pt x="34" y="6"/>
                    <a:pt x="32" y="5"/>
                    <a:pt x="34" y="1"/>
                  </a:cubicBezTo>
                  <a:cubicBezTo>
                    <a:pt x="35" y="1"/>
                    <a:pt x="35" y="5"/>
                    <a:pt x="37" y="3"/>
                  </a:cubicBezTo>
                  <a:cubicBezTo>
                    <a:pt x="38" y="3"/>
                    <a:pt x="38" y="1"/>
                    <a:pt x="40" y="1"/>
                  </a:cubicBezTo>
                  <a:cubicBezTo>
                    <a:pt x="41" y="0"/>
                    <a:pt x="41" y="1"/>
                    <a:pt x="44" y="0"/>
                  </a:cubicBezTo>
                  <a:cubicBezTo>
                    <a:pt x="49" y="0"/>
                    <a:pt x="46" y="0"/>
                    <a:pt x="46" y="1"/>
                  </a:cubicBezTo>
                  <a:cubicBezTo>
                    <a:pt x="47" y="1"/>
                    <a:pt x="47" y="1"/>
                    <a:pt x="47" y="3"/>
                  </a:cubicBezTo>
                  <a:cubicBezTo>
                    <a:pt x="47" y="5"/>
                    <a:pt x="50" y="6"/>
                    <a:pt x="58" y="6"/>
                  </a:cubicBezTo>
                  <a:cubicBezTo>
                    <a:pt x="58" y="8"/>
                    <a:pt x="57" y="8"/>
                    <a:pt x="57" y="9"/>
                  </a:cubicBezTo>
                  <a:cubicBezTo>
                    <a:pt x="57" y="11"/>
                    <a:pt x="60" y="9"/>
                    <a:pt x="58" y="11"/>
                  </a:cubicBezTo>
                  <a:cubicBezTo>
                    <a:pt x="57" y="12"/>
                    <a:pt x="57" y="14"/>
                    <a:pt x="58" y="14"/>
                  </a:cubicBezTo>
                  <a:cubicBezTo>
                    <a:pt x="60" y="15"/>
                    <a:pt x="61" y="17"/>
                    <a:pt x="58" y="17"/>
                  </a:cubicBezTo>
                  <a:cubicBezTo>
                    <a:pt x="58" y="17"/>
                    <a:pt x="60" y="15"/>
                    <a:pt x="57" y="15"/>
                  </a:cubicBezTo>
                  <a:close/>
                  <a:moveTo>
                    <a:pt x="54" y="107"/>
                  </a:moveTo>
                  <a:cubicBezTo>
                    <a:pt x="55" y="109"/>
                    <a:pt x="58" y="112"/>
                    <a:pt x="61" y="112"/>
                  </a:cubicBezTo>
                  <a:cubicBezTo>
                    <a:pt x="64" y="112"/>
                    <a:pt x="64" y="115"/>
                    <a:pt x="67" y="115"/>
                  </a:cubicBezTo>
                  <a:cubicBezTo>
                    <a:pt x="70" y="116"/>
                    <a:pt x="70" y="118"/>
                    <a:pt x="70" y="115"/>
                  </a:cubicBezTo>
                  <a:cubicBezTo>
                    <a:pt x="70" y="113"/>
                    <a:pt x="72" y="110"/>
                    <a:pt x="70" y="109"/>
                  </a:cubicBezTo>
                  <a:cubicBezTo>
                    <a:pt x="69" y="109"/>
                    <a:pt x="73" y="101"/>
                    <a:pt x="73" y="99"/>
                  </a:cubicBezTo>
                  <a:cubicBezTo>
                    <a:pt x="75" y="98"/>
                    <a:pt x="70" y="101"/>
                    <a:pt x="69" y="101"/>
                  </a:cubicBezTo>
                  <a:cubicBezTo>
                    <a:pt x="66" y="99"/>
                    <a:pt x="61" y="104"/>
                    <a:pt x="57" y="101"/>
                  </a:cubicBezTo>
                  <a:cubicBezTo>
                    <a:pt x="54" y="96"/>
                    <a:pt x="54" y="104"/>
                    <a:pt x="52" y="101"/>
                  </a:cubicBezTo>
                  <a:cubicBezTo>
                    <a:pt x="50" y="99"/>
                    <a:pt x="49" y="101"/>
                    <a:pt x="49" y="104"/>
                  </a:cubicBezTo>
                  <a:cubicBezTo>
                    <a:pt x="49" y="107"/>
                    <a:pt x="50" y="107"/>
                    <a:pt x="54" y="107"/>
                  </a:cubicBezTo>
                  <a:close/>
                  <a:moveTo>
                    <a:pt x="17" y="79"/>
                  </a:moveTo>
                  <a:cubicBezTo>
                    <a:pt x="17" y="82"/>
                    <a:pt x="19" y="81"/>
                    <a:pt x="17" y="84"/>
                  </a:cubicBezTo>
                  <a:cubicBezTo>
                    <a:pt x="15" y="88"/>
                    <a:pt x="17" y="93"/>
                    <a:pt x="20" y="92"/>
                  </a:cubicBezTo>
                  <a:cubicBezTo>
                    <a:pt x="23" y="92"/>
                    <a:pt x="22" y="88"/>
                    <a:pt x="23" y="90"/>
                  </a:cubicBezTo>
                  <a:cubicBezTo>
                    <a:pt x="26" y="90"/>
                    <a:pt x="26" y="90"/>
                    <a:pt x="28" y="84"/>
                  </a:cubicBezTo>
                  <a:cubicBezTo>
                    <a:pt x="28" y="78"/>
                    <a:pt x="25" y="78"/>
                    <a:pt x="28" y="76"/>
                  </a:cubicBezTo>
                  <a:cubicBezTo>
                    <a:pt x="29" y="75"/>
                    <a:pt x="28" y="70"/>
                    <a:pt x="26" y="68"/>
                  </a:cubicBezTo>
                  <a:cubicBezTo>
                    <a:pt x="25" y="67"/>
                    <a:pt x="25" y="65"/>
                    <a:pt x="20" y="70"/>
                  </a:cubicBezTo>
                  <a:cubicBezTo>
                    <a:pt x="15" y="73"/>
                    <a:pt x="14" y="67"/>
                    <a:pt x="14" y="71"/>
                  </a:cubicBezTo>
                  <a:cubicBezTo>
                    <a:pt x="14" y="75"/>
                    <a:pt x="17" y="75"/>
                    <a:pt x="17" y="79"/>
                  </a:cubicBezTo>
                  <a:close/>
                </a:path>
              </a:pathLst>
            </a:custGeom>
            <a:solidFill>
              <a:schemeClr val="tx2"/>
            </a:solidFill>
            <a:ln w="6350" cmpd="sng">
              <a:solidFill>
                <a:schemeClr val="bg1"/>
              </a:solidFill>
              <a:round/>
              <a:headEnd/>
              <a:tailEnd/>
            </a:ln>
          </p:spPr>
          <p:txBody>
            <a:bodyPr/>
            <a:lstStyle/>
            <a:p>
              <a:endParaRPr lang="en-GB" sz="1633" dirty="0"/>
            </a:p>
          </p:txBody>
        </p:sp>
        <p:sp>
          <p:nvSpPr>
            <p:cNvPr id="215" name="Freeform 171"/>
            <p:cNvSpPr>
              <a:spLocks/>
            </p:cNvSpPr>
            <p:nvPr/>
          </p:nvSpPr>
          <p:spPr bwMode="auto">
            <a:xfrm>
              <a:off x="5668736" y="3582167"/>
              <a:ext cx="117295" cy="78731"/>
            </a:xfrm>
            <a:custGeom>
              <a:avLst/>
              <a:gdLst/>
              <a:ahLst/>
              <a:cxnLst>
                <a:cxn ang="0">
                  <a:pos x="30" y="5"/>
                </a:cxn>
                <a:cxn ang="0">
                  <a:pos x="30" y="10"/>
                </a:cxn>
                <a:cxn ang="0">
                  <a:pos x="35" y="13"/>
                </a:cxn>
                <a:cxn ang="0">
                  <a:pos x="38" y="11"/>
                </a:cxn>
                <a:cxn ang="0">
                  <a:pos x="38" y="16"/>
                </a:cxn>
                <a:cxn ang="0">
                  <a:pos x="35" y="16"/>
                </a:cxn>
                <a:cxn ang="0">
                  <a:pos x="35" y="19"/>
                </a:cxn>
                <a:cxn ang="0">
                  <a:pos x="32" y="19"/>
                </a:cxn>
                <a:cxn ang="0">
                  <a:pos x="29" y="16"/>
                </a:cxn>
                <a:cxn ang="0">
                  <a:pos x="27" y="21"/>
                </a:cxn>
                <a:cxn ang="0">
                  <a:pos x="26" y="24"/>
                </a:cxn>
                <a:cxn ang="0">
                  <a:pos x="23" y="21"/>
                </a:cxn>
                <a:cxn ang="0">
                  <a:pos x="21" y="18"/>
                </a:cxn>
                <a:cxn ang="0">
                  <a:pos x="19" y="19"/>
                </a:cxn>
                <a:cxn ang="0">
                  <a:pos x="18" y="22"/>
                </a:cxn>
                <a:cxn ang="0">
                  <a:pos x="13" y="24"/>
                </a:cxn>
                <a:cxn ang="0">
                  <a:pos x="9" y="24"/>
                </a:cxn>
                <a:cxn ang="0">
                  <a:pos x="7" y="21"/>
                </a:cxn>
                <a:cxn ang="0">
                  <a:pos x="6" y="18"/>
                </a:cxn>
                <a:cxn ang="0">
                  <a:pos x="3" y="21"/>
                </a:cxn>
                <a:cxn ang="0">
                  <a:pos x="3" y="19"/>
                </a:cxn>
                <a:cxn ang="0">
                  <a:pos x="4" y="14"/>
                </a:cxn>
                <a:cxn ang="0">
                  <a:pos x="6" y="11"/>
                </a:cxn>
                <a:cxn ang="0">
                  <a:pos x="9" y="8"/>
                </a:cxn>
                <a:cxn ang="0">
                  <a:pos x="10" y="5"/>
                </a:cxn>
                <a:cxn ang="0">
                  <a:pos x="13" y="4"/>
                </a:cxn>
                <a:cxn ang="0">
                  <a:pos x="19" y="4"/>
                </a:cxn>
                <a:cxn ang="0">
                  <a:pos x="23" y="2"/>
                </a:cxn>
                <a:cxn ang="0">
                  <a:pos x="26" y="4"/>
                </a:cxn>
                <a:cxn ang="0">
                  <a:pos x="30" y="5"/>
                </a:cxn>
              </a:cxnLst>
              <a:rect l="0" t="0" r="r" b="b"/>
              <a:pathLst>
                <a:path w="38" h="25">
                  <a:moveTo>
                    <a:pt x="30" y="5"/>
                  </a:moveTo>
                  <a:cubicBezTo>
                    <a:pt x="32" y="7"/>
                    <a:pt x="27" y="11"/>
                    <a:pt x="30" y="10"/>
                  </a:cubicBezTo>
                  <a:cubicBezTo>
                    <a:pt x="35" y="10"/>
                    <a:pt x="32" y="13"/>
                    <a:pt x="35" y="13"/>
                  </a:cubicBezTo>
                  <a:cubicBezTo>
                    <a:pt x="36" y="13"/>
                    <a:pt x="36" y="8"/>
                    <a:pt x="38" y="11"/>
                  </a:cubicBezTo>
                  <a:cubicBezTo>
                    <a:pt x="36" y="14"/>
                    <a:pt x="38" y="16"/>
                    <a:pt x="38" y="16"/>
                  </a:cubicBezTo>
                  <a:cubicBezTo>
                    <a:pt x="36" y="18"/>
                    <a:pt x="35" y="14"/>
                    <a:pt x="35" y="16"/>
                  </a:cubicBezTo>
                  <a:cubicBezTo>
                    <a:pt x="33" y="16"/>
                    <a:pt x="36" y="19"/>
                    <a:pt x="35" y="19"/>
                  </a:cubicBezTo>
                  <a:cubicBezTo>
                    <a:pt x="33" y="21"/>
                    <a:pt x="33" y="18"/>
                    <a:pt x="32" y="19"/>
                  </a:cubicBezTo>
                  <a:cubicBezTo>
                    <a:pt x="30" y="19"/>
                    <a:pt x="30" y="16"/>
                    <a:pt x="29" y="16"/>
                  </a:cubicBezTo>
                  <a:cubicBezTo>
                    <a:pt x="27" y="16"/>
                    <a:pt x="29" y="19"/>
                    <a:pt x="27" y="21"/>
                  </a:cubicBezTo>
                  <a:cubicBezTo>
                    <a:pt x="24" y="22"/>
                    <a:pt x="27" y="24"/>
                    <a:pt x="26" y="24"/>
                  </a:cubicBezTo>
                  <a:cubicBezTo>
                    <a:pt x="24" y="25"/>
                    <a:pt x="24" y="22"/>
                    <a:pt x="23" y="21"/>
                  </a:cubicBezTo>
                  <a:cubicBezTo>
                    <a:pt x="21" y="19"/>
                    <a:pt x="21" y="18"/>
                    <a:pt x="21" y="18"/>
                  </a:cubicBezTo>
                  <a:cubicBezTo>
                    <a:pt x="21" y="16"/>
                    <a:pt x="19" y="18"/>
                    <a:pt x="19" y="19"/>
                  </a:cubicBezTo>
                  <a:cubicBezTo>
                    <a:pt x="18" y="19"/>
                    <a:pt x="21" y="19"/>
                    <a:pt x="18" y="22"/>
                  </a:cubicBezTo>
                  <a:cubicBezTo>
                    <a:pt x="15" y="24"/>
                    <a:pt x="15" y="22"/>
                    <a:pt x="13" y="24"/>
                  </a:cubicBezTo>
                  <a:cubicBezTo>
                    <a:pt x="10" y="24"/>
                    <a:pt x="10" y="24"/>
                    <a:pt x="9" y="24"/>
                  </a:cubicBezTo>
                  <a:cubicBezTo>
                    <a:pt x="9" y="21"/>
                    <a:pt x="7" y="21"/>
                    <a:pt x="7" y="21"/>
                  </a:cubicBezTo>
                  <a:cubicBezTo>
                    <a:pt x="7" y="19"/>
                    <a:pt x="9" y="16"/>
                    <a:pt x="6" y="18"/>
                  </a:cubicBezTo>
                  <a:cubicBezTo>
                    <a:pt x="3" y="18"/>
                    <a:pt x="6" y="19"/>
                    <a:pt x="3" y="21"/>
                  </a:cubicBezTo>
                  <a:cubicBezTo>
                    <a:pt x="1" y="21"/>
                    <a:pt x="0" y="21"/>
                    <a:pt x="3" y="19"/>
                  </a:cubicBezTo>
                  <a:cubicBezTo>
                    <a:pt x="4" y="18"/>
                    <a:pt x="1" y="16"/>
                    <a:pt x="4" y="14"/>
                  </a:cubicBezTo>
                  <a:cubicBezTo>
                    <a:pt x="7" y="13"/>
                    <a:pt x="4" y="11"/>
                    <a:pt x="6" y="11"/>
                  </a:cubicBezTo>
                  <a:cubicBezTo>
                    <a:pt x="9" y="10"/>
                    <a:pt x="7" y="8"/>
                    <a:pt x="9" y="8"/>
                  </a:cubicBezTo>
                  <a:cubicBezTo>
                    <a:pt x="10" y="7"/>
                    <a:pt x="9" y="7"/>
                    <a:pt x="10" y="5"/>
                  </a:cubicBezTo>
                  <a:cubicBezTo>
                    <a:pt x="10" y="4"/>
                    <a:pt x="12" y="7"/>
                    <a:pt x="13" y="4"/>
                  </a:cubicBezTo>
                  <a:cubicBezTo>
                    <a:pt x="16" y="5"/>
                    <a:pt x="16" y="4"/>
                    <a:pt x="19" y="4"/>
                  </a:cubicBezTo>
                  <a:cubicBezTo>
                    <a:pt x="23" y="4"/>
                    <a:pt x="19" y="2"/>
                    <a:pt x="23" y="2"/>
                  </a:cubicBezTo>
                  <a:cubicBezTo>
                    <a:pt x="24" y="0"/>
                    <a:pt x="24" y="4"/>
                    <a:pt x="26" y="4"/>
                  </a:cubicBezTo>
                  <a:cubicBezTo>
                    <a:pt x="27" y="2"/>
                    <a:pt x="29" y="4"/>
                    <a:pt x="30" y="5"/>
                  </a:cubicBezTo>
                </a:path>
              </a:pathLst>
            </a:custGeom>
            <a:solidFill>
              <a:schemeClr val="accent5"/>
            </a:solidFill>
            <a:ln w="6350" cmpd="sng">
              <a:solidFill>
                <a:schemeClr val="bg1"/>
              </a:solidFill>
              <a:round/>
              <a:headEnd/>
              <a:tailEnd/>
            </a:ln>
          </p:spPr>
          <p:txBody>
            <a:bodyPr/>
            <a:lstStyle/>
            <a:p>
              <a:endParaRPr lang="en-GB" sz="1633" dirty="0">
                <a:solidFill>
                  <a:schemeClr val="accent5"/>
                </a:solidFill>
              </a:endParaRPr>
            </a:p>
          </p:txBody>
        </p:sp>
        <p:sp>
          <p:nvSpPr>
            <p:cNvPr id="216" name="Freeform 172"/>
            <p:cNvSpPr>
              <a:spLocks/>
            </p:cNvSpPr>
            <p:nvPr/>
          </p:nvSpPr>
          <p:spPr bwMode="auto">
            <a:xfrm>
              <a:off x="5752289" y="3535572"/>
              <a:ext cx="199241" cy="106045"/>
            </a:xfrm>
            <a:custGeom>
              <a:avLst/>
              <a:gdLst/>
              <a:ahLst/>
              <a:cxnLst>
                <a:cxn ang="0">
                  <a:pos x="3" y="20"/>
                </a:cxn>
                <a:cxn ang="0">
                  <a:pos x="9" y="22"/>
                </a:cxn>
                <a:cxn ang="0">
                  <a:pos x="10" y="19"/>
                </a:cxn>
                <a:cxn ang="0">
                  <a:pos x="13" y="20"/>
                </a:cxn>
                <a:cxn ang="0">
                  <a:pos x="20" y="19"/>
                </a:cxn>
                <a:cxn ang="0">
                  <a:pos x="24" y="17"/>
                </a:cxn>
                <a:cxn ang="0">
                  <a:pos x="27" y="19"/>
                </a:cxn>
                <a:cxn ang="0">
                  <a:pos x="30" y="20"/>
                </a:cxn>
                <a:cxn ang="0">
                  <a:pos x="30" y="16"/>
                </a:cxn>
                <a:cxn ang="0">
                  <a:pos x="29" y="11"/>
                </a:cxn>
                <a:cxn ang="0">
                  <a:pos x="33" y="10"/>
                </a:cxn>
                <a:cxn ang="0">
                  <a:pos x="37" y="5"/>
                </a:cxn>
                <a:cxn ang="0">
                  <a:pos x="40" y="8"/>
                </a:cxn>
                <a:cxn ang="0">
                  <a:pos x="46" y="4"/>
                </a:cxn>
                <a:cxn ang="0">
                  <a:pos x="49" y="4"/>
                </a:cxn>
                <a:cxn ang="0">
                  <a:pos x="56" y="5"/>
                </a:cxn>
                <a:cxn ang="0">
                  <a:pos x="63" y="7"/>
                </a:cxn>
                <a:cxn ang="0">
                  <a:pos x="63" y="14"/>
                </a:cxn>
                <a:cxn ang="0">
                  <a:pos x="63" y="17"/>
                </a:cxn>
                <a:cxn ang="0">
                  <a:pos x="58" y="17"/>
                </a:cxn>
                <a:cxn ang="0">
                  <a:pos x="60" y="20"/>
                </a:cxn>
                <a:cxn ang="0">
                  <a:pos x="58" y="22"/>
                </a:cxn>
                <a:cxn ang="0">
                  <a:pos x="58" y="25"/>
                </a:cxn>
                <a:cxn ang="0">
                  <a:pos x="55" y="27"/>
                </a:cxn>
                <a:cxn ang="0">
                  <a:pos x="55" y="28"/>
                </a:cxn>
                <a:cxn ang="0">
                  <a:pos x="52" y="30"/>
                </a:cxn>
                <a:cxn ang="0">
                  <a:pos x="49" y="30"/>
                </a:cxn>
                <a:cxn ang="0">
                  <a:pos x="44" y="33"/>
                </a:cxn>
                <a:cxn ang="0">
                  <a:pos x="41" y="33"/>
                </a:cxn>
                <a:cxn ang="0">
                  <a:pos x="35" y="31"/>
                </a:cxn>
                <a:cxn ang="0">
                  <a:pos x="24" y="28"/>
                </a:cxn>
                <a:cxn ang="0">
                  <a:pos x="23" y="27"/>
                </a:cxn>
                <a:cxn ang="0">
                  <a:pos x="21" y="25"/>
                </a:cxn>
                <a:cxn ang="0">
                  <a:pos x="17" y="27"/>
                </a:cxn>
                <a:cxn ang="0">
                  <a:pos x="13" y="28"/>
                </a:cxn>
                <a:cxn ang="0">
                  <a:pos x="10" y="27"/>
                </a:cxn>
                <a:cxn ang="0">
                  <a:pos x="7" y="28"/>
                </a:cxn>
                <a:cxn ang="0">
                  <a:pos x="3" y="25"/>
                </a:cxn>
                <a:cxn ang="0">
                  <a:pos x="3" y="20"/>
                </a:cxn>
              </a:cxnLst>
              <a:rect l="0" t="0" r="r" b="b"/>
              <a:pathLst>
                <a:path w="64" h="34">
                  <a:moveTo>
                    <a:pt x="3" y="20"/>
                  </a:moveTo>
                  <a:cubicBezTo>
                    <a:pt x="6" y="17"/>
                    <a:pt x="7" y="22"/>
                    <a:pt x="9" y="22"/>
                  </a:cubicBezTo>
                  <a:cubicBezTo>
                    <a:pt x="10" y="22"/>
                    <a:pt x="9" y="19"/>
                    <a:pt x="10" y="19"/>
                  </a:cubicBezTo>
                  <a:cubicBezTo>
                    <a:pt x="12" y="20"/>
                    <a:pt x="13" y="19"/>
                    <a:pt x="13" y="20"/>
                  </a:cubicBezTo>
                  <a:cubicBezTo>
                    <a:pt x="15" y="22"/>
                    <a:pt x="17" y="20"/>
                    <a:pt x="20" y="19"/>
                  </a:cubicBezTo>
                  <a:cubicBezTo>
                    <a:pt x="21" y="17"/>
                    <a:pt x="23" y="20"/>
                    <a:pt x="24" y="17"/>
                  </a:cubicBezTo>
                  <a:cubicBezTo>
                    <a:pt x="24" y="16"/>
                    <a:pt x="26" y="19"/>
                    <a:pt x="27" y="19"/>
                  </a:cubicBezTo>
                  <a:cubicBezTo>
                    <a:pt x="29" y="17"/>
                    <a:pt x="29" y="22"/>
                    <a:pt x="30" y="20"/>
                  </a:cubicBezTo>
                  <a:cubicBezTo>
                    <a:pt x="32" y="19"/>
                    <a:pt x="27" y="17"/>
                    <a:pt x="30" y="16"/>
                  </a:cubicBezTo>
                  <a:cubicBezTo>
                    <a:pt x="32" y="16"/>
                    <a:pt x="27" y="14"/>
                    <a:pt x="29" y="11"/>
                  </a:cubicBezTo>
                  <a:cubicBezTo>
                    <a:pt x="32" y="10"/>
                    <a:pt x="33" y="11"/>
                    <a:pt x="33" y="10"/>
                  </a:cubicBezTo>
                  <a:cubicBezTo>
                    <a:pt x="33" y="7"/>
                    <a:pt x="37" y="10"/>
                    <a:pt x="37" y="5"/>
                  </a:cubicBezTo>
                  <a:cubicBezTo>
                    <a:pt x="40" y="7"/>
                    <a:pt x="37" y="8"/>
                    <a:pt x="40" y="8"/>
                  </a:cubicBezTo>
                  <a:cubicBezTo>
                    <a:pt x="43" y="7"/>
                    <a:pt x="46" y="7"/>
                    <a:pt x="46" y="4"/>
                  </a:cubicBezTo>
                  <a:cubicBezTo>
                    <a:pt x="46" y="0"/>
                    <a:pt x="47" y="4"/>
                    <a:pt x="49" y="4"/>
                  </a:cubicBezTo>
                  <a:cubicBezTo>
                    <a:pt x="50" y="4"/>
                    <a:pt x="55" y="7"/>
                    <a:pt x="56" y="5"/>
                  </a:cubicBezTo>
                  <a:cubicBezTo>
                    <a:pt x="60" y="4"/>
                    <a:pt x="61" y="7"/>
                    <a:pt x="63" y="7"/>
                  </a:cubicBezTo>
                  <a:cubicBezTo>
                    <a:pt x="61" y="10"/>
                    <a:pt x="60" y="10"/>
                    <a:pt x="63" y="14"/>
                  </a:cubicBezTo>
                  <a:cubicBezTo>
                    <a:pt x="63" y="16"/>
                    <a:pt x="64" y="17"/>
                    <a:pt x="63" y="17"/>
                  </a:cubicBezTo>
                  <a:cubicBezTo>
                    <a:pt x="61" y="17"/>
                    <a:pt x="58" y="17"/>
                    <a:pt x="58" y="17"/>
                  </a:cubicBezTo>
                  <a:cubicBezTo>
                    <a:pt x="58" y="19"/>
                    <a:pt x="60" y="19"/>
                    <a:pt x="60" y="20"/>
                  </a:cubicBezTo>
                  <a:cubicBezTo>
                    <a:pt x="60" y="22"/>
                    <a:pt x="58" y="20"/>
                    <a:pt x="58" y="22"/>
                  </a:cubicBezTo>
                  <a:cubicBezTo>
                    <a:pt x="58" y="25"/>
                    <a:pt x="58" y="25"/>
                    <a:pt x="58" y="25"/>
                  </a:cubicBezTo>
                  <a:cubicBezTo>
                    <a:pt x="58" y="25"/>
                    <a:pt x="56" y="27"/>
                    <a:pt x="55" y="27"/>
                  </a:cubicBezTo>
                  <a:cubicBezTo>
                    <a:pt x="55" y="28"/>
                    <a:pt x="53" y="27"/>
                    <a:pt x="55" y="28"/>
                  </a:cubicBezTo>
                  <a:cubicBezTo>
                    <a:pt x="55" y="30"/>
                    <a:pt x="55" y="30"/>
                    <a:pt x="52" y="30"/>
                  </a:cubicBezTo>
                  <a:cubicBezTo>
                    <a:pt x="50" y="30"/>
                    <a:pt x="52" y="31"/>
                    <a:pt x="49" y="30"/>
                  </a:cubicBezTo>
                  <a:cubicBezTo>
                    <a:pt x="46" y="30"/>
                    <a:pt x="46" y="30"/>
                    <a:pt x="44" y="33"/>
                  </a:cubicBezTo>
                  <a:cubicBezTo>
                    <a:pt x="41" y="34"/>
                    <a:pt x="43" y="31"/>
                    <a:pt x="41" y="33"/>
                  </a:cubicBezTo>
                  <a:cubicBezTo>
                    <a:pt x="38" y="33"/>
                    <a:pt x="40" y="31"/>
                    <a:pt x="35" y="31"/>
                  </a:cubicBezTo>
                  <a:cubicBezTo>
                    <a:pt x="27" y="31"/>
                    <a:pt x="24" y="30"/>
                    <a:pt x="24" y="28"/>
                  </a:cubicBezTo>
                  <a:cubicBezTo>
                    <a:pt x="24" y="27"/>
                    <a:pt x="24" y="27"/>
                    <a:pt x="23" y="27"/>
                  </a:cubicBezTo>
                  <a:cubicBezTo>
                    <a:pt x="23" y="25"/>
                    <a:pt x="26" y="25"/>
                    <a:pt x="21" y="25"/>
                  </a:cubicBezTo>
                  <a:cubicBezTo>
                    <a:pt x="18" y="27"/>
                    <a:pt x="18" y="25"/>
                    <a:pt x="17" y="27"/>
                  </a:cubicBezTo>
                  <a:cubicBezTo>
                    <a:pt x="15" y="27"/>
                    <a:pt x="15" y="28"/>
                    <a:pt x="13" y="28"/>
                  </a:cubicBezTo>
                  <a:cubicBezTo>
                    <a:pt x="12" y="30"/>
                    <a:pt x="12" y="27"/>
                    <a:pt x="10" y="27"/>
                  </a:cubicBezTo>
                  <a:cubicBezTo>
                    <a:pt x="9" y="24"/>
                    <a:pt x="9" y="28"/>
                    <a:pt x="7" y="28"/>
                  </a:cubicBezTo>
                  <a:cubicBezTo>
                    <a:pt x="4" y="28"/>
                    <a:pt x="7" y="25"/>
                    <a:pt x="3" y="25"/>
                  </a:cubicBezTo>
                  <a:cubicBezTo>
                    <a:pt x="0" y="27"/>
                    <a:pt x="4" y="22"/>
                    <a:pt x="3" y="20"/>
                  </a:cubicBezTo>
                </a:path>
              </a:pathLst>
            </a:custGeom>
            <a:solidFill>
              <a:schemeClr val="tx2"/>
            </a:solidFill>
            <a:ln w="6350" cmpd="sng">
              <a:solidFill>
                <a:schemeClr val="bg1"/>
              </a:solidFill>
              <a:round/>
              <a:headEnd/>
              <a:tailEnd/>
            </a:ln>
          </p:spPr>
          <p:txBody>
            <a:bodyPr/>
            <a:lstStyle/>
            <a:p>
              <a:endParaRPr lang="en-GB" sz="1633" dirty="0"/>
            </a:p>
          </p:txBody>
        </p:sp>
        <p:sp>
          <p:nvSpPr>
            <p:cNvPr id="217" name="Freeform 173"/>
            <p:cNvSpPr>
              <a:spLocks/>
            </p:cNvSpPr>
            <p:nvPr/>
          </p:nvSpPr>
          <p:spPr bwMode="auto">
            <a:xfrm>
              <a:off x="5824594" y="3464874"/>
              <a:ext cx="163892" cy="96405"/>
            </a:xfrm>
            <a:custGeom>
              <a:avLst/>
              <a:gdLst/>
              <a:ahLst/>
              <a:cxnLst>
                <a:cxn ang="0">
                  <a:pos x="13" y="28"/>
                </a:cxn>
                <a:cxn ang="0">
                  <a:pos x="17" y="31"/>
                </a:cxn>
                <a:cxn ang="0">
                  <a:pos x="23" y="26"/>
                </a:cxn>
                <a:cxn ang="0">
                  <a:pos x="26" y="26"/>
                </a:cxn>
                <a:cxn ang="0">
                  <a:pos x="33" y="28"/>
                </a:cxn>
                <a:cxn ang="0">
                  <a:pos x="39" y="29"/>
                </a:cxn>
                <a:cxn ang="0">
                  <a:pos x="46" y="26"/>
                </a:cxn>
                <a:cxn ang="0">
                  <a:pos x="53" y="20"/>
                </a:cxn>
                <a:cxn ang="0">
                  <a:pos x="49" y="14"/>
                </a:cxn>
                <a:cxn ang="0">
                  <a:pos x="44" y="12"/>
                </a:cxn>
                <a:cxn ang="0">
                  <a:pos x="42" y="11"/>
                </a:cxn>
                <a:cxn ang="0">
                  <a:pos x="38" y="9"/>
                </a:cxn>
                <a:cxn ang="0">
                  <a:pos x="35" y="11"/>
                </a:cxn>
                <a:cxn ang="0">
                  <a:pos x="35" y="6"/>
                </a:cxn>
                <a:cxn ang="0">
                  <a:pos x="29" y="5"/>
                </a:cxn>
                <a:cxn ang="0">
                  <a:pos x="23" y="3"/>
                </a:cxn>
                <a:cxn ang="0">
                  <a:pos x="18" y="1"/>
                </a:cxn>
                <a:cxn ang="0">
                  <a:pos x="15" y="5"/>
                </a:cxn>
                <a:cxn ang="0">
                  <a:pos x="4" y="9"/>
                </a:cxn>
                <a:cxn ang="0">
                  <a:pos x="1" y="14"/>
                </a:cxn>
                <a:cxn ang="0">
                  <a:pos x="6" y="20"/>
                </a:cxn>
                <a:cxn ang="0">
                  <a:pos x="13" y="28"/>
                </a:cxn>
              </a:cxnLst>
              <a:rect l="0" t="0" r="r" b="b"/>
              <a:pathLst>
                <a:path w="53" h="31">
                  <a:moveTo>
                    <a:pt x="13" y="28"/>
                  </a:moveTo>
                  <a:cubicBezTo>
                    <a:pt x="17" y="29"/>
                    <a:pt x="13" y="31"/>
                    <a:pt x="17" y="31"/>
                  </a:cubicBezTo>
                  <a:cubicBezTo>
                    <a:pt x="20" y="29"/>
                    <a:pt x="23" y="29"/>
                    <a:pt x="23" y="26"/>
                  </a:cubicBezTo>
                  <a:cubicBezTo>
                    <a:pt x="23" y="23"/>
                    <a:pt x="24" y="26"/>
                    <a:pt x="26" y="26"/>
                  </a:cubicBezTo>
                  <a:cubicBezTo>
                    <a:pt x="27" y="26"/>
                    <a:pt x="32" y="29"/>
                    <a:pt x="33" y="28"/>
                  </a:cubicBezTo>
                  <a:cubicBezTo>
                    <a:pt x="36" y="26"/>
                    <a:pt x="38" y="29"/>
                    <a:pt x="39" y="29"/>
                  </a:cubicBezTo>
                  <a:cubicBezTo>
                    <a:pt x="41" y="25"/>
                    <a:pt x="42" y="28"/>
                    <a:pt x="46" y="26"/>
                  </a:cubicBezTo>
                  <a:cubicBezTo>
                    <a:pt x="50" y="25"/>
                    <a:pt x="46" y="23"/>
                    <a:pt x="53" y="20"/>
                  </a:cubicBezTo>
                  <a:cubicBezTo>
                    <a:pt x="53" y="17"/>
                    <a:pt x="52" y="15"/>
                    <a:pt x="49" y="14"/>
                  </a:cubicBezTo>
                  <a:cubicBezTo>
                    <a:pt x="46" y="12"/>
                    <a:pt x="47" y="14"/>
                    <a:pt x="44" y="12"/>
                  </a:cubicBezTo>
                  <a:cubicBezTo>
                    <a:pt x="42" y="11"/>
                    <a:pt x="46" y="11"/>
                    <a:pt x="42" y="11"/>
                  </a:cubicBezTo>
                  <a:cubicBezTo>
                    <a:pt x="39" y="9"/>
                    <a:pt x="36" y="8"/>
                    <a:pt x="38" y="9"/>
                  </a:cubicBezTo>
                  <a:cubicBezTo>
                    <a:pt x="39" y="11"/>
                    <a:pt x="38" y="14"/>
                    <a:pt x="35" y="11"/>
                  </a:cubicBezTo>
                  <a:cubicBezTo>
                    <a:pt x="30" y="6"/>
                    <a:pt x="35" y="8"/>
                    <a:pt x="35" y="6"/>
                  </a:cubicBezTo>
                  <a:cubicBezTo>
                    <a:pt x="33" y="5"/>
                    <a:pt x="33" y="6"/>
                    <a:pt x="29" y="5"/>
                  </a:cubicBezTo>
                  <a:cubicBezTo>
                    <a:pt x="23" y="1"/>
                    <a:pt x="26" y="0"/>
                    <a:pt x="23" y="3"/>
                  </a:cubicBezTo>
                  <a:cubicBezTo>
                    <a:pt x="20" y="5"/>
                    <a:pt x="18" y="1"/>
                    <a:pt x="18" y="1"/>
                  </a:cubicBezTo>
                  <a:cubicBezTo>
                    <a:pt x="17" y="1"/>
                    <a:pt x="20" y="3"/>
                    <a:pt x="15" y="5"/>
                  </a:cubicBezTo>
                  <a:cubicBezTo>
                    <a:pt x="10" y="5"/>
                    <a:pt x="9" y="8"/>
                    <a:pt x="4" y="9"/>
                  </a:cubicBezTo>
                  <a:cubicBezTo>
                    <a:pt x="1" y="11"/>
                    <a:pt x="0" y="11"/>
                    <a:pt x="1" y="14"/>
                  </a:cubicBezTo>
                  <a:cubicBezTo>
                    <a:pt x="4" y="17"/>
                    <a:pt x="0" y="19"/>
                    <a:pt x="6" y="20"/>
                  </a:cubicBezTo>
                  <a:cubicBezTo>
                    <a:pt x="9" y="22"/>
                    <a:pt x="9" y="25"/>
                    <a:pt x="13" y="28"/>
                  </a:cubicBezTo>
                </a:path>
              </a:pathLst>
            </a:custGeom>
            <a:solidFill>
              <a:schemeClr val="tx2"/>
            </a:solidFill>
            <a:ln w="6350" cmpd="sng">
              <a:solidFill>
                <a:schemeClr val="bg1"/>
              </a:solidFill>
              <a:round/>
              <a:headEnd/>
              <a:tailEnd/>
            </a:ln>
          </p:spPr>
          <p:txBody>
            <a:bodyPr/>
            <a:lstStyle/>
            <a:p>
              <a:endParaRPr lang="en-GB" sz="1633" dirty="0"/>
            </a:p>
          </p:txBody>
        </p:sp>
        <p:sp>
          <p:nvSpPr>
            <p:cNvPr id="218" name="Freeform 174"/>
            <p:cNvSpPr>
              <a:spLocks/>
            </p:cNvSpPr>
            <p:nvPr/>
          </p:nvSpPr>
          <p:spPr bwMode="auto">
            <a:xfrm>
              <a:off x="6076859" y="3713921"/>
              <a:ext cx="155858" cy="112473"/>
            </a:xfrm>
            <a:custGeom>
              <a:avLst/>
              <a:gdLst/>
              <a:ahLst/>
              <a:cxnLst>
                <a:cxn ang="0">
                  <a:pos x="1" y="22"/>
                </a:cxn>
                <a:cxn ang="0">
                  <a:pos x="4" y="27"/>
                </a:cxn>
                <a:cxn ang="0">
                  <a:pos x="6" y="33"/>
                </a:cxn>
                <a:cxn ang="0">
                  <a:pos x="10" y="33"/>
                </a:cxn>
                <a:cxn ang="0">
                  <a:pos x="16" y="31"/>
                </a:cxn>
                <a:cxn ang="0">
                  <a:pos x="19" y="31"/>
                </a:cxn>
                <a:cxn ang="0">
                  <a:pos x="23" y="33"/>
                </a:cxn>
                <a:cxn ang="0">
                  <a:pos x="29" y="33"/>
                </a:cxn>
                <a:cxn ang="0">
                  <a:pos x="32" y="28"/>
                </a:cxn>
                <a:cxn ang="0">
                  <a:pos x="35" y="27"/>
                </a:cxn>
                <a:cxn ang="0">
                  <a:pos x="38" y="25"/>
                </a:cxn>
                <a:cxn ang="0">
                  <a:pos x="42" y="27"/>
                </a:cxn>
                <a:cxn ang="0">
                  <a:pos x="45" y="25"/>
                </a:cxn>
                <a:cxn ang="0">
                  <a:pos x="44" y="22"/>
                </a:cxn>
                <a:cxn ang="0">
                  <a:pos x="42" y="19"/>
                </a:cxn>
                <a:cxn ang="0">
                  <a:pos x="45" y="11"/>
                </a:cxn>
                <a:cxn ang="0">
                  <a:pos x="50" y="7"/>
                </a:cxn>
                <a:cxn ang="0">
                  <a:pos x="45" y="4"/>
                </a:cxn>
                <a:cxn ang="0">
                  <a:pos x="39" y="2"/>
                </a:cxn>
                <a:cxn ang="0">
                  <a:pos x="29" y="5"/>
                </a:cxn>
                <a:cxn ang="0">
                  <a:pos x="19" y="5"/>
                </a:cxn>
                <a:cxn ang="0">
                  <a:pos x="12" y="5"/>
                </a:cxn>
                <a:cxn ang="0">
                  <a:pos x="4" y="5"/>
                </a:cxn>
                <a:cxn ang="0">
                  <a:pos x="3" y="0"/>
                </a:cxn>
                <a:cxn ang="0">
                  <a:pos x="1" y="7"/>
                </a:cxn>
                <a:cxn ang="0">
                  <a:pos x="4" y="14"/>
                </a:cxn>
                <a:cxn ang="0">
                  <a:pos x="1" y="17"/>
                </a:cxn>
                <a:cxn ang="0">
                  <a:pos x="1" y="22"/>
                </a:cxn>
              </a:cxnLst>
              <a:rect l="0" t="0" r="r" b="b"/>
              <a:pathLst>
                <a:path w="50" h="36">
                  <a:moveTo>
                    <a:pt x="1" y="22"/>
                  </a:moveTo>
                  <a:cubicBezTo>
                    <a:pt x="1" y="25"/>
                    <a:pt x="4" y="24"/>
                    <a:pt x="4" y="27"/>
                  </a:cubicBezTo>
                  <a:cubicBezTo>
                    <a:pt x="6" y="30"/>
                    <a:pt x="4" y="31"/>
                    <a:pt x="6" y="33"/>
                  </a:cubicBezTo>
                  <a:cubicBezTo>
                    <a:pt x="7" y="34"/>
                    <a:pt x="6" y="31"/>
                    <a:pt x="10" y="33"/>
                  </a:cubicBezTo>
                  <a:cubicBezTo>
                    <a:pt x="13" y="33"/>
                    <a:pt x="15" y="30"/>
                    <a:pt x="16" y="31"/>
                  </a:cubicBezTo>
                  <a:cubicBezTo>
                    <a:pt x="18" y="31"/>
                    <a:pt x="16" y="28"/>
                    <a:pt x="19" y="31"/>
                  </a:cubicBezTo>
                  <a:cubicBezTo>
                    <a:pt x="21" y="34"/>
                    <a:pt x="21" y="30"/>
                    <a:pt x="23" y="33"/>
                  </a:cubicBezTo>
                  <a:cubicBezTo>
                    <a:pt x="24" y="36"/>
                    <a:pt x="26" y="33"/>
                    <a:pt x="29" y="33"/>
                  </a:cubicBezTo>
                  <a:cubicBezTo>
                    <a:pt x="33" y="33"/>
                    <a:pt x="27" y="27"/>
                    <a:pt x="32" y="28"/>
                  </a:cubicBezTo>
                  <a:cubicBezTo>
                    <a:pt x="32" y="27"/>
                    <a:pt x="33" y="28"/>
                    <a:pt x="35" y="27"/>
                  </a:cubicBezTo>
                  <a:cubicBezTo>
                    <a:pt x="35" y="24"/>
                    <a:pt x="36" y="27"/>
                    <a:pt x="38" y="25"/>
                  </a:cubicBezTo>
                  <a:cubicBezTo>
                    <a:pt x="39" y="24"/>
                    <a:pt x="41" y="27"/>
                    <a:pt x="42" y="27"/>
                  </a:cubicBezTo>
                  <a:cubicBezTo>
                    <a:pt x="44" y="27"/>
                    <a:pt x="44" y="25"/>
                    <a:pt x="45" y="25"/>
                  </a:cubicBezTo>
                  <a:cubicBezTo>
                    <a:pt x="45" y="24"/>
                    <a:pt x="42" y="25"/>
                    <a:pt x="44" y="22"/>
                  </a:cubicBezTo>
                  <a:cubicBezTo>
                    <a:pt x="44" y="19"/>
                    <a:pt x="38" y="22"/>
                    <a:pt x="42" y="19"/>
                  </a:cubicBezTo>
                  <a:cubicBezTo>
                    <a:pt x="47" y="16"/>
                    <a:pt x="42" y="16"/>
                    <a:pt x="45" y="11"/>
                  </a:cubicBezTo>
                  <a:cubicBezTo>
                    <a:pt x="47" y="7"/>
                    <a:pt x="50" y="14"/>
                    <a:pt x="50" y="7"/>
                  </a:cubicBezTo>
                  <a:cubicBezTo>
                    <a:pt x="49" y="5"/>
                    <a:pt x="47" y="7"/>
                    <a:pt x="45" y="4"/>
                  </a:cubicBezTo>
                  <a:cubicBezTo>
                    <a:pt x="42" y="0"/>
                    <a:pt x="41" y="5"/>
                    <a:pt x="39" y="2"/>
                  </a:cubicBezTo>
                  <a:cubicBezTo>
                    <a:pt x="38" y="0"/>
                    <a:pt x="32" y="4"/>
                    <a:pt x="29" y="5"/>
                  </a:cubicBezTo>
                  <a:cubicBezTo>
                    <a:pt x="24" y="8"/>
                    <a:pt x="21" y="7"/>
                    <a:pt x="19" y="5"/>
                  </a:cubicBezTo>
                  <a:cubicBezTo>
                    <a:pt x="16" y="5"/>
                    <a:pt x="15" y="8"/>
                    <a:pt x="12" y="5"/>
                  </a:cubicBezTo>
                  <a:cubicBezTo>
                    <a:pt x="7" y="4"/>
                    <a:pt x="7" y="7"/>
                    <a:pt x="4" y="5"/>
                  </a:cubicBezTo>
                  <a:cubicBezTo>
                    <a:pt x="3" y="4"/>
                    <a:pt x="9" y="4"/>
                    <a:pt x="3" y="0"/>
                  </a:cubicBezTo>
                  <a:cubicBezTo>
                    <a:pt x="3" y="4"/>
                    <a:pt x="0" y="2"/>
                    <a:pt x="1" y="7"/>
                  </a:cubicBezTo>
                  <a:cubicBezTo>
                    <a:pt x="3" y="13"/>
                    <a:pt x="7" y="11"/>
                    <a:pt x="4" y="14"/>
                  </a:cubicBezTo>
                  <a:cubicBezTo>
                    <a:pt x="3" y="17"/>
                    <a:pt x="1" y="14"/>
                    <a:pt x="1" y="17"/>
                  </a:cubicBezTo>
                  <a:cubicBezTo>
                    <a:pt x="1" y="19"/>
                    <a:pt x="4" y="21"/>
                    <a:pt x="1" y="22"/>
                  </a:cubicBezTo>
                </a:path>
              </a:pathLst>
            </a:custGeom>
            <a:solidFill>
              <a:schemeClr val="tx2"/>
            </a:solidFill>
            <a:ln w="6350" cmpd="sng">
              <a:solidFill>
                <a:schemeClr val="bg1"/>
              </a:solidFill>
              <a:round/>
              <a:headEnd/>
              <a:tailEnd/>
            </a:ln>
          </p:spPr>
          <p:txBody>
            <a:bodyPr/>
            <a:lstStyle/>
            <a:p>
              <a:endParaRPr lang="en-GB" sz="1633" dirty="0"/>
            </a:p>
          </p:txBody>
        </p:sp>
        <p:sp>
          <p:nvSpPr>
            <p:cNvPr id="219" name="Freeform 175"/>
            <p:cNvSpPr>
              <a:spLocks/>
            </p:cNvSpPr>
            <p:nvPr/>
          </p:nvSpPr>
          <p:spPr bwMode="auto">
            <a:xfrm>
              <a:off x="5988487" y="3648044"/>
              <a:ext cx="109261" cy="149428"/>
            </a:xfrm>
            <a:custGeom>
              <a:avLst/>
              <a:gdLst/>
              <a:ahLst/>
              <a:cxnLst>
                <a:cxn ang="0">
                  <a:pos x="11" y="40"/>
                </a:cxn>
                <a:cxn ang="0">
                  <a:pos x="12" y="43"/>
                </a:cxn>
                <a:cxn ang="0">
                  <a:pos x="14" y="48"/>
                </a:cxn>
                <a:cxn ang="0">
                  <a:pos x="17" y="45"/>
                </a:cxn>
                <a:cxn ang="0">
                  <a:pos x="23" y="43"/>
                </a:cxn>
                <a:cxn ang="0">
                  <a:pos x="29" y="43"/>
                </a:cxn>
                <a:cxn ang="0">
                  <a:pos x="29" y="39"/>
                </a:cxn>
                <a:cxn ang="0">
                  <a:pos x="32" y="36"/>
                </a:cxn>
                <a:cxn ang="0">
                  <a:pos x="29" y="28"/>
                </a:cxn>
                <a:cxn ang="0">
                  <a:pos x="31" y="22"/>
                </a:cxn>
                <a:cxn ang="0">
                  <a:pos x="29" y="17"/>
                </a:cxn>
                <a:cxn ang="0">
                  <a:pos x="26" y="19"/>
                </a:cxn>
                <a:cxn ang="0">
                  <a:pos x="21" y="12"/>
                </a:cxn>
                <a:cxn ang="0">
                  <a:pos x="15" y="6"/>
                </a:cxn>
                <a:cxn ang="0">
                  <a:pos x="12" y="0"/>
                </a:cxn>
                <a:cxn ang="0">
                  <a:pos x="6" y="0"/>
                </a:cxn>
                <a:cxn ang="0">
                  <a:pos x="0" y="3"/>
                </a:cxn>
                <a:cxn ang="0">
                  <a:pos x="2" y="9"/>
                </a:cxn>
                <a:cxn ang="0">
                  <a:pos x="5" y="11"/>
                </a:cxn>
                <a:cxn ang="0">
                  <a:pos x="2" y="14"/>
                </a:cxn>
                <a:cxn ang="0">
                  <a:pos x="3" y="19"/>
                </a:cxn>
                <a:cxn ang="0">
                  <a:pos x="6" y="25"/>
                </a:cxn>
                <a:cxn ang="0">
                  <a:pos x="3" y="25"/>
                </a:cxn>
                <a:cxn ang="0">
                  <a:pos x="6" y="29"/>
                </a:cxn>
                <a:cxn ang="0">
                  <a:pos x="3" y="29"/>
                </a:cxn>
                <a:cxn ang="0">
                  <a:pos x="12" y="37"/>
                </a:cxn>
                <a:cxn ang="0">
                  <a:pos x="9" y="39"/>
                </a:cxn>
                <a:cxn ang="0">
                  <a:pos x="11" y="40"/>
                </a:cxn>
              </a:cxnLst>
              <a:rect l="0" t="0" r="r" b="b"/>
              <a:pathLst>
                <a:path w="35" h="48">
                  <a:moveTo>
                    <a:pt x="11" y="40"/>
                  </a:moveTo>
                  <a:cubicBezTo>
                    <a:pt x="12" y="42"/>
                    <a:pt x="11" y="43"/>
                    <a:pt x="12" y="43"/>
                  </a:cubicBezTo>
                  <a:cubicBezTo>
                    <a:pt x="15" y="45"/>
                    <a:pt x="14" y="46"/>
                    <a:pt x="14" y="48"/>
                  </a:cubicBezTo>
                  <a:cubicBezTo>
                    <a:pt x="17" y="48"/>
                    <a:pt x="14" y="46"/>
                    <a:pt x="17" y="45"/>
                  </a:cubicBezTo>
                  <a:cubicBezTo>
                    <a:pt x="21" y="45"/>
                    <a:pt x="20" y="43"/>
                    <a:pt x="23" y="43"/>
                  </a:cubicBezTo>
                  <a:cubicBezTo>
                    <a:pt x="26" y="45"/>
                    <a:pt x="26" y="42"/>
                    <a:pt x="29" y="43"/>
                  </a:cubicBezTo>
                  <a:cubicBezTo>
                    <a:pt x="32" y="42"/>
                    <a:pt x="29" y="40"/>
                    <a:pt x="29" y="39"/>
                  </a:cubicBezTo>
                  <a:cubicBezTo>
                    <a:pt x="29" y="36"/>
                    <a:pt x="31" y="39"/>
                    <a:pt x="32" y="36"/>
                  </a:cubicBezTo>
                  <a:cubicBezTo>
                    <a:pt x="35" y="32"/>
                    <a:pt x="31" y="34"/>
                    <a:pt x="29" y="28"/>
                  </a:cubicBezTo>
                  <a:cubicBezTo>
                    <a:pt x="28" y="23"/>
                    <a:pt x="31" y="25"/>
                    <a:pt x="31" y="22"/>
                  </a:cubicBezTo>
                  <a:cubicBezTo>
                    <a:pt x="26" y="17"/>
                    <a:pt x="35" y="20"/>
                    <a:pt x="29" y="17"/>
                  </a:cubicBezTo>
                  <a:cubicBezTo>
                    <a:pt x="28" y="15"/>
                    <a:pt x="29" y="19"/>
                    <a:pt x="26" y="19"/>
                  </a:cubicBezTo>
                  <a:cubicBezTo>
                    <a:pt x="21" y="17"/>
                    <a:pt x="20" y="14"/>
                    <a:pt x="21" y="12"/>
                  </a:cubicBezTo>
                  <a:cubicBezTo>
                    <a:pt x="23" y="9"/>
                    <a:pt x="15" y="11"/>
                    <a:pt x="15" y="6"/>
                  </a:cubicBezTo>
                  <a:cubicBezTo>
                    <a:pt x="17" y="3"/>
                    <a:pt x="14" y="3"/>
                    <a:pt x="12" y="0"/>
                  </a:cubicBezTo>
                  <a:cubicBezTo>
                    <a:pt x="9" y="0"/>
                    <a:pt x="8" y="0"/>
                    <a:pt x="6" y="0"/>
                  </a:cubicBezTo>
                  <a:cubicBezTo>
                    <a:pt x="5" y="0"/>
                    <a:pt x="5" y="1"/>
                    <a:pt x="0" y="3"/>
                  </a:cubicBezTo>
                  <a:cubicBezTo>
                    <a:pt x="2" y="5"/>
                    <a:pt x="2" y="8"/>
                    <a:pt x="2" y="9"/>
                  </a:cubicBezTo>
                  <a:cubicBezTo>
                    <a:pt x="5" y="11"/>
                    <a:pt x="6" y="9"/>
                    <a:pt x="5" y="11"/>
                  </a:cubicBezTo>
                  <a:cubicBezTo>
                    <a:pt x="5" y="12"/>
                    <a:pt x="3" y="11"/>
                    <a:pt x="2" y="14"/>
                  </a:cubicBezTo>
                  <a:cubicBezTo>
                    <a:pt x="6" y="14"/>
                    <a:pt x="5" y="14"/>
                    <a:pt x="3" y="19"/>
                  </a:cubicBezTo>
                  <a:cubicBezTo>
                    <a:pt x="2" y="22"/>
                    <a:pt x="8" y="23"/>
                    <a:pt x="6" y="25"/>
                  </a:cubicBezTo>
                  <a:cubicBezTo>
                    <a:pt x="5" y="26"/>
                    <a:pt x="5" y="23"/>
                    <a:pt x="3" y="25"/>
                  </a:cubicBezTo>
                  <a:cubicBezTo>
                    <a:pt x="3" y="25"/>
                    <a:pt x="6" y="28"/>
                    <a:pt x="6" y="29"/>
                  </a:cubicBezTo>
                  <a:cubicBezTo>
                    <a:pt x="5" y="29"/>
                    <a:pt x="5" y="28"/>
                    <a:pt x="3" y="29"/>
                  </a:cubicBezTo>
                  <a:cubicBezTo>
                    <a:pt x="6" y="34"/>
                    <a:pt x="12" y="36"/>
                    <a:pt x="12" y="37"/>
                  </a:cubicBezTo>
                  <a:cubicBezTo>
                    <a:pt x="12" y="39"/>
                    <a:pt x="8" y="39"/>
                    <a:pt x="9" y="39"/>
                  </a:cubicBezTo>
                  <a:cubicBezTo>
                    <a:pt x="11" y="40"/>
                    <a:pt x="9" y="40"/>
                    <a:pt x="11" y="40"/>
                  </a:cubicBezTo>
                </a:path>
              </a:pathLst>
            </a:custGeom>
            <a:solidFill>
              <a:schemeClr val="tx2"/>
            </a:solidFill>
            <a:ln w="6350" cmpd="sng">
              <a:solidFill>
                <a:schemeClr val="bg1"/>
              </a:solidFill>
              <a:round/>
              <a:headEnd/>
              <a:tailEnd/>
            </a:ln>
          </p:spPr>
          <p:txBody>
            <a:bodyPr/>
            <a:lstStyle/>
            <a:p>
              <a:endParaRPr lang="en-GB" sz="1633" dirty="0"/>
            </a:p>
          </p:txBody>
        </p:sp>
        <p:sp>
          <p:nvSpPr>
            <p:cNvPr id="220" name="Freeform 176"/>
            <p:cNvSpPr>
              <a:spLocks/>
            </p:cNvSpPr>
            <p:nvPr/>
          </p:nvSpPr>
          <p:spPr bwMode="auto">
            <a:xfrm>
              <a:off x="6030262" y="3779798"/>
              <a:ext cx="64271" cy="56236"/>
            </a:xfrm>
            <a:custGeom>
              <a:avLst/>
              <a:gdLst/>
              <a:ahLst/>
              <a:cxnLst>
                <a:cxn ang="0">
                  <a:pos x="1" y="6"/>
                </a:cxn>
                <a:cxn ang="0">
                  <a:pos x="1" y="9"/>
                </a:cxn>
                <a:cxn ang="0">
                  <a:pos x="1" y="12"/>
                </a:cxn>
                <a:cxn ang="0">
                  <a:pos x="4" y="17"/>
                </a:cxn>
                <a:cxn ang="0">
                  <a:pos x="4" y="18"/>
                </a:cxn>
                <a:cxn ang="0">
                  <a:pos x="15" y="14"/>
                </a:cxn>
                <a:cxn ang="0">
                  <a:pos x="21" y="12"/>
                </a:cxn>
                <a:cxn ang="0">
                  <a:pos x="19" y="6"/>
                </a:cxn>
                <a:cxn ang="0">
                  <a:pos x="16" y="2"/>
                </a:cxn>
                <a:cxn ang="0">
                  <a:pos x="10" y="2"/>
                </a:cxn>
                <a:cxn ang="0">
                  <a:pos x="4" y="3"/>
                </a:cxn>
                <a:cxn ang="0">
                  <a:pos x="1" y="6"/>
                </a:cxn>
              </a:cxnLst>
              <a:rect l="0" t="0" r="r" b="b"/>
              <a:pathLst>
                <a:path w="21" h="18">
                  <a:moveTo>
                    <a:pt x="1" y="6"/>
                  </a:moveTo>
                  <a:cubicBezTo>
                    <a:pt x="1" y="9"/>
                    <a:pt x="1" y="9"/>
                    <a:pt x="1" y="9"/>
                  </a:cubicBezTo>
                  <a:cubicBezTo>
                    <a:pt x="0" y="11"/>
                    <a:pt x="1" y="11"/>
                    <a:pt x="1" y="12"/>
                  </a:cubicBezTo>
                  <a:cubicBezTo>
                    <a:pt x="1" y="14"/>
                    <a:pt x="3" y="17"/>
                    <a:pt x="4" y="17"/>
                  </a:cubicBezTo>
                  <a:cubicBezTo>
                    <a:pt x="4" y="15"/>
                    <a:pt x="4" y="17"/>
                    <a:pt x="4" y="18"/>
                  </a:cubicBezTo>
                  <a:cubicBezTo>
                    <a:pt x="16" y="17"/>
                    <a:pt x="10" y="12"/>
                    <a:pt x="15" y="14"/>
                  </a:cubicBezTo>
                  <a:cubicBezTo>
                    <a:pt x="19" y="17"/>
                    <a:pt x="18" y="12"/>
                    <a:pt x="21" y="12"/>
                  </a:cubicBezTo>
                  <a:cubicBezTo>
                    <a:pt x="19" y="11"/>
                    <a:pt x="21" y="9"/>
                    <a:pt x="19" y="6"/>
                  </a:cubicBezTo>
                  <a:cubicBezTo>
                    <a:pt x="19" y="3"/>
                    <a:pt x="16" y="5"/>
                    <a:pt x="16" y="2"/>
                  </a:cubicBezTo>
                  <a:cubicBezTo>
                    <a:pt x="13" y="0"/>
                    <a:pt x="13" y="3"/>
                    <a:pt x="10" y="2"/>
                  </a:cubicBezTo>
                  <a:cubicBezTo>
                    <a:pt x="7" y="2"/>
                    <a:pt x="9" y="3"/>
                    <a:pt x="4" y="3"/>
                  </a:cubicBezTo>
                  <a:cubicBezTo>
                    <a:pt x="1" y="5"/>
                    <a:pt x="4" y="6"/>
                    <a:pt x="1" y="6"/>
                  </a:cubicBezTo>
                </a:path>
              </a:pathLst>
            </a:custGeom>
            <a:solidFill>
              <a:schemeClr val="accent5"/>
            </a:solidFill>
            <a:ln w="6350" cmpd="sng">
              <a:solidFill>
                <a:schemeClr val="bg1"/>
              </a:solidFill>
              <a:round/>
              <a:headEnd/>
              <a:tailEnd/>
            </a:ln>
          </p:spPr>
          <p:txBody>
            <a:bodyPr/>
            <a:lstStyle/>
            <a:p>
              <a:endParaRPr lang="en-GB" sz="1633" dirty="0"/>
            </a:p>
          </p:txBody>
        </p:sp>
        <p:sp>
          <p:nvSpPr>
            <p:cNvPr id="221" name="Freeform 177"/>
            <p:cNvSpPr>
              <a:spLocks/>
            </p:cNvSpPr>
            <p:nvPr/>
          </p:nvSpPr>
          <p:spPr bwMode="auto">
            <a:xfrm>
              <a:off x="6001340" y="3763730"/>
              <a:ext cx="43383" cy="112473"/>
            </a:xfrm>
            <a:custGeom>
              <a:avLst/>
              <a:gdLst/>
              <a:ahLst/>
              <a:cxnLst>
                <a:cxn ang="0">
                  <a:pos x="1" y="11"/>
                </a:cxn>
                <a:cxn ang="0">
                  <a:pos x="1" y="21"/>
                </a:cxn>
                <a:cxn ang="0">
                  <a:pos x="1" y="27"/>
                </a:cxn>
                <a:cxn ang="0">
                  <a:pos x="3" y="30"/>
                </a:cxn>
                <a:cxn ang="0">
                  <a:pos x="7" y="36"/>
                </a:cxn>
                <a:cxn ang="0">
                  <a:pos x="8" y="34"/>
                </a:cxn>
                <a:cxn ang="0">
                  <a:pos x="8" y="33"/>
                </a:cxn>
                <a:cxn ang="0">
                  <a:pos x="11" y="30"/>
                </a:cxn>
                <a:cxn ang="0">
                  <a:pos x="14" y="27"/>
                </a:cxn>
                <a:cxn ang="0">
                  <a:pos x="13" y="24"/>
                </a:cxn>
                <a:cxn ang="0">
                  <a:pos x="13" y="22"/>
                </a:cxn>
                <a:cxn ang="0">
                  <a:pos x="10" y="17"/>
                </a:cxn>
                <a:cxn ang="0">
                  <a:pos x="10" y="14"/>
                </a:cxn>
                <a:cxn ang="0">
                  <a:pos x="10" y="11"/>
                </a:cxn>
                <a:cxn ang="0">
                  <a:pos x="8" y="7"/>
                </a:cxn>
                <a:cxn ang="0">
                  <a:pos x="7" y="4"/>
                </a:cxn>
                <a:cxn ang="0">
                  <a:pos x="4" y="4"/>
                </a:cxn>
                <a:cxn ang="0">
                  <a:pos x="1" y="7"/>
                </a:cxn>
                <a:cxn ang="0">
                  <a:pos x="1" y="11"/>
                </a:cxn>
              </a:cxnLst>
              <a:rect l="0" t="0" r="r" b="b"/>
              <a:pathLst>
                <a:path w="14" h="36">
                  <a:moveTo>
                    <a:pt x="1" y="11"/>
                  </a:moveTo>
                  <a:cubicBezTo>
                    <a:pt x="4" y="11"/>
                    <a:pt x="1" y="21"/>
                    <a:pt x="1" y="21"/>
                  </a:cubicBezTo>
                  <a:cubicBezTo>
                    <a:pt x="3" y="22"/>
                    <a:pt x="0" y="22"/>
                    <a:pt x="1" y="27"/>
                  </a:cubicBezTo>
                  <a:cubicBezTo>
                    <a:pt x="3" y="30"/>
                    <a:pt x="0" y="27"/>
                    <a:pt x="3" y="30"/>
                  </a:cubicBezTo>
                  <a:cubicBezTo>
                    <a:pt x="7" y="33"/>
                    <a:pt x="4" y="34"/>
                    <a:pt x="7" y="36"/>
                  </a:cubicBezTo>
                  <a:cubicBezTo>
                    <a:pt x="7" y="36"/>
                    <a:pt x="8" y="36"/>
                    <a:pt x="8" y="34"/>
                  </a:cubicBezTo>
                  <a:cubicBezTo>
                    <a:pt x="8" y="33"/>
                    <a:pt x="8" y="33"/>
                    <a:pt x="8" y="33"/>
                  </a:cubicBezTo>
                  <a:cubicBezTo>
                    <a:pt x="8" y="31"/>
                    <a:pt x="11" y="33"/>
                    <a:pt x="11" y="30"/>
                  </a:cubicBezTo>
                  <a:cubicBezTo>
                    <a:pt x="11" y="25"/>
                    <a:pt x="13" y="28"/>
                    <a:pt x="14" y="27"/>
                  </a:cubicBezTo>
                  <a:cubicBezTo>
                    <a:pt x="14" y="24"/>
                    <a:pt x="13" y="24"/>
                    <a:pt x="13" y="24"/>
                  </a:cubicBezTo>
                  <a:cubicBezTo>
                    <a:pt x="13" y="22"/>
                    <a:pt x="13" y="21"/>
                    <a:pt x="13" y="22"/>
                  </a:cubicBezTo>
                  <a:cubicBezTo>
                    <a:pt x="11" y="22"/>
                    <a:pt x="10" y="19"/>
                    <a:pt x="10" y="17"/>
                  </a:cubicBezTo>
                  <a:cubicBezTo>
                    <a:pt x="10" y="16"/>
                    <a:pt x="8" y="16"/>
                    <a:pt x="10" y="14"/>
                  </a:cubicBezTo>
                  <a:cubicBezTo>
                    <a:pt x="10" y="14"/>
                    <a:pt x="10" y="14"/>
                    <a:pt x="10" y="11"/>
                  </a:cubicBezTo>
                  <a:cubicBezTo>
                    <a:pt x="10" y="10"/>
                    <a:pt x="11" y="8"/>
                    <a:pt x="8" y="7"/>
                  </a:cubicBezTo>
                  <a:cubicBezTo>
                    <a:pt x="7" y="7"/>
                    <a:pt x="8" y="5"/>
                    <a:pt x="7" y="4"/>
                  </a:cubicBezTo>
                  <a:cubicBezTo>
                    <a:pt x="4" y="5"/>
                    <a:pt x="4" y="5"/>
                    <a:pt x="4" y="4"/>
                  </a:cubicBezTo>
                  <a:cubicBezTo>
                    <a:pt x="4" y="0"/>
                    <a:pt x="3" y="5"/>
                    <a:pt x="1" y="7"/>
                  </a:cubicBezTo>
                  <a:cubicBezTo>
                    <a:pt x="0" y="10"/>
                    <a:pt x="3" y="8"/>
                    <a:pt x="1" y="11"/>
                  </a:cubicBezTo>
                </a:path>
              </a:pathLst>
            </a:custGeom>
            <a:solidFill>
              <a:schemeClr val="accent5"/>
            </a:solidFill>
            <a:ln w="6350" cmpd="sng">
              <a:solidFill>
                <a:schemeClr val="bg1"/>
              </a:solidFill>
              <a:round/>
              <a:headEnd/>
              <a:tailEnd/>
            </a:ln>
          </p:spPr>
          <p:txBody>
            <a:bodyPr/>
            <a:lstStyle/>
            <a:p>
              <a:endParaRPr lang="en-GB" sz="1633" dirty="0"/>
            </a:p>
          </p:txBody>
        </p:sp>
        <p:sp>
          <p:nvSpPr>
            <p:cNvPr id="222" name="Freeform 178"/>
            <p:cNvSpPr>
              <a:spLocks/>
            </p:cNvSpPr>
            <p:nvPr/>
          </p:nvSpPr>
          <p:spPr bwMode="auto">
            <a:xfrm>
              <a:off x="5924215" y="3554853"/>
              <a:ext cx="165499" cy="106045"/>
            </a:xfrm>
            <a:custGeom>
              <a:avLst/>
              <a:gdLst/>
              <a:ahLst/>
              <a:cxnLst>
                <a:cxn ang="0">
                  <a:pos x="21" y="33"/>
                </a:cxn>
                <a:cxn ang="0">
                  <a:pos x="27" y="30"/>
                </a:cxn>
                <a:cxn ang="0">
                  <a:pos x="33" y="30"/>
                </a:cxn>
                <a:cxn ang="0">
                  <a:pos x="36" y="30"/>
                </a:cxn>
                <a:cxn ang="0">
                  <a:pos x="36" y="28"/>
                </a:cxn>
                <a:cxn ang="0">
                  <a:pos x="39" y="28"/>
                </a:cxn>
                <a:cxn ang="0">
                  <a:pos x="44" y="22"/>
                </a:cxn>
                <a:cxn ang="0">
                  <a:pos x="46" y="17"/>
                </a:cxn>
                <a:cxn ang="0">
                  <a:pos x="49" y="11"/>
                </a:cxn>
                <a:cxn ang="0">
                  <a:pos x="53" y="8"/>
                </a:cxn>
                <a:cxn ang="0">
                  <a:pos x="53" y="8"/>
                </a:cxn>
                <a:cxn ang="0">
                  <a:pos x="52" y="7"/>
                </a:cxn>
                <a:cxn ang="0">
                  <a:pos x="47" y="4"/>
                </a:cxn>
                <a:cxn ang="0">
                  <a:pos x="44" y="4"/>
                </a:cxn>
                <a:cxn ang="0">
                  <a:pos x="41" y="2"/>
                </a:cxn>
                <a:cxn ang="0">
                  <a:pos x="36" y="2"/>
                </a:cxn>
                <a:cxn ang="0">
                  <a:pos x="33" y="5"/>
                </a:cxn>
                <a:cxn ang="0">
                  <a:pos x="30" y="7"/>
                </a:cxn>
                <a:cxn ang="0">
                  <a:pos x="27" y="7"/>
                </a:cxn>
                <a:cxn ang="0">
                  <a:pos x="21" y="8"/>
                </a:cxn>
                <a:cxn ang="0">
                  <a:pos x="21" y="10"/>
                </a:cxn>
                <a:cxn ang="0">
                  <a:pos x="15" y="11"/>
                </a:cxn>
                <a:cxn ang="0">
                  <a:pos x="8" y="8"/>
                </a:cxn>
                <a:cxn ang="0">
                  <a:pos x="8" y="11"/>
                </a:cxn>
                <a:cxn ang="0">
                  <a:pos x="3" y="11"/>
                </a:cxn>
                <a:cxn ang="0">
                  <a:pos x="5" y="14"/>
                </a:cxn>
                <a:cxn ang="0">
                  <a:pos x="3" y="16"/>
                </a:cxn>
                <a:cxn ang="0">
                  <a:pos x="3" y="19"/>
                </a:cxn>
                <a:cxn ang="0">
                  <a:pos x="0" y="20"/>
                </a:cxn>
                <a:cxn ang="0">
                  <a:pos x="3" y="25"/>
                </a:cxn>
                <a:cxn ang="0">
                  <a:pos x="11" y="31"/>
                </a:cxn>
                <a:cxn ang="0">
                  <a:pos x="18" y="34"/>
                </a:cxn>
                <a:cxn ang="0">
                  <a:pos x="21" y="33"/>
                </a:cxn>
              </a:cxnLst>
              <a:rect l="0" t="0" r="r" b="b"/>
              <a:pathLst>
                <a:path w="53" h="34">
                  <a:moveTo>
                    <a:pt x="21" y="33"/>
                  </a:moveTo>
                  <a:cubicBezTo>
                    <a:pt x="26" y="31"/>
                    <a:pt x="26" y="30"/>
                    <a:pt x="27" y="30"/>
                  </a:cubicBezTo>
                  <a:cubicBezTo>
                    <a:pt x="29" y="30"/>
                    <a:pt x="30" y="30"/>
                    <a:pt x="33" y="30"/>
                  </a:cubicBezTo>
                  <a:cubicBezTo>
                    <a:pt x="33" y="30"/>
                    <a:pt x="35" y="30"/>
                    <a:pt x="36" y="30"/>
                  </a:cubicBezTo>
                  <a:cubicBezTo>
                    <a:pt x="38" y="28"/>
                    <a:pt x="36" y="28"/>
                    <a:pt x="36" y="28"/>
                  </a:cubicBezTo>
                  <a:cubicBezTo>
                    <a:pt x="38" y="28"/>
                    <a:pt x="38" y="28"/>
                    <a:pt x="39" y="28"/>
                  </a:cubicBezTo>
                  <a:cubicBezTo>
                    <a:pt x="39" y="28"/>
                    <a:pt x="43" y="24"/>
                    <a:pt x="44" y="22"/>
                  </a:cubicBezTo>
                  <a:cubicBezTo>
                    <a:pt x="44" y="19"/>
                    <a:pt x="43" y="19"/>
                    <a:pt x="46" y="17"/>
                  </a:cubicBezTo>
                  <a:cubicBezTo>
                    <a:pt x="49" y="14"/>
                    <a:pt x="47" y="14"/>
                    <a:pt x="49" y="11"/>
                  </a:cubicBezTo>
                  <a:cubicBezTo>
                    <a:pt x="50" y="10"/>
                    <a:pt x="50" y="13"/>
                    <a:pt x="53" y="8"/>
                  </a:cubicBezTo>
                  <a:cubicBezTo>
                    <a:pt x="53" y="8"/>
                    <a:pt x="53" y="8"/>
                    <a:pt x="53" y="8"/>
                  </a:cubicBezTo>
                  <a:cubicBezTo>
                    <a:pt x="53" y="8"/>
                    <a:pt x="53" y="7"/>
                    <a:pt x="52" y="7"/>
                  </a:cubicBezTo>
                  <a:cubicBezTo>
                    <a:pt x="50" y="8"/>
                    <a:pt x="52" y="5"/>
                    <a:pt x="47" y="4"/>
                  </a:cubicBezTo>
                  <a:cubicBezTo>
                    <a:pt x="47" y="4"/>
                    <a:pt x="44" y="5"/>
                    <a:pt x="44" y="4"/>
                  </a:cubicBezTo>
                  <a:cubicBezTo>
                    <a:pt x="44" y="4"/>
                    <a:pt x="43" y="0"/>
                    <a:pt x="41" y="2"/>
                  </a:cubicBezTo>
                  <a:cubicBezTo>
                    <a:pt x="39" y="4"/>
                    <a:pt x="38" y="2"/>
                    <a:pt x="36" y="2"/>
                  </a:cubicBezTo>
                  <a:cubicBezTo>
                    <a:pt x="33" y="2"/>
                    <a:pt x="35" y="5"/>
                    <a:pt x="33" y="5"/>
                  </a:cubicBezTo>
                  <a:cubicBezTo>
                    <a:pt x="33" y="5"/>
                    <a:pt x="32" y="7"/>
                    <a:pt x="30" y="7"/>
                  </a:cubicBezTo>
                  <a:cubicBezTo>
                    <a:pt x="29" y="7"/>
                    <a:pt x="27" y="4"/>
                    <a:pt x="27" y="7"/>
                  </a:cubicBezTo>
                  <a:cubicBezTo>
                    <a:pt x="26" y="8"/>
                    <a:pt x="24" y="7"/>
                    <a:pt x="21" y="8"/>
                  </a:cubicBezTo>
                  <a:cubicBezTo>
                    <a:pt x="20" y="8"/>
                    <a:pt x="21" y="10"/>
                    <a:pt x="21" y="10"/>
                  </a:cubicBezTo>
                  <a:cubicBezTo>
                    <a:pt x="21" y="11"/>
                    <a:pt x="20" y="11"/>
                    <a:pt x="15" y="11"/>
                  </a:cubicBezTo>
                  <a:cubicBezTo>
                    <a:pt x="12" y="13"/>
                    <a:pt x="11" y="8"/>
                    <a:pt x="8" y="8"/>
                  </a:cubicBezTo>
                  <a:cubicBezTo>
                    <a:pt x="8" y="10"/>
                    <a:pt x="9" y="11"/>
                    <a:pt x="8" y="11"/>
                  </a:cubicBezTo>
                  <a:cubicBezTo>
                    <a:pt x="6" y="11"/>
                    <a:pt x="3" y="11"/>
                    <a:pt x="3" y="11"/>
                  </a:cubicBezTo>
                  <a:cubicBezTo>
                    <a:pt x="3" y="13"/>
                    <a:pt x="5" y="13"/>
                    <a:pt x="5" y="14"/>
                  </a:cubicBezTo>
                  <a:cubicBezTo>
                    <a:pt x="5" y="16"/>
                    <a:pt x="3" y="14"/>
                    <a:pt x="3" y="16"/>
                  </a:cubicBezTo>
                  <a:cubicBezTo>
                    <a:pt x="3" y="19"/>
                    <a:pt x="3" y="19"/>
                    <a:pt x="3" y="19"/>
                  </a:cubicBezTo>
                  <a:cubicBezTo>
                    <a:pt x="3" y="19"/>
                    <a:pt x="2" y="20"/>
                    <a:pt x="0" y="20"/>
                  </a:cubicBezTo>
                  <a:cubicBezTo>
                    <a:pt x="3" y="22"/>
                    <a:pt x="2" y="25"/>
                    <a:pt x="3" y="25"/>
                  </a:cubicBezTo>
                  <a:cubicBezTo>
                    <a:pt x="11" y="30"/>
                    <a:pt x="9" y="31"/>
                    <a:pt x="11" y="31"/>
                  </a:cubicBezTo>
                  <a:cubicBezTo>
                    <a:pt x="12" y="31"/>
                    <a:pt x="15" y="34"/>
                    <a:pt x="18" y="34"/>
                  </a:cubicBezTo>
                  <a:cubicBezTo>
                    <a:pt x="20" y="34"/>
                    <a:pt x="20" y="31"/>
                    <a:pt x="21" y="33"/>
                  </a:cubicBezTo>
                </a:path>
              </a:pathLst>
            </a:custGeom>
            <a:solidFill>
              <a:schemeClr val="tx2"/>
            </a:solidFill>
            <a:ln w="6350" cmpd="sng">
              <a:solidFill>
                <a:schemeClr val="bg1"/>
              </a:solidFill>
              <a:round/>
              <a:headEnd/>
              <a:tailEnd/>
            </a:ln>
          </p:spPr>
          <p:txBody>
            <a:bodyPr/>
            <a:lstStyle/>
            <a:p>
              <a:endParaRPr lang="en-GB" sz="1633" dirty="0"/>
            </a:p>
          </p:txBody>
        </p:sp>
        <p:sp>
          <p:nvSpPr>
            <p:cNvPr id="223" name="Freeform 179"/>
            <p:cNvSpPr>
              <a:spLocks/>
            </p:cNvSpPr>
            <p:nvPr/>
          </p:nvSpPr>
          <p:spPr bwMode="auto">
            <a:xfrm>
              <a:off x="5938676" y="3514684"/>
              <a:ext cx="147824" cy="77124"/>
            </a:xfrm>
            <a:custGeom>
              <a:avLst/>
              <a:gdLst/>
              <a:ahLst/>
              <a:cxnLst>
                <a:cxn ang="0">
                  <a:pos x="45" y="8"/>
                </a:cxn>
                <a:cxn ang="0">
                  <a:pos x="41" y="5"/>
                </a:cxn>
                <a:cxn ang="0">
                  <a:pos x="30" y="4"/>
                </a:cxn>
                <a:cxn ang="0">
                  <a:pos x="25" y="7"/>
                </a:cxn>
                <a:cxn ang="0">
                  <a:pos x="24" y="5"/>
                </a:cxn>
                <a:cxn ang="0">
                  <a:pos x="19" y="4"/>
                </a:cxn>
                <a:cxn ang="0">
                  <a:pos x="18" y="4"/>
                </a:cxn>
                <a:cxn ang="0">
                  <a:pos x="16" y="4"/>
                </a:cxn>
                <a:cxn ang="0">
                  <a:pos x="9" y="10"/>
                </a:cxn>
                <a:cxn ang="0">
                  <a:pos x="3" y="13"/>
                </a:cxn>
                <a:cxn ang="0">
                  <a:pos x="3" y="21"/>
                </a:cxn>
                <a:cxn ang="0">
                  <a:pos x="10" y="24"/>
                </a:cxn>
                <a:cxn ang="0">
                  <a:pos x="16" y="22"/>
                </a:cxn>
                <a:cxn ang="0">
                  <a:pos x="16" y="21"/>
                </a:cxn>
                <a:cxn ang="0">
                  <a:pos x="22" y="19"/>
                </a:cxn>
                <a:cxn ang="0">
                  <a:pos x="25" y="19"/>
                </a:cxn>
                <a:cxn ang="0">
                  <a:pos x="28" y="18"/>
                </a:cxn>
                <a:cxn ang="0">
                  <a:pos x="31" y="14"/>
                </a:cxn>
                <a:cxn ang="0">
                  <a:pos x="36" y="14"/>
                </a:cxn>
                <a:cxn ang="0">
                  <a:pos x="39" y="16"/>
                </a:cxn>
                <a:cxn ang="0">
                  <a:pos x="42" y="16"/>
                </a:cxn>
                <a:cxn ang="0">
                  <a:pos x="45" y="11"/>
                </a:cxn>
                <a:cxn ang="0">
                  <a:pos x="45" y="8"/>
                </a:cxn>
              </a:cxnLst>
              <a:rect l="0" t="0" r="r" b="b"/>
              <a:pathLst>
                <a:path w="47" h="25">
                  <a:moveTo>
                    <a:pt x="45" y="8"/>
                  </a:moveTo>
                  <a:cubicBezTo>
                    <a:pt x="41" y="7"/>
                    <a:pt x="42" y="5"/>
                    <a:pt x="41" y="5"/>
                  </a:cubicBezTo>
                  <a:cubicBezTo>
                    <a:pt x="36" y="4"/>
                    <a:pt x="31" y="4"/>
                    <a:pt x="30" y="4"/>
                  </a:cubicBezTo>
                  <a:cubicBezTo>
                    <a:pt x="27" y="4"/>
                    <a:pt x="27" y="8"/>
                    <a:pt x="25" y="7"/>
                  </a:cubicBezTo>
                  <a:cubicBezTo>
                    <a:pt x="25" y="7"/>
                    <a:pt x="24" y="7"/>
                    <a:pt x="24" y="5"/>
                  </a:cubicBezTo>
                  <a:cubicBezTo>
                    <a:pt x="25" y="2"/>
                    <a:pt x="21" y="0"/>
                    <a:pt x="19" y="4"/>
                  </a:cubicBezTo>
                  <a:cubicBezTo>
                    <a:pt x="19" y="5"/>
                    <a:pt x="18" y="5"/>
                    <a:pt x="18" y="4"/>
                  </a:cubicBezTo>
                  <a:cubicBezTo>
                    <a:pt x="18" y="4"/>
                    <a:pt x="18" y="4"/>
                    <a:pt x="16" y="4"/>
                  </a:cubicBezTo>
                  <a:cubicBezTo>
                    <a:pt x="9" y="7"/>
                    <a:pt x="13" y="8"/>
                    <a:pt x="9" y="10"/>
                  </a:cubicBezTo>
                  <a:cubicBezTo>
                    <a:pt x="6" y="11"/>
                    <a:pt x="4" y="8"/>
                    <a:pt x="3" y="13"/>
                  </a:cubicBezTo>
                  <a:cubicBezTo>
                    <a:pt x="1" y="16"/>
                    <a:pt x="0" y="16"/>
                    <a:pt x="3" y="21"/>
                  </a:cubicBezTo>
                  <a:cubicBezTo>
                    <a:pt x="6" y="21"/>
                    <a:pt x="7" y="25"/>
                    <a:pt x="10" y="24"/>
                  </a:cubicBezTo>
                  <a:cubicBezTo>
                    <a:pt x="15" y="24"/>
                    <a:pt x="16" y="24"/>
                    <a:pt x="16" y="22"/>
                  </a:cubicBezTo>
                  <a:cubicBezTo>
                    <a:pt x="16" y="22"/>
                    <a:pt x="15" y="21"/>
                    <a:pt x="16" y="21"/>
                  </a:cubicBezTo>
                  <a:cubicBezTo>
                    <a:pt x="19" y="19"/>
                    <a:pt x="21" y="21"/>
                    <a:pt x="22" y="19"/>
                  </a:cubicBezTo>
                  <a:cubicBezTo>
                    <a:pt x="22" y="16"/>
                    <a:pt x="24" y="19"/>
                    <a:pt x="25" y="19"/>
                  </a:cubicBezTo>
                  <a:cubicBezTo>
                    <a:pt x="27" y="19"/>
                    <a:pt x="28" y="18"/>
                    <a:pt x="28" y="18"/>
                  </a:cubicBezTo>
                  <a:cubicBezTo>
                    <a:pt x="30" y="18"/>
                    <a:pt x="28" y="14"/>
                    <a:pt x="31" y="14"/>
                  </a:cubicBezTo>
                  <a:cubicBezTo>
                    <a:pt x="33" y="14"/>
                    <a:pt x="34" y="16"/>
                    <a:pt x="36" y="14"/>
                  </a:cubicBezTo>
                  <a:cubicBezTo>
                    <a:pt x="38" y="13"/>
                    <a:pt x="39" y="16"/>
                    <a:pt x="39" y="16"/>
                  </a:cubicBezTo>
                  <a:cubicBezTo>
                    <a:pt x="39" y="18"/>
                    <a:pt x="42" y="16"/>
                    <a:pt x="42" y="16"/>
                  </a:cubicBezTo>
                  <a:cubicBezTo>
                    <a:pt x="44" y="11"/>
                    <a:pt x="45" y="13"/>
                    <a:pt x="45" y="11"/>
                  </a:cubicBezTo>
                  <a:cubicBezTo>
                    <a:pt x="45" y="10"/>
                    <a:pt x="47" y="10"/>
                    <a:pt x="45" y="8"/>
                  </a:cubicBezTo>
                </a:path>
              </a:pathLst>
            </a:custGeom>
            <a:solidFill>
              <a:schemeClr val="tx2"/>
            </a:solidFill>
            <a:ln w="6350" cmpd="sng">
              <a:solidFill>
                <a:schemeClr val="bg1"/>
              </a:solidFill>
              <a:round/>
              <a:headEnd/>
              <a:tailEnd/>
            </a:ln>
          </p:spPr>
          <p:txBody>
            <a:bodyPr/>
            <a:lstStyle/>
            <a:p>
              <a:endParaRPr lang="en-GB" sz="1633" dirty="0"/>
            </a:p>
          </p:txBody>
        </p:sp>
        <p:sp>
          <p:nvSpPr>
            <p:cNvPr id="224" name="Freeform 180"/>
            <p:cNvSpPr>
              <a:spLocks/>
            </p:cNvSpPr>
            <p:nvPr/>
          </p:nvSpPr>
          <p:spPr bwMode="auto">
            <a:xfrm>
              <a:off x="5858337" y="3617516"/>
              <a:ext cx="75519" cy="59450"/>
            </a:xfrm>
            <a:custGeom>
              <a:avLst/>
              <a:gdLst/>
              <a:ahLst/>
              <a:cxnLst>
                <a:cxn ang="0">
                  <a:pos x="21" y="0"/>
                </a:cxn>
                <a:cxn ang="0">
                  <a:pos x="24" y="5"/>
                </a:cxn>
                <a:cxn ang="0">
                  <a:pos x="23" y="5"/>
                </a:cxn>
                <a:cxn ang="0">
                  <a:pos x="23" y="7"/>
                </a:cxn>
                <a:cxn ang="0">
                  <a:pos x="17" y="10"/>
                </a:cxn>
                <a:cxn ang="0">
                  <a:pos x="18" y="13"/>
                </a:cxn>
                <a:cxn ang="0">
                  <a:pos x="15" y="17"/>
                </a:cxn>
                <a:cxn ang="0">
                  <a:pos x="12" y="17"/>
                </a:cxn>
                <a:cxn ang="0">
                  <a:pos x="9" y="16"/>
                </a:cxn>
                <a:cxn ang="0">
                  <a:pos x="1" y="17"/>
                </a:cxn>
                <a:cxn ang="0">
                  <a:pos x="1" y="16"/>
                </a:cxn>
                <a:cxn ang="0">
                  <a:pos x="1" y="13"/>
                </a:cxn>
                <a:cxn ang="0">
                  <a:pos x="1" y="10"/>
                </a:cxn>
                <a:cxn ang="0">
                  <a:pos x="0" y="8"/>
                </a:cxn>
                <a:cxn ang="0">
                  <a:pos x="1" y="5"/>
                </a:cxn>
                <a:cxn ang="0">
                  <a:pos x="7" y="7"/>
                </a:cxn>
                <a:cxn ang="0">
                  <a:pos x="10" y="7"/>
                </a:cxn>
                <a:cxn ang="0">
                  <a:pos x="15" y="3"/>
                </a:cxn>
                <a:cxn ang="0">
                  <a:pos x="18" y="3"/>
                </a:cxn>
                <a:cxn ang="0">
                  <a:pos x="21" y="2"/>
                </a:cxn>
                <a:cxn ang="0">
                  <a:pos x="21" y="0"/>
                </a:cxn>
              </a:cxnLst>
              <a:rect l="0" t="0" r="r" b="b"/>
              <a:pathLst>
                <a:path w="24" h="19">
                  <a:moveTo>
                    <a:pt x="21" y="0"/>
                  </a:moveTo>
                  <a:cubicBezTo>
                    <a:pt x="24" y="2"/>
                    <a:pt x="23" y="5"/>
                    <a:pt x="24" y="5"/>
                  </a:cubicBezTo>
                  <a:cubicBezTo>
                    <a:pt x="23" y="5"/>
                    <a:pt x="23" y="5"/>
                    <a:pt x="23" y="5"/>
                  </a:cubicBezTo>
                  <a:cubicBezTo>
                    <a:pt x="21" y="5"/>
                    <a:pt x="23" y="7"/>
                    <a:pt x="23" y="7"/>
                  </a:cubicBezTo>
                  <a:cubicBezTo>
                    <a:pt x="21" y="8"/>
                    <a:pt x="18" y="8"/>
                    <a:pt x="17" y="10"/>
                  </a:cubicBezTo>
                  <a:cubicBezTo>
                    <a:pt x="17" y="10"/>
                    <a:pt x="18" y="11"/>
                    <a:pt x="18" y="13"/>
                  </a:cubicBezTo>
                  <a:cubicBezTo>
                    <a:pt x="18" y="14"/>
                    <a:pt x="15" y="14"/>
                    <a:pt x="15" y="17"/>
                  </a:cubicBezTo>
                  <a:cubicBezTo>
                    <a:pt x="15" y="19"/>
                    <a:pt x="13" y="17"/>
                    <a:pt x="12" y="17"/>
                  </a:cubicBezTo>
                  <a:cubicBezTo>
                    <a:pt x="10" y="16"/>
                    <a:pt x="12" y="19"/>
                    <a:pt x="9" y="16"/>
                  </a:cubicBezTo>
                  <a:cubicBezTo>
                    <a:pt x="7" y="14"/>
                    <a:pt x="10" y="17"/>
                    <a:pt x="1" y="17"/>
                  </a:cubicBezTo>
                  <a:cubicBezTo>
                    <a:pt x="1" y="16"/>
                    <a:pt x="1" y="17"/>
                    <a:pt x="1" y="16"/>
                  </a:cubicBezTo>
                  <a:cubicBezTo>
                    <a:pt x="4" y="16"/>
                    <a:pt x="3" y="14"/>
                    <a:pt x="1" y="13"/>
                  </a:cubicBezTo>
                  <a:cubicBezTo>
                    <a:pt x="0" y="13"/>
                    <a:pt x="0" y="11"/>
                    <a:pt x="1" y="10"/>
                  </a:cubicBezTo>
                  <a:cubicBezTo>
                    <a:pt x="3" y="8"/>
                    <a:pt x="0" y="10"/>
                    <a:pt x="0" y="8"/>
                  </a:cubicBezTo>
                  <a:cubicBezTo>
                    <a:pt x="0" y="7"/>
                    <a:pt x="1" y="7"/>
                    <a:pt x="1" y="5"/>
                  </a:cubicBezTo>
                  <a:cubicBezTo>
                    <a:pt x="6" y="5"/>
                    <a:pt x="4" y="7"/>
                    <a:pt x="7" y="7"/>
                  </a:cubicBezTo>
                  <a:cubicBezTo>
                    <a:pt x="9" y="5"/>
                    <a:pt x="7" y="8"/>
                    <a:pt x="10" y="7"/>
                  </a:cubicBezTo>
                  <a:cubicBezTo>
                    <a:pt x="12" y="3"/>
                    <a:pt x="12" y="3"/>
                    <a:pt x="15" y="3"/>
                  </a:cubicBezTo>
                  <a:cubicBezTo>
                    <a:pt x="18" y="5"/>
                    <a:pt x="17" y="3"/>
                    <a:pt x="18" y="3"/>
                  </a:cubicBezTo>
                  <a:cubicBezTo>
                    <a:pt x="21" y="3"/>
                    <a:pt x="21" y="3"/>
                    <a:pt x="21" y="2"/>
                  </a:cubicBezTo>
                  <a:cubicBezTo>
                    <a:pt x="20" y="0"/>
                    <a:pt x="21" y="2"/>
                    <a:pt x="21" y="0"/>
                  </a:cubicBezTo>
                </a:path>
              </a:pathLst>
            </a:custGeom>
            <a:solidFill>
              <a:schemeClr val="tx2"/>
            </a:solidFill>
            <a:ln w="6350" cmpd="sng">
              <a:solidFill>
                <a:schemeClr val="bg1"/>
              </a:solidFill>
              <a:round/>
              <a:headEnd/>
              <a:tailEnd/>
            </a:ln>
          </p:spPr>
          <p:txBody>
            <a:bodyPr/>
            <a:lstStyle/>
            <a:p>
              <a:endParaRPr lang="en-GB" sz="1633" dirty="0"/>
            </a:p>
          </p:txBody>
        </p:sp>
        <p:sp>
          <p:nvSpPr>
            <p:cNvPr id="225" name="Freeform 181"/>
            <p:cNvSpPr>
              <a:spLocks/>
            </p:cNvSpPr>
            <p:nvPr/>
          </p:nvSpPr>
          <p:spPr bwMode="auto">
            <a:xfrm>
              <a:off x="5858337" y="3631976"/>
              <a:ext cx="152644" cy="151035"/>
            </a:xfrm>
            <a:custGeom>
              <a:avLst/>
              <a:gdLst/>
              <a:ahLst/>
              <a:cxnLst>
                <a:cxn ang="0">
                  <a:pos x="44" y="19"/>
                </a:cxn>
                <a:cxn ang="0">
                  <a:pos x="41" y="17"/>
                </a:cxn>
                <a:cxn ang="0">
                  <a:pos x="36" y="17"/>
                </a:cxn>
                <a:cxn ang="0">
                  <a:pos x="30" y="16"/>
                </a:cxn>
                <a:cxn ang="0">
                  <a:pos x="24" y="16"/>
                </a:cxn>
                <a:cxn ang="0">
                  <a:pos x="21" y="17"/>
                </a:cxn>
                <a:cxn ang="0">
                  <a:pos x="20" y="21"/>
                </a:cxn>
                <a:cxn ang="0">
                  <a:pos x="21" y="25"/>
                </a:cxn>
                <a:cxn ang="0">
                  <a:pos x="21" y="27"/>
                </a:cxn>
                <a:cxn ang="0">
                  <a:pos x="29" y="35"/>
                </a:cxn>
                <a:cxn ang="0">
                  <a:pos x="32" y="38"/>
                </a:cxn>
                <a:cxn ang="0">
                  <a:pos x="33" y="41"/>
                </a:cxn>
                <a:cxn ang="0">
                  <a:pos x="35" y="42"/>
                </a:cxn>
                <a:cxn ang="0">
                  <a:pos x="39" y="45"/>
                </a:cxn>
                <a:cxn ang="0">
                  <a:pos x="42" y="48"/>
                </a:cxn>
                <a:cxn ang="0">
                  <a:pos x="39" y="47"/>
                </a:cxn>
                <a:cxn ang="0">
                  <a:pos x="33" y="44"/>
                </a:cxn>
                <a:cxn ang="0">
                  <a:pos x="32" y="41"/>
                </a:cxn>
                <a:cxn ang="0">
                  <a:pos x="23" y="35"/>
                </a:cxn>
                <a:cxn ang="0">
                  <a:pos x="17" y="30"/>
                </a:cxn>
                <a:cxn ang="0">
                  <a:pos x="13" y="24"/>
                </a:cxn>
                <a:cxn ang="0">
                  <a:pos x="9" y="14"/>
                </a:cxn>
                <a:cxn ang="0">
                  <a:pos x="4" y="21"/>
                </a:cxn>
                <a:cxn ang="0">
                  <a:pos x="1" y="13"/>
                </a:cxn>
                <a:cxn ang="0">
                  <a:pos x="1" y="13"/>
                </a:cxn>
                <a:cxn ang="0">
                  <a:pos x="9" y="11"/>
                </a:cxn>
                <a:cxn ang="0">
                  <a:pos x="12" y="13"/>
                </a:cxn>
                <a:cxn ang="0">
                  <a:pos x="15" y="13"/>
                </a:cxn>
                <a:cxn ang="0">
                  <a:pos x="18" y="8"/>
                </a:cxn>
                <a:cxn ang="0">
                  <a:pos x="17" y="5"/>
                </a:cxn>
                <a:cxn ang="0">
                  <a:pos x="23" y="2"/>
                </a:cxn>
                <a:cxn ang="0">
                  <a:pos x="23" y="0"/>
                </a:cxn>
                <a:cxn ang="0">
                  <a:pos x="24" y="0"/>
                </a:cxn>
                <a:cxn ang="0">
                  <a:pos x="32" y="7"/>
                </a:cxn>
                <a:cxn ang="0">
                  <a:pos x="39" y="10"/>
                </a:cxn>
                <a:cxn ang="0">
                  <a:pos x="42" y="8"/>
                </a:cxn>
                <a:cxn ang="0">
                  <a:pos x="44" y="14"/>
                </a:cxn>
                <a:cxn ang="0">
                  <a:pos x="47" y="16"/>
                </a:cxn>
                <a:cxn ang="0">
                  <a:pos x="44" y="19"/>
                </a:cxn>
              </a:cxnLst>
              <a:rect l="0" t="0" r="r" b="b"/>
              <a:pathLst>
                <a:path w="49" h="48">
                  <a:moveTo>
                    <a:pt x="44" y="19"/>
                  </a:moveTo>
                  <a:cubicBezTo>
                    <a:pt x="41" y="21"/>
                    <a:pt x="42" y="16"/>
                    <a:pt x="41" y="17"/>
                  </a:cubicBezTo>
                  <a:cubicBezTo>
                    <a:pt x="39" y="17"/>
                    <a:pt x="38" y="16"/>
                    <a:pt x="36" y="17"/>
                  </a:cubicBezTo>
                  <a:cubicBezTo>
                    <a:pt x="33" y="19"/>
                    <a:pt x="32" y="16"/>
                    <a:pt x="30" y="16"/>
                  </a:cubicBezTo>
                  <a:cubicBezTo>
                    <a:pt x="29" y="17"/>
                    <a:pt x="26" y="14"/>
                    <a:pt x="24" y="16"/>
                  </a:cubicBezTo>
                  <a:cubicBezTo>
                    <a:pt x="23" y="17"/>
                    <a:pt x="23" y="19"/>
                    <a:pt x="21" y="17"/>
                  </a:cubicBezTo>
                  <a:cubicBezTo>
                    <a:pt x="18" y="13"/>
                    <a:pt x="17" y="21"/>
                    <a:pt x="20" y="21"/>
                  </a:cubicBezTo>
                  <a:cubicBezTo>
                    <a:pt x="21" y="22"/>
                    <a:pt x="21" y="24"/>
                    <a:pt x="21" y="25"/>
                  </a:cubicBezTo>
                  <a:cubicBezTo>
                    <a:pt x="23" y="25"/>
                    <a:pt x="20" y="27"/>
                    <a:pt x="21" y="27"/>
                  </a:cubicBezTo>
                  <a:cubicBezTo>
                    <a:pt x="23" y="27"/>
                    <a:pt x="27" y="35"/>
                    <a:pt x="29" y="35"/>
                  </a:cubicBezTo>
                  <a:cubicBezTo>
                    <a:pt x="30" y="36"/>
                    <a:pt x="29" y="38"/>
                    <a:pt x="32" y="38"/>
                  </a:cubicBezTo>
                  <a:cubicBezTo>
                    <a:pt x="33" y="39"/>
                    <a:pt x="33" y="41"/>
                    <a:pt x="33" y="41"/>
                  </a:cubicBezTo>
                  <a:cubicBezTo>
                    <a:pt x="33" y="42"/>
                    <a:pt x="35" y="41"/>
                    <a:pt x="35" y="42"/>
                  </a:cubicBezTo>
                  <a:cubicBezTo>
                    <a:pt x="36" y="44"/>
                    <a:pt x="38" y="45"/>
                    <a:pt x="39" y="45"/>
                  </a:cubicBezTo>
                  <a:cubicBezTo>
                    <a:pt x="39" y="47"/>
                    <a:pt x="44" y="47"/>
                    <a:pt x="42" y="48"/>
                  </a:cubicBezTo>
                  <a:cubicBezTo>
                    <a:pt x="41" y="47"/>
                    <a:pt x="41" y="47"/>
                    <a:pt x="39" y="47"/>
                  </a:cubicBezTo>
                  <a:cubicBezTo>
                    <a:pt x="38" y="48"/>
                    <a:pt x="39" y="45"/>
                    <a:pt x="33" y="44"/>
                  </a:cubicBezTo>
                  <a:cubicBezTo>
                    <a:pt x="27" y="41"/>
                    <a:pt x="27" y="39"/>
                    <a:pt x="32" y="41"/>
                  </a:cubicBezTo>
                  <a:cubicBezTo>
                    <a:pt x="29" y="38"/>
                    <a:pt x="26" y="35"/>
                    <a:pt x="23" y="35"/>
                  </a:cubicBezTo>
                  <a:cubicBezTo>
                    <a:pt x="18" y="36"/>
                    <a:pt x="23" y="35"/>
                    <a:pt x="17" y="30"/>
                  </a:cubicBezTo>
                  <a:cubicBezTo>
                    <a:pt x="10" y="25"/>
                    <a:pt x="17" y="28"/>
                    <a:pt x="13" y="24"/>
                  </a:cubicBezTo>
                  <a:cubicBezTo>
                    <a:pt x="9" y="21"/>
                    <a:pt x="13" y="19"/>
                    <a:pt x="9" y="14"/>
                  </a:cubicBezTo>
                  <a:cubicBezTo>
                    <a:pt x="6" y="13"/>
                    <a:pt x="6" y="17"/>
                    <a:pt x="4" y="21"/>
                  </a:cubicBezTo>
                  <a:cubicBezTo>
                    <a:pt x="4" y="24"/>
                    <a:pt x="0" y="14"/>
                    <a:pt x="1" y="13"/>
                  </a:cubicBezTo>
                  <a:cubicBezTo>
                    <a:pt x="1" y="13"/>
                    <a:pt x="1" y="13"/>
                    <a:pt x="1" y="13"/>
                  </a:cubicBezTo>
                  <a:cubicBezTo>
                    <a:pt x="10" y="13"/>
                    <a:pt x="7" y="10"/>
                    <a:pt x="9" y="11"/>
                  </a:cubicBezTo>
                  <a:cubicBezTo>
                    <a:pt x="12" y="14"/>
                    <a:pt x="10" y="11"/>
                    <a:pt x="12" y="13"/>
                  </a:cubicBezTo>
                  <a:cubicBezTo>
                    <a:pt x="13" y="13"/>
                    <a:pt x="15" y="14"/>
                    <a:pt x="15" y="13"/>
                  </a:cubicBezTo>
                  <a:cubicBezTo>
                    <a:pt x="15" y="10"/>
                    <a:pt x="18" y="10"/>
                    <a:pt x="18" y="8"/>
                  </a:cubicBezTo>
                  <a:cubicBezTo>
                    <a:pt x="18" y="7"/>
                    <a:pt x="17" y="5"/>
                    <a:pt x="17" y="5"/>
                  </a:cubicBezTo>
                  <a:cubicBezTo>
                    <a:pt x="18" y="4"/>
                    <a:pt x="21" y="4"/>
                    <a:pt x="23" y="2"/>
                  </a:cubicBezTo>
                  <a:cubicBezTo>
                    <a:pt x="23" y="2"/>
                    <a:pt x="21" y="0"/>
                    <a:pt x="23" y="0"/>
                  </a:cubicBezTo>
                  <a:cubicBezTo>
                    <a:pt x="24" y="0"/>
                    <a:pt x="24" y="0"/>
                    <a:pt x="24" y="0"/>
                  </a:cubicBezTo>
                  <a:cubicBezTo>
                    <a:pt x="32" y="5"/>
                    <a:pt x="30" y="7"/>
                    <a:pt x="32" y="7"/>
                  </a:cubicBezTo>
                  <a:cubicBezTo>
                    <a:pt x="33" y="7"/>
                    <a:pt x="36" y="10"/>
                    <a:pt x="39" y="10"/>
                  </a:cubicBezTo>
                  <a:cubicBezTo>
                    <a:pt x="41" y="10"/>
                    <a:pt x="41" y="7"/>
                    <a:pt x="42" y="8"/>
                  </a:cubicBezTo>
                  <a:cubicBezTo>
                    <a:pt x="44" y="10"/>
                    <a:pt x="44" y="13"/>
                    <a:pt x="44" y="14"/>
                  </a:cubicBezTo>
                  <a:cubicBezTo>
                    <a:pt x="47" y="16"/>
                    <a:pt x="49" y="14"/>
                    <a:pt x="47" y="16"/>
                  </a:cubicBezTo>
                  <a:cubicBezTo>
                    <a:pt x="47" y="17"/>
                    <a:pt x="46" y="16"/>
                    <a:pt x="44" y="19"/>
                  </a:cubicBezTo>
                </a:path>
              </a:pathLst>
            </a:custGeom>
            <a:solidFill>
              <a:schemeClr val="tx2"/>
            </a:solidFill>
            <a:ln w="6350" cmpd="sng">
              <a:solidFill>
                <a:schemeClr val="bg1"/>
              </a:solidFill>
              <a:round/>
              <a:headEnd/>
              <a:tailEnd/>
            </a:ln>
          </p:spPr>
          <p:txBody>
            <a:bodyPr/>
            <a:lstStyle/>
            <a:p>
              <a:endParaRPr lang="en-GB" sz="1633" dirty="0"/>
            </a:p>
          </p:txBody>
        </p:sp>
        <p:sp>
          <p:nvSpPr>
            <p:cNvPr id="226" name="Freeform 182"/>
            <p:cNvSpPr>
              <a:spLocks/>
            </p:cNvSpPr>
            <p:nvPr/>
          </p:nvSpPr>
          <p:spPr bwMode="auto">
            <a:xfrm>
              <a:off x="5908147" y="3670538"/>
              <a:ext cx="106047" cy="102832"/>
            </a:xfrm>
            <a:custGeom>
              <a:avLst/>
              <a:gdLst/>
              <a:ahLst/>
              <a:cxnLst>
                <a:cxn ang="0">
                  <a:pos x="29" y="22"/>
                </a:cxn>
                <a:cxn ang="0">
                  <a:pos x="33" y="22"/>
                </a:cxn>
                <a:cxn ang="0">
                  <a:pos x="29" y="18"/>
                </a:cxn>
                <a:cxn ang="0">
                  <a:pos x="33" y="18"/>
                </a:cxn>
                <a:cxn ang="0">
                  <a:pos x="29" y="11"/>
                </a:cxn>
                <a:cxn ang="0">
                  <a:pos x="28" y="7"/>
                </a:cxn>
                <a:cxn ang="0">
                  <a:pos x="25" y="5"/>
                </a:cxn>
                <a:cxn ang="0">
                  <a:pos x="20" y="5"/>
                </a:cxn>
                <a:cxn ang="0">
                  <a:pos x="14" y="4"/>
                </a:cxn>
                <a:cxn ang="0">
                  <a:pos x="8" y="4"/>
                </a:cxn>
                <a:cxn ang="0">
                  <a:pos x="5" y="5"/>
                </a:cxn>
                <a:cxn ang="0">
                  <a:pos x="3" y="8"/>
                </a:cxn>
                <a:cxn ang="0">
                  <a:pos x="5" y="13"/>
                </a:cxn>
                <a:cxn ang="0">
                  <a:pos x="5" y="15"/>
                </a:cxn>
                <a:cxn ang="0">
                  <a:pos x="13" y="22"/>
                </a:cxn>
                <a:cxn ang="0">
                  <a:pos x="16" y="26"/>
                </a:cxn>
                <a:cxn ang="0">
                  <a:pos x="17" y="29"/>
                </a:cxn>
                <a:cxn ang="0">
                  <a:pos x="19" y="30"/>
                </a:cxn>
                <a:cxn ang="0">
                  <a:pos x="23" y="33"/>
                </a:cxn>
                <a:cxn ang="0">
                  <a:pos x="25" y="29"/>
                </a:cxn>
                <a:cxn ang="0">
                  <a:pos x="26" y="26"/>
                </a:cxn>
                <a:cxn ang="0">
                  <a:pos x="28" y="26"/>
                </a:cxn>
                <a:cxn ang="0">
                  <a:pos x="29" y="22"/>
                </a:cxn>
              </a:cxnLst>
              <a:rect l="0" t="0" r="r" b="b"/>
              <a:pathLst>
                <a:path w="34" h="33">
                  <a:moveTo>
                    <a:pt x="29" y="22"/>
                  </a:moveTo>
                  <a:cubicBezTo>
                    <a:pt x="31" y="21"/>
                    <a:pt x="31" y="22"/>
                    <a:pt x="33" y="22"/>
                  </a:cubicBezTo>
                  <a:cubicBezTo>
                    <a:pt x="33" y="21"/>
                    <a:pt x="29" y="18"/>
                    <a:pt x="29" y="18"/>
                  </a:cubicBezTo>
                  <a:cubicBezTo>
                    <a:pt x="31" y="16"/>
                    <a:pt x="31" y="19"/>
                    <a:pt x="33" y="18"/>
                  </a:cubicBezTo>
                  <a:cubicBezTo>
                    <a:pt x="34" y="16"/>
                    <a:pt x="28" y="15"/>
                    <a:pt x="29" y="11"/>
                  </a:cubicBezTo>
                  <a:cubicBezTo>
                    <a:pt x="31" y="7"/>
                    <a:pt x="33" y="7"/>
                    <a:pt x="28" y="7"/>
                  </a:cubicBezTo>
                  <a:cubicBezTo>
                    <a:pt x="25" y="8"/>
                    <a:pt x="26" y="4"/>
                    <a:pt x="25" y="5"/>
                  </a:cubicBezTo>
                  <a:cubicBezTo>
                    <a:pt x="23" y="5"/>
                    <a:pt x="22" y="4"/>
                    <a:pt x="20" y="5"/>
                  </a:cubicBezTo>
                  <a:cubicBezTo>
                    <a:pt x="17" y="7"/>
                    <a:pt x="16" y="4"/>
                    <a:pt x="14" y="4"/>
                  </a:cubicBezTo>
                  <a:cubicBezTo>
                    <a:pt x="13" y="5"/>
                    <a:pt x="9" y="2"/>
                    <a:pt x="8" y="4"/>
                  </a:cubicBezTo>
                  <a:cubicBezTo>
                    <a:pt x="6" y="5"/>
                    <a:pt x="6" y="7"/>
                    <a:pt x="5" y="5"/>
                  </a:cubicBezTo>
                  <a:cubicBezTo>
                    <a:pt x="2" y="0"/>
                    <a:pt x="0" y="8"/>
                    <a:pt x="3" y="8"/>
                  </a:cubicBezTo>
                  <a:cubicBezTo>
                    <a:pt x="5" y="10"/>
                    <a:pt x="5" y="11"/>
                    <a:pt x="5" y="13"/>
                  </a:cubicBezTo>
                  <a:cubicBezTo>
                    <a:pt x="6" y="13"/>
                    <a:pt x="3" y="15"/>
                    <a:pt x="5" y="15"/>
                  </a:cubicBezTo>
                  <a:cubicBezTo>
                    <a:pt x="6" y="15"/>
                    <a:pt x="11" y="22"/>
                    <a:pt x="13" y="22"/>
                  </a:cubicBezTo>
                  <a:cubicBezTo>
                    <a:pt x="14" y="24"/>
                    <a:pt x="13" y="26"/>
                    <a:pt x="16" y="26"/>
                  </a:cubicBezTo>
                  <a:cubicBezTo>
                    <a:pt x="17" y="27"/>
                    <a:pt x="17" y="29"/>
                    <a:pt x="17" y="29"/>
                  </a:cubicBezTo>
                  <a:cubicBezTo>
                    <a:pt x="17" y="30"/>
                    <a:pt x="19" y="29"/>
                    <a:pt x="19" y="30"/>
                  </a:cubicBezTo>
                  <a:cubicBezTo>
                    <a:pt x="20" y="32"/>
                    <a:pt x="22" y="33"/>
                    <a:pt x="23" y="33"/>
                  </a:cubicBezTo>
                  <a:cubicBezTo>
                    <a:pt x="26" y="32"/>
                    <a:pt x="22" y="30"/>
                    <a:pt x="25" y="29"/>
                  </a:cubicBezTo>
                  <a:cubicBezTo>
                    <a:pt x="26" y="27"/>
                    <a:pt x="25" y="26"/>
                    <a:pt x="26" y="26"/>
                  </a:cubicBezTo>
                  <a:cubicBezTo>
                    <a:pt x="28" y="24"/>
                    <a:pt x="28" y="27"/>
                    <a:pt x="28" y="26"/>
                  </a:cubicBezTo>
                  <a:cubicBezTo>
                    <a:pt x="29" y="26"/>
                    <a:pt x="25" y="21"/>
                    <a:pt x="29" y="22"/>
                  </a:cubicBezTo>
                </a:path>
              </a:pathLst>
            </a:custGeom>
            <a:solidFill>
              <a:schemeClr val="accent5"/>
            </a:solidFill>
            <a:ln w="6350" cmpd="sng">
              <a:solidFill>
                <a:schemeClr val="bg1"/>
              </a:solidFill>
              <a:round/>
              <a:headEnd/>
              <a:tailEnd/>
            </a:ln>
          </p:spPr>
          <p:txBody>
            <a:bodyPr/>
            <a:lstStyle/>
            <a:p>
              <a:endParaRPr lang="en-GB" sz="1633" dirty="0"/>
            </a:p>
          </p:txBody>
        </p:sp>
        <p:sp>
          <p:nvSpPr>
            <p:cNvPr id="227" name="Freeform 183"/>
            <p:cNvSpPr>
              <a:spLocks/>
            </p:cNvSpPr>
            <p:nvPr/>
          </p:nvSpPr>
          <p:spPr bwMode="auto">
            <a:xfrm>
              <a:off x="5977239" y="3734809"/>
              <a:ext cx="53024" cy="62664"/>
            </a:xfrm>
            <a:custGeom>
              <a:avLst/>
              <a:gdLst/>
              <a:ahLst/>
              <a:cxnLst>
                <a:cxn ang="0">
                  <a:pos x="7" y="1"/>
                </a:cxn>
                <a:cxn ang="0">
                  <a:pos x="17" y="9"/>
                </a:cxn>
                <a:cxn ang="0">
                  <a:pos x="14" y="11"/>
                </a:cxn>
                <a:cxn ang="0">
                  <a:pos x="15" y="12"/>
                </a:cxn>
                <a:cxn ang="0">
                  <a:pos x="12" y="12"/>
                </a:cxn>
                <a:cxn ang="0">
                  <a:pos x="9" y="15"/>
                </a:cxn>
                <a:cxn ang="0">
                  <a:pos x="9" y="20"/>
                </a:cxn>
                <a:cxn ang="0">
                  <a:pos x="6" y="17"/>
                </a:cxn>
                <a:cxn ang="0">
                  <a:pos x="4" y="15"/>
                </a:cxn>
                <a:cxn ang="0">
                  <a:pos x="1" y="12"/>
                </a:cxn>
                <a:cxn ang="0">
                  <a:pos x="3" y="8"/>
                </a:cxn>
                <a:cxn ang="0">
                  <a:pos x="4" y="5"/>
                </a:cxn>
                <a:cxn ang="0">
                  <a:pos x="6" y="5"/>
                </a:cxn>
                <a:cxn ang="0">
                  <a:pos x="7" y="1"/>
                </a:cxn>
              </a:cxnLst>
              <a:rect l="0" t="0" r="r" b="b"/>
              <a:pathLst>
                <a:path w="17" h="20">
                  <a:moveTo>
                    <a:pt x="7" y="1"/>
                  </a:moveTo>
                  <a:cubicBezTo>
                    <a:pt x="10" y="6"/>
                    <a:pt x="17" y="8"/>
                    <a:pt x="17" y="9"/>
                  </a:cubicBezTo>
                  <a:cubicBezTo>
                    <a:pt x="17" y="11"/>
                    <a:pt x="12" y="11"/>
                    <a:pt x="14" y="11"/>
                  </a:cubicBezTo>
                  <a:cubicBezTo>
                    <a:pt x="15" y="12"/>
                    <a:pt x="14" y="12"/>
                    <a:pt x="15" y="12"/>
                  </a:cubicBezTo>
                  <a:cubicBezTo>
                    <a:pt x="12" y="14"/>
                    <a:pt x="12" y="14"/>
                    <a:pt x="12" y="12"/>
                  </a:cubicBezTo>
                  <a:cubicBezTo>
                    <a:pt x="12" y="9"/>
                    <a:pt x="10" y="14"/>
                    <a:pt x="9" y="15"/>
                  </a:cubicBezTo>
                  <a:cubicBezTo>
                    <a:pt x="7" y="18"/>
                    <a:pt x="10" y="17"/>
                    <a:pt x="9" y="20"/>
                  </a:cubicBezTo>
                  <a:cubicBezTo>
                    <a:pt x="6" y="20"/>
                    <a:pt x="7" y="20"/>
                    <a:pt x="6" y="17"/>
                  </a:cubicBezTo>
                  <a:cubicBezTo>
                    <a:pt x="6" y="15"/>
                    <a:pt x="4" y="15"/>
                    <a:pt x="4" y="15"/>
                  </a:cubicBezTo>
                  <a:cubicBezTo>
                    <a:pt x="6" y="14"/>
                    <a:pt x="1" y="14"/>
                    <a:pt x="1" y="12"/>
                  </a:cubicBezTo>
                  <a:cubicBezTo>
                    <a:pt x="4" y="11"/>
                    <a:pt x="0" y="9"/>
                    <a:pt x="3" y="8"/>
                  </a:cubicBezTo>
                  <a:cubicBezTo>
                    <a:pt x="4" y="6"/>
                    <a:pt x="3" y="5"/>
                    <a:pt x="4" y="5"/>
                  </a:cubicBezTo>
                  <a:cubicBezTo>
                    <a:pt x="6" y="3"/>
                    <a:pt x="6" y="6"/>
                    <a:pt x="6" y="5"/>
                  </a:cubicBezTo>
                  <a:cubicBezTo>
                    <a:pt x="7" y="5"/>
                    <a:pt x="3" y="0"/>
                    <a:pt x="7" y="1"/>
                  </a:cubicBezTo>
                </a:path>
              </a:pathLst>
            </a:custGeom>
            <a:solidFill>
              <a:schemeClr val="accent5"/>
            </a:solidFill>
            <a:ln w="6350" cmpd="sng">
              <a:solidFill>
                <a:schemeClr val="bg1"/>
              </a:solidFill>
              <a:round/>
              <a:headEnd/>
              <a:tailEnd/>
            </a:ln>
          </p:spPr>
          <p:txBody>
            <a:bodyPr/>
            <a:lstStyle/>
            <a:p>
              <a:endParaRPr lang="en-GB" sz="1633" dirty="0"/>
            </a:p>
          </p:txBody>
        </p:sp>
        <p:sp>
          <p:nvSpPr>
            <p:cNvPr id="228" name="Freeform 184"/>
            <p:cNvSpPr>
              <a:spLocks noEditPoints="1"/>
            </p:cNvSpPr>
            <p:nvPr/>
          </p:nvSpPr>
          <p:spPr bwMode="auto">
            <a:xfrm>
              <a:off x="5724975" y="3206187"/>
              <a:ext cx="179959" cy="130147"/>
            </a:xfrm>
            <a:custGeom>
              <a:avLst/>
              <a:gdLst/>
              <a:ahLst/>
              <a:cxnLst>
                <a:cxn ang="0">
                  <a:pos x="4" y="33"/>
                </a:cxn>
                <a:cxn ang="0">
                  <a:pos x="1" y="30"/>
                </a:cxn>
                <a:cxn ang="0">
                  <a:pos x="0" y="19"/>
                </a:cxn>
                <a:cxn ang="0">
                  <a:pos x="16" y="3"/>
                </a:cxn>
                <a:cxn ang="0">
                  <a:pos x="20" y="5"/>
                </a:cxn>
                <a:cxn ang="0">
                  <a:pos x="18" y="11"/>
                </a:cxn>
                <a:cxn ang="0">
                  <a:pos x="20" y="17"/>
                </a:cxn>
                <a:cxn ang="0">
                  <a:pos x="21" y="21"/>
                </a:cxn>
                <a:cxn ang="0">
                  <a:pos x="18" y="19"/>
                </a:cxn>
                <a:cxn ang="0">
                  <a:pos x="15" y="25"/>
                </a:cxn>
                <a:cxn ang="0">
                  <a:pos x="12" y="30"/>
                </a:cxn>
                <a:cxn ang="0">
                  <a:pos x="12" y="35"/>
                </a:cxn>
                <a:cxn ang="0">
                  <a:pos x="15" y="38"/>
                </a:cxn>
                <a:cxn ang="0">
                  <a:pos x="10" y="38"/>
                </a:cxn>
                <a:cxn ang="0">
                  <a:pos x="4" y="38"/>
                </a:cxn>
                <a:cxn ang="0">
                  <a:pos x="53" y="31"/>
                </a:cxn>
                <a:cxn ang="0">
                  <a:pos x="53" y="31"/>
                </a:cxn>
                <a:cxn ang="0">
                  <a:pos x="24" y="7"/>
                </a:cxn>
                <a:cxn ang="0">
                  <a:pos x="21" y="30"/>
                </a:cxn>
                <a:cxn ang="0">
                  <a:pos x="18" y="28"/>
                </a:cxn>
                <a:cxn ang="0">
                  <a:pos x="13" y="30"/>
                </a:cxn>
                <a:cxn ang="0">
                  <a:pos x="16" y="33"/>
                </a:cxn>
                <a:cxn ang="0">
                  <a:pos x="21" y="35"/>
                </a:cxn>
                <a:cxn ang="0">
                  <a:pos x="20" y="27"/>
                </a:cxn>
                <a:cxn ang="0">
                  <a:pos x="20" y="27"/>
                </a:cxn>
                <a:cxn ang="0">
                  <a:pos x="21" y="36"/>
                </a:cxn>
                <a:cxn ang="0">
                  <a:pos x="23" y="35"/>
                </a:cxn>
                <a:cxn ang="0">
                  <a:pos x="30" y="39"/>
                </a:cxn>
                <a:cxn ang="0">
                  <a:pos x="26" y="36"/>
                </a:cxn>
                <a:cxn ang="0">
                  <a:pos x="29" y="41"/>
                </a:cxn>
                <a:cxn ang="0">
                  <a:pos x="32" y="38"/>
                </a:cxn>
                <a:cxn ang="0">
                  <a:pos x="32" y="35"/>
                </a:cxn>
                <a:cxn ang="0">
                  <a:pos x="33" y="31"/>
                </a:cxn>
                <a:cxn ang="0">
                  <a:pos x="36" y="24"/>
                </a:cxn>
                <a:cxn ang="0">
                  <a:pos x="30" y="24"/>
                </a:cxn>
                <a:cxn ang="0">
                  <a:pos x="29" y="25"/>
                </a:cxn>
                <a:cxn ang="0">
                  <a:pos x="26" y="24"/>
                </a:cxn>
                <a:cxn ang="0">
                  <a:pos x="23" y="27"/>
                </a:cxn>
                <a:cxn ang="0">
                  <a:pos x="24" y="31"/>
                </a:cxn>
                <a:cxn ang="0">
                  <a:pos x="27" y="33"/>
                </a:cxn>
                <a:cxn ang="0">
                  <a:pos x="29" y="35"/>
                </a:cxn>
                <a:cxn ang="0">
                  <a:pos x="30" y="38"/>
                </a:cxn>
                <a:cxn ang="0">
                  <a:pos x="32" y="39"/>
                </a:cxn>
                <a:cxn ang="0">
                  <a:pos x="35" y="36"/>
                </a:cxn>
              </a:cxnLst>
              <a:rect l="0" t="0" r="r" b="b"/>
              <a:pathLst>
                <a:path w="58" h="42">
                  <a:moveTo>
                    <a:pt x="3" y="35"/>
                  </a:moveTo>
                  <a:cubicBezTo>
                    <a:pt x="3" y="31"/>
                    <a:pt x="4" y="36"/>
                    <a:pt x="4" y="33"/>
                  </a:cubicBezTo>
                  <a:cubicBezTo>
                    <a:pt x="4" y="30"/>
                    <a:pt x="3" y="31"/>
                    <a:pt x="3" y="30"/>
                  </a:cubicBezTo>
                  <a:cubicBezTo>
                    <a:pt x="1" y="28"/>
                    <a:pt x="3" y="31"/>
                    <a:pt x="1" y="30"/>
                  </a:cubicBezTo>
                  <a:cubicBezTo>
                    <a:pt x="0" y="28"/>
                    <a:pt x="0" y="30"/>
                    <a:pt x="0" y="28"/>
                  </a:cubicBezTo>
                  <a:cubicBezTo>
                    <a:pt x="1" y="25"/>
                    <a:pt x="0" y="24"/>
                    <a:pt x="0" y="19"/>
                  </a:cubicBezTo>
                  <a:cubicBezTo>
                    <a:pt x="1" y="14"/>
                    <a:pt x="1" y="8"/>
                    <a:pt x="7" y="8"/>
                  </a:cubicBezTo>
                  <a:cubicBezTo>
                    <a:pt x="13" y="10"/>
                    <a:pt x="13" y="3"/>
                    <a:pt x="16" y="3"/>
                  </a:cubicBezTo>
                  <a:cubicBezTo>
                    <a:pt x="20" y="3"/>
                    <a:pt x="20" y="0"/>
                    <a:pt x="20" y="0"/>
                  </a:cubicBezTo>
                  <a:cubicBezTo>
                    <a:pt x="21" y="2"/>
                    <a:pt x="18" y="2"/>
                    <a:pt x="20" y="5"/>
                  </a:cubicBezTo>
                  <a:cubicBezTo>
                    <a:pt x="20" y="7"/>
                    <a:pt x="20" y="8"/>
                    <a:pt x="20" y="8"/>
                  </a:cubicBezTo>
                  <a:cubicBezTo>
                    <a:pt x="18" y="10"/>
                    <a:pt x="18" y="10"/>
                    <a:pt x="18" y="11"/>
                  </a:cubicBezTo>
                  <a:cubicBezTo>
                    <a:pt x="16" y="13"/>
                    <a:pt x="20" y="14"/>
                    <a:pt x="18" y="16"/>
                  </a:cubicBezTo>
                  <a:cubicBezTo>
                    <a:pt x="16" y="17"/>
                    <a:pt x="18" y="16"/>
                    <a:pt x="20" y="17"/>
                  </a:cubicBezTo>
                  <a:cubicBezTo>
                    <a:pt x="20" y="17"/>
                    <a:pt x="24" y="16"/>
                    <a:pt x="23" y="19"/>
                  </a:cubicBezTo>
                  <a:cubicBezTo>
                    <a:pt x="23" y="21"/>
                    <a:pt x="21" y="22"/>
                    <a:pt x="21" y="21"/>
                  </a:cubicBezTo>
                  <a:cubicBezTo>
                    <a:pt x="20" y="21"/>
                    <a:pt x="20" y="22"/>
                    <a:pt x="20" y="22"/>
                  </a:cubicBezTo>
                  <a:cubicBezTo>
                    <a:pt x="18" y="21"/>
                    <a:pt x="20" y="19"/>
                    <a:pt x="18" y="19"/>
                  </a:cubicBezTo>
                  <a:cubicBezTo>
                    <a:pt x="16" y="19"/>
                    <a:pt x="18" y="24"/>
                    <a:pt x="16" y="25"/>
                  </a:cubicBezTo>
                  <a:cubicBezTo>
                    <a:pt x="16" y="27"/>
                    <a:pt x="13" y="24"/>
                    <a:pt x="15" y="25"/>
                  </a:cubicBezTo>
                  <a:cubicBezTo>
                    <a:pt x="16" y="27"/>
                    <a:pt x="13" y="27"/>
                    <a:pt x="13" y="28"/>
                  </a:cubicBezTo>
                  <a:cubicBezTo>
                    <a:pt x="15" y="28"/>
                    <a:pt x="10" y="28"/>
                    <a:pt x="12" y="30"/>
                  </a:cubicBezTo>
                  <a:cubicBezTo>
                    <a:pt x="12" y="31"/>
                    <a:pt x="12" y="31"/>
                    <a:pt x="12" y="31"/>
                  </a:cubicBezTo>
                  <a:cubicBezTo>
                    <a:pt x="13" y="33"/>
                    <a:pt x="10" y="33"/>
                    <a:pt x="12" y="35"/>
                  </a:cubicBezTo>
                  <a:cubicBezTo>
                    <a:pt x="12" y="36"/>
                    <a:pt x="12" y="35"/>
                    <a:pt x="15" y="36"/>
                  </a:cubicBezTo>
                  <a:cubicBezTo>
                    <a:pt x="16" y="38"/>
                    <a:pt x="15" y="38"/>
                    <a:pt x="15" y="38"/>
                  </a:cubicBezTo>
                  <a:cubicBezTo>
                    <a:pt x="13" y="36"/>
                    <a:pt x="13" y="38"/>
                    <a:pt x="13" y="38"/>
                  </a:cubicBezTo>
                  <a:cubicBezTo>
                    <a:pt x="12" y="38"/>
                    <a:pt x="12" y="36"/>
                    <a:pt x="10" y="38"/>
                  </a:cubicBezTo>
                  <a:cubicBezTo>
                    <a:pt x="10" y="38"/>
                    <a:pt x="9" y="38"/>
                    <a:pt x="7" y="38"/>
                  </a:cubicBezTo>
                  <a:cubicBezTo>
                    <a:pt x="6" y="36"/>
                    <a:pt x="6" y="38"/>
                    <a:pt x="4" y="38"/>
                  </a:cubicBezTo>
                  <a:cubicBezTo>
                    <a:pt x="4" y="31"/>
                    <a:pt x="3" y="36"/>
                    <a:pt x="3" y="35"/>
                  </a:cubicBezTo>
                  <a:close/>
                  <a:moveTo>
                    <a:pt x="53" y="31"/>
                  </a:moveTo>
                  <a:cubicBezTo>
                    <a:pt x="55" y="31"/>
                    <a:pt x="58" y="35"/>
                    <a:pt x="56" y="36"/>
                  </a:cubicBezTo>
                  <a:cubicBezTo>
                    <a:pt x="53" y="36"/>
                    <a:pt x="52" y="33"/>
                    <a:pt x="53" y="31"/>
                  </a:cubicBezTo>
                  <a:close/>
                  <a:moveTo>
                    <a:pt x="23" y="7"/>
                  </a:moveTo>
                  <a:cubicBezTo>
                    <a:pt x="23" y="7"/>
                    <a:pt x="26" y="7"/>
                    <a:pt x="24" y="7"/>
                  </a:cubicBezTo>
                  <a:cubicBezTo>
                    <a:pt x="24" y="8"/>
                    <a:pt x="23" y="8"/>
                    <a:pt x="23" y="7"/>
                  </a:cubicBezTo>
                  <a:close/>
                  <a:moveTo>
                    <a:pt x="21" y="30"/>
                  </a:moveTo>
                  <a:cubicBezTo>
                    <a:pt x="20" y="28"/>
                    <a:pt x="20" y="28"/>
                    <a:pt x="20" y="28"/>
                  </a:cubicBezTo>
                  <a:cubicBezTo>
                    <a:pt x="20" y="30"/>
                    <a:pt x="20" y="30"/>
                    <a:pt x="18" y="28"/>
                  </a:cubicBezTo>
                  <a:cubicBezTo>
                    <a:pt x="18" y="28"/>
                    <a:pt x="15" y="30"/>
                    <a:pt x="13" y="30"/>
                  </a:cubicBezTo>
                  <a:cubicBezTo>
                    <a:pt x="13" y="28"/>
                    <a:pt x="12" y="30"/>
                    <a:pt x="13" y="30"/>
                  </a:cubicBezTo>
                  <a:cubicBezTo>
                    <a:pt x="15" y="31"/>
                    <a:pt x="15" y="31"/>
                    <a:pt x="15" y="33"/>
                  </a:cubicBezTo>
                  <a:cubicBezTo>
                    <a:pt x="15" y="35"/>
                    <a:pt x="15" y="33"/>
                    <a:pt x="16" y="33"/>
                  </a:cubicBezTo>
                  <a:cubicBezTo>
                    <a:pt x="16" y="35"/>
                    <a:pt x="15" y="35"/>
                    <a:pt x="16" y="35"/>
                  </a:cubicBezTo>
                  <a:cubicBezTo>
                    <a:pt x="20" y="35"/>
                    <a:pt x="20" y="36"/>
                    <a:pt x="21" y="35"/>
                  </a:cubicBezTo>
                  <a:cubicBezTo>
                    <a:pt x="23" y="33"/>
                    <a:pt x="21" y="31"/>
                    <a:pt x="21" y="30"/>
                  </a:cubicBezTo>
                  <a:close/>
                  <a:moveTo>
                    <a:pt x="20" y="27"/>
                  </a:moveTo>
                  <a:cubicBezTo>
                    <a:pt x="20" y="25"/>
                    <a:pt x="20" y="24"/>
                    <a:pt x="20" y="24"/>
                  </a:cubicBezTo>
                  <a:cubicBezTo>
                    <a:pt x="21" y="25"/>
                    <a:pt x="20" y="27"/>
                    <a:pt x="20" y="27"/>
                  </a:cubicBezTo>
                  <a:close/>
                  <a:moveTo>
                    <a:pt x="23" y="35"/>
                  </a:moveTo>
                  <a:cubicBezTo>
                    <a:pt x="23" y="35"/>
                    <a:pt x="21" y="35"/>
                    <a:pt x="21" y="36"/>
                  </a:cubicBezTo>
                  <a:cubicBezTo>
                    <a:pt x="21" y="36"/>
                    <a:pt x="20" y="38"/>
                    <a:pt x="20" y="39"/>
                  </a:cubicBezTo>
                  <a:cubicBezTo>
                    <a:pt x="21" y="41"/>
                    <a:pt x="21" y="36"/>
                    <a:pt x="23" y="35"/>
                  </a:cubicBezTo>
                  <a:close/>
                  <a:moveTo>
                    <a:pt x="29" y="41"/>
                  </a:moveTo>
                  <a:cubicBezTo>
                    <a:pt x="30" y="41"/>
                    <a:pt x="30" y="39"/>
                    <a:pt x="30" y="39"/>
                  </a:cubicBezTo>
                  <a:cubicBezTo>
                    <a:pt x="29" y="38"/>
                    <a:pt x="29" y="36"/>
                    <a:pt x="29" y="38"/>
                  </a:cubicBezTo>
                  <a:cubicBezTo>
                    <a:pt x="29" y="38"/>
                    <a:pt x="27" y="38"/>
                    <a:pt x="26" y="36"/>
                  </a:cubicBezTo>
                  <a:cubicBezTo>
                    <a:pt x="24" y="36"/>
                    <a:pt x="24" y="38"/>
                    <a:pt x="24" y="38"/>
                  </a:cubicBezTo>
                  <a:cubicBezTo>
                    <a:pt x="23" y="39"/>
                    <a:pt x="27" y="41"/>
                    <a:pt x="29" y="41"/>
                  </a:cubicBezTo>
                  <a:close/>
                  <a:moveTo>
                    <a:pt x="32" y="39"/>
                  </a:moveTo>
                  <a:cubicBezTo>
                    <a:pt x="33" y="38"/>
                    <a:pt x="32" y="38"/>
                    <a:pt x="32" y="38"/>
                  </a:cubicBezTo>
                  <a:cubicBezTo>
                    <a:pt x="30" y="36"/>
                    <a:pt x="30" y="36"/>
                    <a:pt x="32" y="36"/>
                  </a:cubicBezTo>
                  <a:cubicBezTo>
                    <a:pt x="32" y="36"/>
                    <a:pt x="33" y="36"/>
                    <a:pt x="32" y="35"/>
                  </a:cubicBezTo>
                  <a:cubicBezTo>
                    <a:pt x="32" y="33"/>
                    <a:pt x="32" y="33"/>
                    <a:pt x="33" y="33"/>
                  </a:cubicBezTo>
                  <a:cubicBezTo>
                    <a:pt x="35" y="33"/>
                    <a:pt x="35" y="31"/>
                    <a:pt x="33" y="31"/>
                  </a:cubicBezTo>
                  <a:cubicBezTo>
                    <a:pt x="32" y="30"/>
                    <a:pt x="33" y="28"/>
                    <a:pt x="35" y="28"/>
                  </a:cubicBezTo>
                  <a:cubicBezTo>
                    <a:pt x="36" y="28"/>
                    <a:pt x="35" y="25"/>
                    <a:pt x="36" y="24"/>
                  </a:cubicBezTo>
                  <a:cubicBezTo>
                    <a:pt x="36" y="22"/>
                    <a:pt x="35" y="22"/>
                    <a:pt x="33" y="22"/>
                  </a:cubicBezTo>
                  <a:cubicBezTo>
                    <a:pt x="32" y="21"/>
                    <a:pt x="30" y="24"/>
                    <a:pt x="30" y="24"/>
                  </a:cubicBezTo>
                  <a:cubicBezTo>
                    <a:pt x="30" y="25"/>
                    <a:pt x="30" y="25"/>
                    <a:pt x="30" y="27"/>
                  </a:cubicBezTo>
                  <a:cubicBezTo>
                    <a:pt x="30" y="28"/>
                    <a:pt x="29" y="27"/>
                    <a:pt x="29" y="25"/>
                  </a:cubicBezTo>
                  <a:cubicBezTo>
                    <a:pt x="29" y="25"/>
                    <a:pt x="30" y="24"/>
                    <a:pt x="29" y="24"/>
                  </a:cubicBezTo>
                  <a:cubicBezTo>
                    <a:pt x="27" y="25"/>
                    <a:pt x="26" y="24"/>
                    <a:pt x="26" y="24"/>
                  </a:cubicBezTo>
                  <a:cubicBezTo>
                    <a:pt x="24" y="24"/>
                    <a:pt x="29" y="24"/>
                    <a:pt x="26" y="27"/>
                  </a:cubicBezTo>
                  <a:cubicBezTo>
                    <a:pt x="24" y="27"/>
                    <a:pt x="23" y="27"/>
                    <a:pt x="23" y="27"/>
                  </a:cubicBezTo>
                  <a:cubicBezTo>
                    <a:pt x="21" y="27"/>
                    <a:pt x="24" y="28"/>
                    <a:pt x="24" y="28"/>
                  </a:cubicBezTo>
                  <a:cubicBezTo>
                    <a:pt x="24" y="30"/>
                    <a:pt x="26" y="30"/>
                    <a:pt x="24" y="31"/>
                  </a:cubicBezTo>
                  <a:cubicBezTo>
                    <a:pt x="23" y="31"/>
                    <a:pt x="26" y="31"/>
                    <a:pt x="26" y="33"/>
                  </a:cubicBezTo>
                  <a:cubicBezTo>
                    <a:pt x="26" y="35"/>
                    <a:pt x="26" y="33"/>
                    <a:pt x="27" y="33"/>
                  </a:cubicBezTo>
                  <a:cubicBezTo>
                    <a:pt x="29" y="35"/>
                    <a:pt x="29" y="33"/>
                    <a:pt x="29" y="35"/>
                  </a:cubicBezTo>
                  <a:cubicBezTo>
                    <a:pt x="29" y="36"/>
                    <a:pt x="29" y="35"/>
                    <a:pt x="29" y="35"/>
                  </a:cubicBezTo>
                  <a:cubicBezTo>
                    <a:pt x="27" y="36"/>
                    <a:pt x="30" y="36"/>
                    <a:pt x="29" y="36"/>
                  </a:cubicBezTo>
                  <a:cubicBezTo>
                    <a:pt x="29" y="36"/>
                    <a:pt x="29" y="38"/>
                    <a:pt x="30" y="38"/>
                  </a:cubicBezTo>
                  <a:cubicBezTo>
                    <a:pt x="30" y="39"/>
                    <a:pt x="30" y="41"/>
                    <a:pt x="32" y="41"/>
                  </a:cubicBezTo>
                  <a:cubicBezTo>
                    <a:pt x="32" y="42"/>
                    <a:pt x="32" y="39"/>
                    <a:pt x="32" y="39"/>
                  </a:cubicBezTo>
                  <a:close/>
                  <a:moveTo>
                    <a:pt x="33" y="36"/>
                  </a:moveTo>
                  <a:cubicBezTo>
                    <a:pt x="33" y="36"/>
                    <a:pt x="33" y="35"/>
                    <a:pt x="35" y="36"/>
                  </a:cubicBezTo>
                  <a:cubicBezTo>
                    <a:pt x="36" y="36"/>
                    <a:pt x="32" y="38"/>
                    <a:pt x="33" y="36"/>
                  </a:cubicBezTo>
                  <a:close/>
                </a:path>
              </a:pathLst>
            </a:custGeom>
            <a:solidFill>
              <a:schemeClr val="tx2"/>
            </a:solidFill>
            <a:ln w="6350" cmpd="sng">
              <a:solidFill>
                <a:schemeClr val="bg1"/>
              </a:solidFill>
              <a:round/>
              <a:headEnd/>
              <a:tailEnd/>
            </a:ln>
          </p:spPr>
          <p:txBody>
            <a:bodyPr/>
            <a:lstStyle/>
            <a:p>
              <a:endParaRPr lang="en-GB" sz="1633" dirty="0"/>
            </a:p>
          </p:txBody>
        </p:sp>
        <p:sp>
          <p:nvSpPr>
            <p:cNvPr id="229" name="Freeform 185"/>
            <p:cNvSpPr>
              <a:spLocks noEditPoints="1"/>
            </p:cNvSpPr>
            <p:nvPr/>
          </p:nvSpPr>
          <p:spPr bwMode="auto">
            <a:xfrm>
              <a:off x="5668736" y="3318660"/>
              <a:ext cx="229770" cy="286002"/>
            </a:xfrm>
            <a:custGeom>
              <a:avLst/>
              <a:gdLst/>
              <a:ahLst/>
              <a:cxnLst>
                <a:cxn ang="0">
                  <a:pos x="56" y="81"/>
                </a:cxn>
                <a:cxn ang="0">
                  <a:pos x="57" y="90"/>
                </a:cxn>
                <a:cxn ang="0">
                  <a:pos x="51" y="87"/>
                </a:cxn>
                <a:cxn ang="0">
                  <a:pos x="41" y="90"/>
                </a:cxn>
                <a:cxn ang="0">
                  <a:pos x="36" y="92"/>
                </a:cxn>
                <a:cxn ang="0">
                  <a:pos x="26" y="89"/>
                </a:cxn>
                <a:cxn ang="0">
                  <a:pos x="20" y="89"/>
                </a:cxn>
                <a:cxn ang="0">
                  <a:pos x="18" y="73"/>
                </a:cxn>
                <a:cxn ang="0">
                  <a:pos x="9" y="70"/>
                </a:cxn>
                <a:cxn ang="0">
                  <a:pos x="6" y="62"/>
                </a:cxn>
                <a:cxn ang="0">
                  <a:pos x="4" y="55"/>
                </a:cxn>
                <a:cxn ang="0">
                  <a:pos x="1" y="48"/>
                </a:cxn>
                <a:cxn ang="0">
                  <a:pos x="3" y="42"/>
                </a:cxn>
                <a:cxn ang="0">
                  <a:pos x="7" y="36"/>
                </a:cxn>
                <a:cxn ang="0">
                  <a:pos x="7" y="30"/>
                </a:cxn>
                <a:cxn ang="0">
                  <a:pos x="12" y="22"/>
                </a:cxn>
                <a:cxn ang="0">
                  <a:pos x="15" y="16"/>
                </a:cxn>
                <a:cxn ang="0">
                  <a:pos x="21" y="17"/>
                </a:cxn>
                <a:cxn ang="0">
                  <a:pos x="23" y="14"/>
                </a:cxn>
                <a:cxn ang="0">
                  <a:pos x="26" y="13"/>
                </a:cxn>
                <a:cxn ang="0">
                  <a:pos x="24" y="10"/>
                </a:cxn>
                <a:cxn ang="0">
                  <a:pos x="26" y="5"/>
                </a:cxn>
                <a:cxn ang="0">
                  <a:pos x="26" y="2"/>
                </a:cxn>
                <a:cxn ang="0">
                  <a:pos x="32" y="2"/>
                </a:cxn>
                <a:cxn ang="0">
                  <a:pos x="33" y="7"/>
                </a:cxn>
                <a:cxn ang="0">
                  <a:pos x="41" y="8"/>
                </a:cxn>
                <a:cxn ang="0">
                  <a:pos x="39" y="13"/>
                </a:cxn>
                <a:cxn ang="0">
                  <a:pos x="48" y="10"/>
                </a:cxn>
                <a:cxn ang="0">
                  <a:pos x="56" y="7"/>
                </a:cxn>
                <a:cxn ang="0">
                  <a:pos x="64" y="11"/>
                </a:cxn>
                <a:cxn ang="0">
                  <a:pos x="67" y="16"/>
                </a:cxn>
                <a:cxn ang="0">
                  <a:pos x="68" y="28"/>
                </a:cxn>
                <a:cxn ang="0">
                  <a:pos x="70" y="41"/>
                </a:cxn>
                <a:cxn ang="0">
                  <a:pos x="68" y="48"/>
                </a:cxn>
                <a:cxn ang="0">
                  <a:pos x="54" y="56"/>
                </a:cxn>
                <a:cxn ang="0">
                  <a:pos x="56" y="67"/>
                </a:cxn>
                <a:cxn ang="0">
                  <a:pos x="61" y="80"/>
                </a:cxn>
                <a:cxn ang="0">
                  <a:pos x="64" y="11"/>
                </a:cxn>
                <a:cxn ang="0">
                  <a:pos x="64" y="14"/>
                </a:cxn>
                <a:cxn ang="0">
                  <a:pos x="67" y="13"/>
                </a:cxn>
                <a:cxn ang="0">
                  <a:pos x="44" y="7"/>
                </a:cxn>
                <a:cxn ang="0">
                  <a:pos x="61" y="10"/>
                </a:cxn>
                <a:cxn ang="0">
                  <a:pos x="62" y="8"/>
                </a:cxn>
                <a:cxn ang="0">
                  <a:pos x="59" y="3"/>
                </a:cxn>
                <a:cxn ang="0">
                  <a:pos x="59" y="5"/>
                </a:cxn>
                <a:cxn ang="0">
                  <a:pos x="59" y="10"/>
                </a:cxn>
              </a:cxnLst>
              <a:rect l="0" t="0" r="r" b="b"/>
              <a:pathLst>
                <a:path w="74" h="92">
                  <a:moveTo>
                    <a:pt x="61" y="80"/>
                  </a:moveTo>
                  <a:cubicBezTo>
                    <a:pt x="61" y="81"/>
                    <a:pt x="59" y="80"/>
                    <a:pt x="56" y="81"/>
                  </a:cubicBezTo>
                  <a:cubicBezTo>
                    <a:pt x="54" y="84"/>
                    <a:pt x="59" y="86"/>
                    <a:pt x="57" y="86"/>
                  </a:cubicBezTo>
                  <a:cubicBezTo>
                    <a:pt x="54" y="87"/>
                    <a:pt x="59" y="89"/>
                    <a:pt x="57" y="90"/>
                  </a:cubicBezTo>
                  <a:cubicBezTo>
                    <a:pt x="56" y="92"/>
                    <a:pt x="56" y="87"/>
                    <a:pt x="54" y="89"/>
                  </a:cubicBezTo>
                  <a:cubicBezTo>
                    <a:pt x="53" y="89"/>
                    <a:pt x="51" y="86"/>
                    <a:pt x="51" y="87"/>
                  </a:cubicBezTo>
                  <a:cubicBezTo>
                    <a:pt x="50" y="90"/>
                    <a:pt x="48" y="87"/>
                    <a:pt x="47" y="89"/>
                  </a:cubicBezTo>
                  <a:cubicBezTo>
                    <a:pt x="44" y="90"/>
                    <a:pt x="42" y="92"/>
                    <a:pt x="41" y="90"/>
                  </a:cubicBezTo>
                  <a:cubicBezTo>
                    <a:pt x="41" y="89"/>
                    <a:pt x="39" y="90"/>
                    <a:pt x="38" y="89"/>
                  </a:cubicBezTo>
                  <a:cubicBezTo>
                    <a:pt x="36" y="89"/>
                    <a:pt x="38" y="92"/>
                    <a:pt x="36" y="92"/>
                  </a:cubicBezTo>
                  <a:cubicBezTo>
                    <a:pt x="35" y="92"/>
                    <a:pt x="33" y="87"/>
                    <a:pt x="30" y="90"/>
                  </a:cubicBezTo>
                  <a:cubicBezTo>
                    <a:pt x="29" y="89"/>
                    <a:pt x="27" y="87"/>
                    <a:pt x="26" y="89"/>
                  </a:cubicBezTo>
                  <a:cubicBezTo>
                    <a:pt x="24" y="89"/>
                    <a:pt x="24" y="86"/>
                    <a:pt x="23" y="87"/>
                  </a:cubicBezTo>
                  <a:cubicBezTo>
                    <a:pt x="20" y="87"/>
                    <a:pt x="23" y="89"/>
                    <a:pt x="20" y="89"/>
                  </a:cubicBezTo>
                  <a:cubicBezTo>
                    <a:pt x="16" y="89"/>
                    <a:pt x="16" y="90"/>
                    <a:pt x="13" y="89"/>
                  </a:cubicBezTo>
                  <a:cubicBezTo>
                    <a:pt x="13" y="76"/>
                    <a:pt x="21" y="73"/>
                    <a:pt x="18" y="73"/>
                  </a:cubicBezTo>
                  <a:cubicBezTo>
                    <a:pt x="16" y="72"/>
                    <a:pt x="15" y="70"/>
                    <a:pt x="12" y="72"/>
                  </a:cubicBezTo>
                  <a:cubicBezTo>
                    <a:pt x="9" y="72"/>
                    <a:pt x="10" y="70"/>
                    <a:pt x="9" y="70"/>
                  </a:cubicBezTo>
                  <a:cubicBezTo>
                    <a:pt x="6" y="70"/>
                    <a:pt x="7" y="67"/>
                    <a:pt x="4" y="67"/>
                  </a:cubicBezTo>
                  <a:cubicBezTo>
                    <a:pt x="4" y="64"/>
                    <a:pt x="7" y="64"/>
                    <a:pt x="6" y="62"/>
                  </a:cubicBezTo>
                  <a:cubicBezTo>
                    <a:pt x="6" y="62"/>
                    <a:pt x="3" y="62"/>
                    <a:pt x="3" y="58"/>
                  </a:cubicBezTo>
                  <a:cubicBezTo>
                    <a:pt x="7" y="55"/>
                    <a:pt x="3" y="56"/>
                    <a:pt x="4" y="55"/>
                  </a:cubicBezTo>
                  <a:cubicBezTo>
                    <a:pt x="4" y="53"/>
                    <a:pt x="3" y="53"/>
                    <a:pt x="1" y="52"/>
                  </a:cubicBezTo>
                  <a:cubicBezTo>
                    <a:pt x="1" y="52"/>
                    <a:pt x="4" y="50"/>
                    <a:pt x="1" y="48"/>
                  </a:cubicBezTo>
                  <a:cubicBezTo>
                    <a:pt x="0" y="48"/>
                    <a:pt x="3" y="48"/>
                    <a:pt x="3" y="47"/>
                  </a:cubicBezTo>
                  <a:cubicBezTo>
                    <a:pt x="3" y="45"/>
                    <a:pt x="4" y="45"/>
                    <a:pt x="3" y="42"/>
                  </a:cubicBezTo>
                  <a:cubicBezTo>
                    <a:pt x="1" y="39"/>
                    <a:pt x="1" y="38"/>
                    <a:pt x="4" y="39"/>
                  </a:cubicBezTo>
                  <a:cubicBezTo>
                    <a:pt x="6" y="39"/>
                    <a:pt x="9" y="38"/>
                    <a:pt x="7" y="36"/>
                  </a:cubicBezTo>
                  <a:cubicBezTo>
                    <a:pt x="6" y="36"/>
                    <a:pt x="10" y="34"/>
                    <a:pt x="10" y="33"/>
                  </a:cubicBezTo>
                  <a:cubicBezTo>
                    <a:pt x="10" y="30"/>
                    <a:pt x="7" y="33"/>
                    <a:pt x="7" y="30"/>
                  </a:cubicBezTo>
                  <a:cubicBezTo>
                    <a:pt x="7" y="28"/>
                    <a:pt x="7" y="28"/>
                    <a:pt x="9" y="28"/>
                  </a:cubicBezTo>
                  <a:cubicBezTo>
                    <a:pt x="10" y="30"/>
                    <a:pt x="10" y="28"/>
                    <a:pt x="12" y="22"/>
                  </a:cubicBezTo>
                  <a:cubicBezTo>
                    <a:pt x="12" y="21"/>
                    <a:pt x="9" y="22"/>
                    <a:pt x="10" y="19"/>
                  </a:cubicBezTo>
                  <a:cubicBezTo>
                    <a:pt x="10" y="16"/>
                    <a:pt x="12" y="16"/>
                    <a:pt x="15" y="16"/>
                  </a:cubicBezTo>
                  <a:cubicBezTo>
                    <a:pt x="21" y="16"/>
                    <a:pt x="16" y="17"/>
                    <a:pt x="20" y="19"/>
                  </a:cubicBezTo>
                  <a:cubicBezTo>
                    <a:pt x="21" y="21"/>
                    <a:pt x="18" y="17"/>
                    <a:pt x="21" y="17"/>
                  </a:cubicBezTo>
                  <a:cubicBezTo>
                    <a:pt x="23" y="17"/>
                    <a:pt x="21" y="21"/>
                    <a:pt x="23" y="21"/>
                  </a:cubicBezTo>
                  <a:cubicBezTo>
                    <a:pt x="24" y="19"/>
                    <a:pt x="21" y="13"/>
                    <a:pt x="23" y="14"/>
                  </a:cubicBezTo>
                  <a:cubicBezTo>
                    <a:pt x="26" y="14"/>
                    <a:pt x="27" y="14"/>
                    <a:pt x="29" y="16"/>
                  </a:cubicBezTo>
                  <a:cubicBezTo>
                    <a:pt x="30" y="17"/>
                    <a:pt x="29" y="14"/>
                    <a:pt x="26" y="13"/>
                  </a:cubicBezTo>
                  <a:cubicBezTo>
                    <a:pt x="24" y="13"/>
                    <a:pt x="24" y="13"/>
                    <a:pt x="26" y="11"/>
                  </a:cubicBezTo>
                  <a:cubicBezTo>
                    <a:pt x="27" y="11"/>
                    <a:pt x="23" y="11"/>
                    <a:pt x="24" y="10"/>
                  </a:cubicBezTo>
                  <a:cubicBezTo>
                    <a:pt x="26" y="8"/>
                    <a:pt x="23" y="10"/>
                    <a:pt x="23" y="8"/>
                  </a:cubicBezTo>
                  <a:cubicBezTo>
                    <a:pt x="23" y="7"/>
                    <a:pt x="27" y="8"/>
                    <a:pt x="26" y="5"/>
                  </a:cubicBezTo>
                  <a:cubicBezTo>
                    <a:pt x="24" y="3"/>
                    <a:pt x="23" y="3"/>
                    <a:pt x="23" y="2"/>
                  </a:cubicBezTo>
                  <a:cubicBezTo>
                    <a:pt x="24" y="2"/>
                    <a:pt x="24" y="0"/>
                    <a:pt x="26" y="2"/>
                  </a:cubicBezTo>
                  <a:cubicBezTo>
                    <a:pt x="27" y="2"/>
                    <a:pt x="29" y="2"/>
                    <a:pt x="29" y="2"/>
                  </a:cubicBezTo>
                  <a:cubicBezTo>
                    <a:pt x="30" y="3"/>
                    <a:pt x="30" y="2"/>
                    <a:pt x="32" y="2"/>
                  </a:cubicBezTo>
                  <a:cubicBezTo>
                    <a:pt x="33" y="3"/>
                    <a:pt x="33" y="2"/>
                    <a:pt x="33" y="3"/>
                  </a:cubicBezTo>
                  <a:cubicBezTo>
                    <a:pt x="35" y="7"/>
                    <a:pt x="32" y="7"/>
                    <a:pt x="33" y="7"/>
                  </a:cubicBezTo>
                  <a:cubicBezTo>
                    <a:pt x="35" y="7"/>
                    <a:pt x="35" y="8"/>
                    <a:pt x="36" y="7"/>
                  </a:cubicBezTo>
                  <a:cubicBezTo>
                    <a:pt x="38" y="7"/>
                    <a:pt x="36" y="10"/>
                    <a:pt x="41" y="8"/>
                  </a:cubicBezTo>
                  <a:cubicBezTo>
                    <a:pt x="44" y="7"/>
                    <a:pt x="42" y="8"/>
                    <a:pt x="42" y="10"/>
                  </a:cubicBezTo>
                  <a:cubicBezTo>
                    <a:pt x="44" y="11"/>
                    <a:pt x="39" y="11"/>
                    <a:pt x="39" y="13"/>
                  </a:cubicBezTo>
                  <a:cubicBezTo>
                    <a:pt x="41" y="14"/>
                    <a:pt x="42" y="11"/>
                    <a:pt x="44" y="13"/>
                  </a:cubicBezTo>
                  <a:cubicBezTo>
                    <a:pt x="47" y="14"/>
                    <a:pt x="44" y="10"/>
                    <a:pt x="48" y="10"/>
                  </a:cubicBezTo>
                  <a:cubicBezTo>
                    <a:pt x="51" y="10"/>
                    <a:pt x="53" y="7"/>
                    <a:pt x="53" y="7"/>
                  </a:cubicBezTo>
                  <a:cubicBezTo>
                    <a:pt x="54" y="5"/>
                    <a:pt x="54" y="8"/>
                    <a:pt x="56" y="7"/>
                  </a:cubicBezTo>
                  <a:cubicBezTo>
                    <a:pt x="57" y="7"/>
                    <a:pt x="56" y="8"/>
                    <a:pt x="59" y="10"/>
                  </a:cubicBezTo>
                  <a:cubicBezTo>
                    <a:pt x="61" y="13"/>
                    <a:pt x="64" y="10"/>
                    <a:pt x="64" y="11"/>
                  </a:cubicBezTo>
                  <a:cubicBezTo>
                    <a:pt x="64" y="13"/>
                    <a:pt x="64" y="13"/>
                    <a:pt x="64" y="13"/>
                  </a:cubicBezTo>
                  <a:cubicBezTo>
                    <a:pt x="64" y="14"/>
                    <a:pt x="64" y="16"/>
                    <a:pt x="67" y="16"/>
                  </a:cubicBezTo>
                  <a:cubicBezTo>
                    <a:pt x="67" y="16"/>
                    <a:pt x="67" y="16"/>
                    <a:pt x="67" y="16"/>
                  </a:cubicBezTo>
                  <a:cubicBezTo>
                    <a:pt x="70" y="24"/>
                    <a:pt x="64" y="25"/>
                    <a:pt x="68" y="28"/>
                  </a:cubicBezTo>
                  <a:cubicBezTo>
                    <a:pt x="73" y="31"/>
                    <a:pt x="68" y="31"/>
                    <a:pt x="70" y="33"/>
                  </a:cubicBezTo>
                  <a:cubicBezTo>
                    <a:pt x="73" y="38"/>
                    <a:pt x="70" y="38"/>
                    <a:pt x="70" y="41"/>
                  </a:cubicBezTo>
                  <a:cubicBezTo>
                    <a:pt x="71" y="45"/>
                    <a:pt x="74" y="41"/>
                    <a:pt x="73" y="50"/>
                  </a:cubicBezTo>
                  <a:cubicBezTo>
                    <a:pt x="70" y="52"/>
                    <a:pt x="68" y="48"/>
                    <a:pt x="68" y="48"/>
                  </a:cubicBezTo>
                  <a:cubicBezTo>
                    <a:pt x="67" y="48"/>
                    <a:pt x="70" y="50"/>
                    <a:pt x="65" y="52"/>
                  </a:cubicBezTo>
                  <a:cubicBezTo>
                    <a:pt x="61" y="52"/>
                    <a:pt x="59" y="55"/>
                    <a:pt x="54" y="56"/>
                  </a:cubicBezTo>
                  <a:cubicBezTo>
                    <a:pt x="51" y="58"/>
                    <a:pt x="50" y="58"/>
                    <a:pt x="51" y="61"/>
                  </a:cubicBezTo>
                  <a:cubicBezTo>
                    <a:pt x="54" y="64"/>
                    <a:pt x="50" y="66"/>
                    <a:pt x="56" y="67"/>
                  </a:cubicBezTo>
                  <a:cubicBezTo>
                    <a:pt x="59" y="69"/>
                    <a:pt x="59" y="72"/>
                    <a:pt x="64" y="75"/>
                  </a:cubicBezTo>
                  <a:cubicBezTo>
                    <a:pt x="64" y="80"/>
                    <a:pt x="61" y="76"/>
                    <a:pt x="61" y="80"/>
                  </a:cubicBezTo>
                  <a:close/>
                  <a:moveTo>
                    <a:pt x="67" y="13"/>
                  </a:moveTo>
                  <a:cubicBezTo>
                    <a:pt x="65" y="13"/>
                    <a:pt x="65" y="11"/>
                    <a:pt x="64" y="11"/>
                  </a:cubicBezTo>
                  <a:cubicBezTo>
                    <a:pt x="64" y="10"/>
                    <a:pt x="64" y="13"/>
                    <a:pt x="65" y="13"/>
                  </a:cubicBezTo>
                  <a:cubicBezTo>
                    <a:pt x="65" y="14"/>
                    <a:pt x="64" y="14"/>
                    <a:pt x="64" y="14"/>
                  </a:cubicBezTo>
                  <a:cubicBezTo>
                    <a:pt x="65" y="14"/>
                    <a:pt x="67" y="14"/>
                    <a:pt x="67" y="14"/>
                  </a:cubicBezTo>
                  <a:cubicBezTo>
                    <a:pt x="67" y="13"/>
                    <a:pt x="67" y="13"/>
                    <a:pt x="67" y="13"/>
                  </a:cubicBezTo>
                  <a:close/>
                  <a:moveTo>
                    <a:pt x="42" y="7"/>
                  </a:moveTo>
                  <a:cubicBezTo>
                    <a:pt x="42" y="5"/>
                    <a:pt x="44" y="7"/>
                    <a:pt x="44" y="7"/>
                  </a:cubicBezTo>
                  <a:cubicBezTo>
                    <a:pt x="44" y="8"/>
                    <a:pt x="41" y="7"/>
                    <a:pt x="42" y="7"/>
                  </a:cubicBezTo>
                  <a:close/>
                  <a:moveTo>
                    <a:pt x="61" y="10"/>
                  </a:moveTo>
                  <a:cubicBezTo>
                    <a:pt x="61" y="8"/>
                    <a:pt x="61" y="7"/>
                    <a:pt x="62" y="8"/>
                  </a:cubicBezTo>
                  <a:cubicBezTo>
                    <a:pt x="64" y="10"/>
                    <a:pt x="64" y="8"/>
                    <a:pt x="62" y="8"/>
                  </a:cubicBezTo>
                  <a:cubicBezTo>
                    <a:pt x="61" y="7"/>
                    <a:pt x="64" y="5"/>
                    <a:pt x="62" y="5"/>
                  </a:cubicBezTo>
                  <a:cubicBezTo>
                    <a:pt x="61" y="5"/>
                    <a:pt x="61" y="3"/>
                    <a:pt x="59" y="3"/>
                  </a:cubicBezTo>
                  <a:cubicBezTo>
                    <a:pt x="57" y="5"/>
                    <a:pt x="61" y="5"/>
                    <a:pt x="61" y="7"/>
                  </a:cubicBezTo>
                  <a:cubicBezTo>
                    <a:pt x="59" y="5"/>
                    <a:pt x="59" y="5"/>
                    <a:pt x="59" y="5"/>
                  </a:cubicBezTo>
                  <a:cubicBezTo>
                    <a:pt x="57" y="5"/>
                    <a:pt x="59" y="7"/>
                    <a:pt x="59" y="8"/>
                  </a:cubicBezTo>
                  <a:cubicBezTo>
                    <a:pt x="57" y="8"/>
                    <a:pt x="59" y="8"/>
                    <a:pt x="59" y="10"/>
                  </a:cubicBezTo>
                  <a:cubicBezTo>
                    <a:pt x="61" y="10"/>
                    <a:pt x="61" y="10"/>
                    <a:pt x="61" y="10"/>
                  </a:cubicBezTo>
                  <a:close/>
                </a:path>
              </a:pathLst>
            </a:custGeom>
            <a:solidFill>
              <a:schemeClr val="tx2"/>
            </a:solidFill>
            <a:ln w="6350" cmpd="sng">
              <a:solidFill>
                <a:schemeClr val="bg1"/>
              </a:solidFill>
              <a:round/>
              <a:headEnd/>
              <a:tailEnd/>
            </a:ln>
          </p:spPr>
          <p:txBody>
            <a:bodyPr/>
            <a:lstStyle/>
            <a:p>
              <a:endParaRPr lang="en-GB" sz="1633" dirty="0"/>
            </a:p>
          </p:txBody>
        </p:sp>
        <p:sp>
          <p:nvSpPr>
            <p:cNvPr id="230" name="Freeform 186"/>
            <p:cNvSpPr>
              <a:spLocks/>
            </p:cNvSpPr>
            <p:nvPr/>
          </p:nvSpPr>
          <p:spPr bwMode="auto">
            <a:xfrm>
              <a:off x="5612499" y="3376503"/>
              <a:ext cx="93193" cy="99618"/>
            </a:xfrm>
            <a:custGeom>
              <a:avLst/>
              <a:gdLst/>
              <a:ahLst/>
              <a:cxnLst>
                <a:cxn ang="0">
                  <a:pos x="27" y="9"/>
                </a:cxn>
                <a:cxn ang="0">
                  <a:pos x="25" y="11"/>
                </a:cxn>
                <a:cxn ang="0">
                  <a:pos x="28" y="14"/>
                </a:cxn>
                <a:cxn ang="0">
                  <a:pos x="25" y="17"/>
                </a:cxn>
                <a:cxn ang="0">
                  <a:pos x="22" y="20"/>
                </a:cxn>
                <a:cxn ang="0">
                  <a:pos x="21" y="23"/>
                </a:cxn>
                <a:cxn ang="0">
                  <a:pos x="21" y="28"/>
                </a:cxn>
                <a:cxn ang="0">
                  <a:pos x="19" y="29"/>
                </a:cxn>
                <a:cxn ang="0">
                  <a:pos x="19" y="32"/>
                </a:cxn>
                <a:cxn ang="0">
                  <a:pos x="16" y="26"/>
                </a:cxn>
                <a:cxn ang="0">
                  <a:pos x="12" y="25"/>
                </a:cxn>
                <a:cxn ang="0">
                  <a:pos x="9" y="25"/>
                </a:cxn>
                <a:cxn ang="0">
                  <a:pos x="7" y="25"/>
                </a:cxn>
                <a:cxn ang="0">
                  <a:pos x="4" y="26"/>
                </a:cxn>
                <a:cxn ang="0">
                  <a:pos x="1" y="26"/>
                </a:cxn>
                <a:cxn ang="0">
                  <a:pos x="0" y="25"/>
                </a:cxn>
                <a:cxn ang="0">
                  <a:pos x="1" y="26"/>
                </a:cxn>
                <a:cxn ang="0">
                  <a:pos x="4" y="25"/>
                </a:cxn>
                <a:cxn ang="0">
                  <a:pos x="4" y="25"/>
                </a:cxn>
                <a:cxn ang="0">
                  <a:pos x="0" y="23"/>
                </a:cxn>
                <a:cxn ang="0">
                  <a:pos x="4" y="23"/>
                </a:cxn>
                <a:cxn ang="0">
                  <a:pos x="1" y="22"/>
                </a:cxn>
                <a:cxn ang="0">
                  <a:pos x="4" y="18"/>
                </a:cxn>
                <a:cxn ang="0">
                  <a:pos x="7" y="14"/>
                </a:cxn>
                <a:cxn ang="0">
                  <a:pos x="10" y="6"/>
                </a:cxn>
                <a:cxn ang="0">
                  <a:pos x="12" y="8"/>
                </a:cxn>
                <a:cxn ang="0">
                  <a:pos x="13" y="9"/>
                </a:cxn>
                <a:cxn ang="0">
                  <a:pos x="13" y="14"/>
                </a:cxn>
                <a:cxn ang="0">
                  <a:pos x="16" y="11"/>
                </a:cxn>
                <a:cxn ang="0">
                  <a:pos x="16" y="8"/>
                </a:cxn>
                <a:cxn ang="0">
                  <a:pos x="15" y="5"/>
                </a:cxn>
                <a:cxn ang="0">
                  <a:pos x="19" y="0"/>
                </a:cxn>
                <a:cxn ang="0">
                  <a:pos x="27" y="1"/>
                </a:cxn>
                <a:cxn ang="0">
                  <a:pos x="30" y="3"/>
                </a:cxn>
                <a:cxn ang="0">
                  <a:pos x="27" y="9"/>
                </a:cxn>
              </a:cxnLst>
              <a:rect l="0" t="0" r="r" b="b"/>
              <a:pathLst>
                <a:path w="30" h="32">
                  <a:moveTo>
                    <a:pt x="27" y="9"/>
                  </a:moveTo>
                  <a:cubicBezTo>
                    <a:pt x="25" y="9"/>
                    <a:pt x="25" y="9"/>
                    <a:pt x="25" y="11"/>
                  </a:cubicBezTo>
                  <a:cubicBezTo>
                    <a:pt x="25" y="14"/>
                    <a:pt x="28" y="11"/>
                    <a:pt x="28" y="14"/>
                  </a:cubicBezTo>
                  <a:cubicBezTo>
                    <a:pt x="28" y="15"/>
                    <a:pt x="24" y="17"/>
                    <a:pt x="25" y="17"/>
                  </a:cubicBezTo>
                  <a:cubicBezTo>
                    <a:pt x="27" y="18"/>
                    <a:pt x="24" y="20"/>
                    <a:pt x="22" y="20"/>
                  </a:cubicBezTo>
                  <a:cubicBezTo>
                    <a:pt x="19" y="18"/>
                    <a:pt x="19" y="20"/>
                    <a:pt x="21" y="23"/>
                  </a:cubicBezTo>
                  <a:cubicBezTo>
                    <a:pt x="22" y="26"/>
                    <a:pt x="21" y="26"/>
                    <a:pt x="21" y="28"/>
                  </a:cubicBezTo>
                  <a:cubicBezTo>
                    <a:pt x="21" y="29"/>
                    <a:pt x="18" y="29"/>
                    <a:pt x="19" y="29"/>
                  </a:cubicBezTo>
                  <a:cubicBezTo>
                    <a:pt x="22" y="31"/>
                    <a:pt x="19" y="32"/>
                    <a:pt x="19" y="32"/>
                  </a:cubicBezTo>
                  <a:cubicBezTo>
                    <a:pt x="13" y="32"/>
                    <a:pt x="22" y="28"/>
                    <a:pt x="16" y="26"/>
                  </a:cubicBezTo>
                  <a:cubicBezTo>
                    <a:pt x="12" y="26"/>
                    <a:pt x="13" y="23"/>
                    <a:pt x="12" y="25"/>
                  </a:cubicBezTo>
                  <a:cubicBezTo>
                    <a:pt x="10" y="25"/>
                    <a:pt x="12" y="23"/>
                    <a:pt x="9" y="25"/>
                  </a:cubicBezTo>
                  <a:cubicBezTo>
                    <a:pt x="7" y="25"/>
                    <a:pt x="9" y="23"/>
                    <a:pt x="7" y="25"/>
                  </a:cubicBezTo>
                  <a:cubicBezTo>
                    <a:pt x="7" y="26"/>
                    <a:pt x="6" y="25"/>
                    <a:pt x="4" y="26"/>
                  </a:cubicBezTo>
                  <a:cubicBezTo>
                    <a:pt x="3" y="28"/>
                    <a:pt x="1" y="26"/>
                    <a:pt x="1" y="26"/>
                  </a:cubicBezTo>
                  <a:cubicBezTo>
                    <a:pt x="0" y="26"/>
                    <a:pt x="0" y="26"/>
                    <a:pt x="0" y="25"/>
                  </a:cubicBezTo>
                  <a:cubicBezTo>
                    <a:pt x="1" y="25"/>
                    <a:pt x="1" y="25"/>
                    <a:pt x="1" y="26"/>
                  </a:cubicBezTo>
                  <a:cubicBezTo>
                    <a:pt x="3" y="26"/>
                    <a:pt x="4" y="25"/>
                    <a:pt x="4" y="25"/>
                  </a:cubicBezTo>
                  <a:cubicBezTo>
                    <a:pt x="6" y="25"/>
                    <a:pt x="4" y="23"/>
                    <a:pt x="4" y="25"/>
                  </a:cubicBezTo>
                  <a:cubicBezTo>
                    <a:pt x="3" y="25"/>
                    <a:pt x="0" y="23"/>
                    <a:pt x="0" y="23"/>
                  </a:cubicBezTo>
                  <a:cubicBezTo>
                    <a:pt x="1" y="22"/>
                    <a:pt x="1" y="23"/>
                    <a:pt x="4" y="23"/>
                  </a:cubicBezTo>
                  <a:cubicBezTo>
                    <a:pt x="9" y="22"/>
                    <a:pt x="3" y="22"/>
                    <a:pt x="1" y="22"/>
                  </a:cubicBezTo>
                  <a:cubicBezTo>
                    <a:pt x="1" y="20"/>
                    <a:pt x="6" y="20"/>
                    <a:pt x="4" y="18"/>
                  </a:cubicBezTo>
                  <a:cubicBezTo>
                    <a:pt x="4" y="17"/>
                    <a:pt x="6" y="20"/>
                    <a:pt x="7" y="14"/>
                  </a:cubicBezTo>
                  <a:cubicBezTo>
                    <a:pt x="10" y="9"/>
                    <a:pt x="9" y="5"/>
                    <a:pt x="10" y="6"/>
                  </a:cubicBezTo>
                  <a:cubicBezTo>
                    <a:pt x="15" y="5"/>
                    <a:pt x="12" y="6"/>
                    <a:pt x="12" y="8"/>
                  </a:cubicBezTo>
                  <a:cubicBezTo>
                    <a:pt x="12" y="9"/>
                    <a:pt x="15" y="9"/>
                    <a:pt x="13" y="9"/>
                  </a:cubicBezTo>
                  <a:cubicBezTo>
                    <a:pt x="12" y="11"/>
                    <a:pt x="12" y="12"/>
                    <a:pt x="13" y="14"/>
                  </a:cubicBezTo>
                  <a:cubicBezTo>
                    <a:pt x="16" y="15"/>
                    <a:pt x="19" y="11"/>
                    <a:pt x="16" y="11"/>
                  </a:cubicBezTo>
                  <a:cubicBezTo>
                    <a:pt x="15" y="9"/>
                    <a:pt x="18" y="8"/>
                    <a:pt x="16" y="8"/>
                  </a:cubicBezTo>
                  <a:cubicBezTo>
                    <a:pt x="15" y="8"/>
                    <a:pt x="16" y="5"/>
                    <a:pt x="15" y="5"/>
                  </a:cubicBezTo>
                  <a:cubicBezTo>
                    <a:pt x="13" y="5"/>
                    <a:pt x="15" y="1"/>
                    <a:pt x="19" y="0"/>
                  </a:cubicBezTo>
                  <a:cubicBezTo>
                    <a:pt x="24" y="0"/>
                    <a:pt x="25" y="0"/>
                    <a:pt x="27" y="1"/>
                  </a:cubicBezTo>
                  <a:cubicBezTo>
                    <a:pt x="28" y="1"/>
                    <a:pt x="28" y="3"/>
                    <a:pt x="30" y="3"/>
                  </a:cubicBezTo>
                  <a:cubicBezTo>
                    <a:pt x="28" y="9"/>
                    <a:pt x="28" y="11"/>
                    <a:pt x="27" y="9"/>
                  </a:cubicBezTo>
                </a:path>
              </a:pathLst>
            </a:custGeom>
            <a:solidFill>
              <a:schemeClr val="tx2"/>
            </a:solidFill>
            <a:ln w="6350" cmpd="sng">
              <a:solidFill>
                <a:schemeClr val="bg1"/>
              </a:solidFill>
              <a:round/>
              <a:headEnd/>
              <a:tailEnd/>
            </a:ln>
          </p:spPr>
          <p:txBody>
            <a:bodyPr/>
            <a:lstStyle/>
            <a:p>
              <a:endParaRPr lang="en-GB" sz="1633" dirty="0"/>
            </a:p>
          </p:txBody>
        </p:sp>
        <p:sp>
          <p:nvSpPr>
            <p:cNvPr id="231" name="Freeform 187"/>
            <p:cNvSpPr>
              <a:spLocks/>
            </p:cNvSpPr>
            <p:nvPr/>
          </p:nvSpPr>
          <p:spPr bwMode="auto">
            <a:xfrm>
              <a:off x="5586791" y="3448807"/>
              <a:ext cx="106047" cy="78731"/>
            </a:xfrm>
            <a:custGeom>
              <a:avLst/>
              <a:gdLst/>
              <a:ahLst/>
              <a:cxnLst>
                <a:cxn ang="0">
                  <a:pos x="31" y="13"/>
                </a:cxn>
                <a:cxn ang="0">
                  <a:pos x="29" y="16"/>
                </a:cxn>
                <a:cxn ang="0">
                  <a:pos x="26" y="25"/>
                </a:cxn>
                <a:cxn ang="0">
                  <a:pos x="21" y="22"/>
                </a:cxn>
                <a:cxn ang="0">
                  <a:pos x="18" y="18"/>
                </a:cxn>
                <a:cxn ang="0">
                  <a:pos x="14" y="18"/>
                </a:cxn>
                <a:cxn ang="0">
                  <a:pos x="9" y="14"/>
                </a:cxn>
                <a:cxn ang="0">
                  <a:pos x="6" y="11"/>
                </a:cxn>
                <a:cxn ang="0">
                  <a:pos x="0" y="7"/>
                </a:cxn>
                <a:cxn ang="0">
                  <a:pos x="8" y="2"/>
                </a:cxn>
                <a:cxn ang="0">
                  <a:pos x="9" y="4"/>
                </a:cxn>
                <a:cxn ang="0">
                  <a:pos x="12" y="4"/>
                </a:cxn>
                <a:cxn ang="0">
                  <a:pos x="15" y="2"/>
                </a:cxn>
                <a:cxn ang="0">
                  <a:pos x="17" y="2"/>
                </a:cxn>
                <a:cxn ang="0">
                  <a:pos x="20" y="2"/>
                </a:cxn>
                <a:cxn ang="0">
                  <a:pos x="24" y="4"/>
                </a:cxn>
                <a:cxn ang="0">
                  <a:pos x="28" y="10"/>
                </a:cxn>
                <a:cxn ang="0">
                  <a:pos x="31" y="13"/>
                </a:cxn>
              </a:cxnLst>
              <a:rect l="0" t="0" r="r" b="b"/>
              <a:pathLst>
                <a:path w="34" h="25">
                  <a:moveTo>
                    <a:pt x="31" y="13"/>
                  </a:moveTo>
                  <a:cubicBezTo>
                    <a:pt x="29" y="14"/>
                    <a:pt x="34" y="13"/>
                    <a:pt x="29" y="16"/>
                  </a:cubicBezTo>
                  <a:cubicBezTo>
                    <a:pt x="24" y="19"/>
                    <a:pt x="26" y="24"/>
                    <a:pt x="26" y="25"/>
                  </a:cubicBezTo>
                  <a:cubicBezTo>
                    <a:pt x="23" y="25"/>
                    <a:pt x="23" y="22"/>
                    <a:pt x="21" y="22"/>
                  </a:cubicBezTo>
                  <a:cubicBezTo>
                    <a:pt x="17" y="21"/>
                    <a:pt x="20" y="18"/>
                    <a:pt x="18" y="18"/>
                  </a:cubicBezTo>
                  <a:cubicBezTo>
                    <a:pt x="17" y="16"/>
                    <a:pt x="15" y="22"/>
                    <a:pt x="14" y="18"/>
                  </a:cubicBezTo>
                  <a:cubicBezTo>
                    <a:pt x="14" y="14"/>
                    <a:pt x="11" y="16"/>
                    <a:pt x="9" y="14"/>
                  </a:cubicBezTo>
                  <a:cubicBezTo>
                    <a:pt x="8" y="11"/>
                    <a:pt x="8" y="14"/>
                    <a:pt x="6" y="11"/>
                  </a:cubicBezTo>
                  <a:cubicBezTo>
                    <a:pt x="4" y="8"/>
                    <a:pt x="3" y="13"/>
                    <a:pt x="0" y="7"/>
                  </a:cubicBezTo>
                  <a:cubicBezTo>
                    <a:pt x="3" y="5"/>
                    <a:pt x="4" y="4"/>
                    <a:pt x="8" y="2"/>
                  </a:cubicBezTo>
                  <a:cubicBezTo>
                    <a:pt x="8" y="4"/>
                    <a:pt x="8" y="4"/>
                    <a:pt x="9" y="4"/>
                  </a:cubicBezTo>
                  <a:cubicBezTo>
                    <a:pt x="9" y="4"/>
                    <a:pt x="11" y="5"/>
                    <a:pt x="12" y="4"/>
                  </a:cubicBezTo>
                  <a:cubicBezTo>
                    <a:pt x="14" y="2"/>
                    <a:pt x="15" y="4"/>
                    <a:pt x="15" y="2"/>
                  </a:cubicBezTo>
                  <a:cubicBezTo>
                    <a:pt x="17" y="0"/>
                    <a:pt x="15" y="2"/>
                    <a:pt x="17" y="2"/>
                  </a:cubicBezTo>
                  <a:cubicBezTo>
                    <a:pt x="20" y="0"/>
                    <a:pt x="18" y="2"/>
                    <a:pt x="20" y="2"/>
                  </a:cubicBezTo>
                  <a:cubicBezTo>
                    <a:pt x="21" y="0"/>
                    <a:pt x="20" y="4"/>
                    <a:pt x="24" y="4"/>
                  </a:cubicBezTo>
                  <a:cubicBezTo>
                    <a:pt x="31" y="5"/>
                    <a:pt x="21" y="10"/>
                    <a:pt x="28" y="10"/>
                  </a:cubicBezTo>
                  <a:cubicBezTo>
                    <a:pt x="29" y="11"/>
                    <a:pt x="31" y="11"/>
                    <a:pt x="31" y="13"/>
                  </a:cubicBezTo>
                </a:path>
              </a:pathLst>
            </a:custGeom>
            <a:solidFill>
              <a:schemeClr val="tx2"/>
            </a:solidFill>
            <a:ln w="6350" cmpd="sng">
              <a:solidFill>
                <a:schemeClr val="bg1"/>
              </a:solidFill>
              <a:round/>
              <a:headEnd/>
              <a:tailEnd/>
            </a:ln>
          </p:spPr>
          <p:txBody>
            <a:bodyPr/>
            <a:lstStyle/>
            <a:p>
              <a:endParaRPr lang="en-GB" sz="1633" dirty="0"/>
            </a:p>
          </p:txBody>
        </p:sp>
        <p:sp>
          <p:nvSpPr>
            <p:cNvPr id="232" name="Freeform 188"/>
            <p:cNvSpPr>
              <a:spLocks/>
            </p:cNvSpPr>
            <p:nvPr/>
          </p:nvSpPr>
          <p:spPr bwMode="auto">
            <a:xfrm>
              <a:off x="5662310" y="3495403"/>
              <a:ext cx="30529" cy="32135"/>
            </a:xfrm>
            <a:custGeom>
              <a:avLst/>
              <a:gdLst/>
              <a:ahLst/>
              <a:cxnLst>
                <a:cxn ang="0">
                  <a:pos x="7" y="10"/>
                </a:cxn>
                <a:cxn ang="0">
                  <a:pos x="8" y="5"/>
                </a:cxn>
                <a:cxn ang="0">
                  <a:pos x="5" y="0"/>
                </a:cxn>
                <a:cxn ang="0">
                  <a:pos x="2" y="10"/>
                </a:cxn>
                <a:cxn ang="0">
                  <a:pos x="7" y="10"/>
                </a:cxn>
              </a:cxnLst>
              <a:rect l="0" t="0" r="r" b="b"/>
              <a:pathLst>
                <a:path w="10" h="10">
                  <a:moveTo>
                    <a:pt x="7" y="10"/>
                  </a:moveTo>
                  <a:cubicBezTo>
                    <a:pt x="7" y="7"/>
                    <a:pt x="10" y="7"/>
                    <a:pt x="8" y="5"/>
                  </a:cubicBezTo>
                  <a:cubicBezTo>
                    <a:pt x="8" y="5"/>
                    <a:pt x="5" y="5"/>
                    <a:pt x="5" y="0"/>
                  </a:cubicBezTo>
                  <a:cubicBezTo>
                    <a:pt x="0" y="4"/>
                    <a:pt x="2" y="9"/>
                    <a:pt x="2" y="10"/>
                  </a:cubicBezTo>
                  <a:cubicBezTo>
                    <a:pt x="5" y="10"/>
                    <a:pt x="5" y="10"/>
                    <a:pt x="7" y="10"/>
                  </a:cubicBezTo>
                </a:path>
              </a:pathLst>
            </a:custGeom>
            <a:grpFill/>
            <a:ln w="6350" cmpd="sng">
              <a:solidFill>
                <a:schemeClr val="bg1"/>
              </a:solidFill>
              <a:round/>
              <a:headEnd/>
              <a:tailEnd/>
            </a:ln>
          </p:spPr>
          <p:txBody>
            <a:bodyPr/>
            <a:lstStyle/>
            <a:p>
              <a:endParaRPr lang="en-GB" sz="1633" dirty="0"/>
            </a:p>
          </p:txBody>
        </p:sp>
        <p:sp>
          <p:nvSpPr>
            <p:cNvPr id="233" name="Freeform 189"/>
            <p:cNvSpPr>
              <a:spLocks/>
            </p:cNvSpPr>
            <p:nvPr/>
          </p:nvSpPr>
          <p:spPr bwMode="auto">
            <a:xfrm>
              <a:off x="6060792" y="3170838"/>
              <a:ext cx="43383" cy="28921"/>
            </a:xfrm>
            <a:custGeom>
              <a:avLst/>
              <a:gdLst/>
              <a:ahLst/>
              <a:cxnLst>
                <a:cxn ang="0">
                  <a:pos x="3" y="9"/>
                </a:cxn>
                <a:cxn ang="0">
                  <a:pos x="3" y="8"/>
                </a:cxn>
                <a:cxn ang="0">
                  <a:pos x="3" y="6"/>
                </a:cxn>
                <a:cxn ang="0">
                  <a:pos x="1" y="5"/>
                </a:cxn>
                <a:cxn ang="0">
                  <a:pos x="1" y="2"/>
                </a:cxn>
                <a:cxn ang="0">
                  <a:pos x="3" y="2"/>
                </a:cxn>
                <a:cxn ang="0">
                  <a:pos x="7" y="0"/>
                </a:cxn>
                <a:cxn ang="0">
                  <a:pos x="11" y="2"/>
                </a:cxn>
                <a:cxn ang="0">
                  <a:pos x="12" y="3"/>
                </a:cxn>
                <a:cxn ang="0">
                  <a:pos x="11" y="3"/>
                </a:cxn>
                <a:cxn ang="0">
                  <a:pos x="6" y="6"/>
                </a:cxn>
                <a:cxn ang="0">
                  <a:pos x="4" y="8"/>
                </a:cxn>
                <a:cxn ang="0">
                  <a:pos x="3" y="9"/>
                </a:cxn>
              </a:cxnLst>
              <a:rect l="0" t="0" r="r" b="b"/>
              <a:pathLst>
                <a:path w="14" h="9">
                  <a:moveTo>
                    <a:pt x="3" y="9"/>
                  </a:moveTo>
                  <a:cubicBezTo>
                    <a:pt x="1" y="9"/>
                    <a:pt x="1" y="8"/>
                    <a:pt x="3" y="8"/>
                  </a:cubicBezTo>
                  <a:cubicBezTo>
                    <a:pt x="4" y="8"/>
                    <a:pt x="4" y="6"/>
                    <a:pt x="3" y="6"/>
                  </a:cubicBezTo>
                  <a:cubicBezTo>
                    <a:pt x="0" y="5"/>
                    <a:pt x="1" y="5"/>
                    <a:pt x="1" y="5"/>
                  </a:cubicBezTo>
                  <a:cubicBezTo>
                    <a:pt x="3" y="3"/>
                    <a:pt x="0" y="2"/>
                    <a:pt x="1" y="2"/>
                  </a:cubicBezTo>
                  <a:cubicBezTo>
                    <a:pt x="3" y="2"/>
                    <a:pt x="3" y="3"/>
                    <a:pt x="3" y="2"/>
                  </a:cubicBezTo>
                  <a:cubicBezTo>
                    <a:pt x="4" y="0"/>
                    <a:pt x="7" y="0"/>
                    <a:pt x="7" y="0"/>
                  </a:cubicBezTo>
                  <a:cubicBezTo>
                    <a:pt x="7" y="2"/>
                    <a:pt x="9" y="0"/>
                    <a:pt x="11" y="2"/>
                  </a:cubicBezTo>
                  <a:cubicBezTo>
                    <a:pt x="14" y="3"/>
                    <a:pt x="14" y="3"/>
                    <a:pt x="12" y="3"/>
                  </a:cubicBezTo>
                  <a:cubicBezTo>
                    <a:pt x="12" y="3"/>
                    <a:pt x="12" y="2"/>
                    <a:pt x="11" y="3"/>
                  </a:cubicBezTo>
                  <a:cubicBezTo>
                    <a:pt x="11" y="5"/>
                    <a:pt x="7" y="6"/>
                    <a:pt x="6" y="6"/>
                  </a:cubicBezTo>
                  <a:cubicBezTo>
                    <a:pt x="6" y="5"/>
                    <a:pt x="4" y="8"/>
                    <a:pt x="4" y="8"/>
                  </a:cubicBezTo>
                  <a:cubicBezTo>
                    <a:pt x="4" y="9"/>
                    <a:pt x="3" y="9"/>
                    <a:pt x="3" y="9"/>
                  </a:cubicBezTo>
                </a:path>
              </a:pathLst>
            </a:custGeom>
            <a:solidFill>
              <a:schemeClr val="tx2"/>
            </a:solidFill>
            <a:ln w="6350" cmpd="sng">
              <a:solidFill>
                <a:schemeClr val="bg1"/>
              </a:solidFill>
              <a:round/>
              <a:headEnd/>
              <a:tailEnd/>
            </a:ln>
          </p:spPr>
          <p:txBody>
            <a:bodyPr/>
            <a:lstStyle/>
            <a:p>
              <a:endParaRPr lang="en-GB" sz="1633" dirty="0"/>
            </a:p>
          </p:txBody>
        </p:sp>
        <p:sp>
          <p:nvSpPr>
            <p:cNvPr id="234" name="Freeform 190"/>
            <p:cNvSpPr>
              <a:spLocks/>
            </p:cNvSpPr>
            <p:nvPr/>
          </p:nvSpPr>
          <p:spPr bwMode="auto">
            <a:xfrm>
              <a:off x="6070433" y="3153165"/>
              <a:ext cx="27315" cy="17674"/>
            </a:xfrm>
            <a:custGeom>
              <a:avLst/>
              <a:gdLst/>
              <a:ahLst/>
              <a:cxnLst>
                <a:cxn ang="0">
                  <a:pos x="5" y="6"/>
                </a:cxn>
                <a:cxn ang="0">
                  <a:pos x="2" y="3"/>
                </a:cxn>
                <a:cxn ang="0">
                  <a:pos x="0" y="3"/>
                </a:cxn>
                <a:cxn ang="0">
                  <a:pos x="5" y="2"/>
                </a:cxn>
                <a:cxn ang="0">
                  <a:pos x="6" y="3"/>
                </a:cxn>
                <a:cxn ang="0">
                  <a:pos x="8" y="5"/>
                </a:cxn>
                <a:cxn ang="0">
                  <a:pos x="6" y="5"/>
                </a:cxn>
                <a:cxn ang="0">
                  <a:pos x="5" y="6"/>
                </a:cxn>
              </a:cxnLst>
              <a:rect l="0" t="0" r="r" b="b"/>
              <a:pathLst>
                <a:path w="9" h="6">
                  <a:moveTo>
                    <a:pt x="5" y="6"/>
                  </a:moveTo>
                  <a:cubicBezTo>
                    <a:pt x="3" y="6"/>
                    <a:pt x="3" y="3"/>
                    <a:pt x="2" y="3"/>
                  </a:cubicBezTo>
                  <a:cubicBezTo>
                    <a:pt x="0" y="3"/>
                    <a:pt x="0" y="3"/>
                    <a:pt x="0" y="3"/>
                  </a:cubicBezTo>
                  <a:cubicBezTo>
                    <a:pt x="2" y="2"/>
                    <a:pt x="3" y="3"/>
                    <a:pt x="5" y="2"/>
                  </a:cubicBezTo>
                  <a:cubicBezTo>
                    <a:pt x="5" y="0"/>
                    <a:pt x="5" y="2"/>
                    <a:pt x="6" y="3"/>
                  </a:cubicBezTo>
                  <a:cubicBezTo>
                    <a:pt x="9" y="3"/>
                    <a:pt x="8" y="5"/>
                    <a:pt x="8" y="5"/>
                  </a:cubicBezTo>
                  <a:cubicBezTo>
                    <a:pt x="6" y="5"/>
                    <a:pt x="6" y="5"/>
                    <a:pt x="6" y="5"/>
                  </a:cubicBezTo>
                  <a:cubicBezTo>
                    <a:pt x="5" y="5"/>
                    <a:pt x="5" y="6"/>
                    <a:pt x="5" y="6"/>
                  </a:cubicBezTo>
                </a:path>
              </a:pathLst>
            </a:custGeom>
            <a:grpFill/>
            <a:ln w="6350" cmpd="sng">
              <a:solidFill>
                <a:schemeClr val="bg1"/>
              </a:solidFill>
              <a:round/>
              <a:headEnd/>
              <a:tailEnd/>
            </a:ln>
          </p:spPr>
          <p:txBody>
            <a:bodyPr/>
            <a:lstStyle/>
            <a:p>
              <a:endParaRPr lang="en-GB" sz="1633" dirty="0"/>
            </a:p>
          </p:txBody>
        </p:sp>
        <p:sp>
          <p:nvSpPr>
            <p:cNvPr id="235" name="Freeform 191"/>
            <p:cNvSpPr>
              <a:spLocks/>
            </p:cNvSpPr>
            <p:nvPr/>
          </p:nvSpPr>
          <p:spPr bwMode="auto">
            <a:xfrm>
              <a:off x="6094534" y="3167625"/>
              <a:ext cx="9641" cy="12854"/>
            </a:xfrm>
            <a:custGeom>
              <a:avLst/>
              <a:gdLst/>
              <a:ahLst/>
              <a:cxnLst>
                <a:cxn ang="0">
                  <a:pos x="0" y="1"/>
                </a:cxn>
                <a:cxn ang="0">
                  <a:pos x="3" y="3"/>
                </a:cxn>
                <a:cxn ang="0">
                  <a:pos x="0" y="1"/>
                </a:cxn>
              </a:cxnLst>
              <a:rect l="0" t="0" r="r" b="b"/>
              <a:pathLst>
                <a:path w="3" h="4">
                  <a:moveTo>
                    <a:pt x="0" y="1"/>
                  </a:moveTo>
                  <a:cubicBezTo>
                    <a:pt x="1" y="0"/>
                    <a:pt x="3" y="1"/>
                    <a:pt x="3" y="3"/>
                  </a:cubicBezTo>
                  <a:cubicBezTo>
                    <a:pt x="1" y="4"/>
                    <a:pt x="0" y="3"/>
                    <a:pt x="0" y="1"/>
                  </a:cubicBezTo>
                </a:path>
              </a:pathLst>
            </a:custGeom>
            <a:grpFill/>
            <a:ln w="6350" cmpd="sng">
              <a:solidFill>
                <a:schemeClr val="bg1"/>
              </a:solidFill>
              <a:round/>
              <a:headEnd/>
              <a:tailEnd/>
            </a:ln>
          </p:spPr>
          <p:txBody>
            <a:bodyPr/>
            <a:lstStyle/>
            <a:p>
              <a:endParaRPr lang="en-GB" sz="1633" dirty="0"/>
            </a:p>
          </p:txBody>
        </p:sp>
        <p:sp>
          <p:nvSpPr>
            <p:cNvPr id="236" name="Freeform 192"/>
            <p:cNvSpPr>
              <a:spLocks/>
            </p:cNvSpPr>
            <p:nvPr/>
          </p:nvSpPr>
          <p:spPr bwMode="auto">
            <a:xfrm>
              <a:off x="6094534" y="3159591"/>
              <a:ext cx="9641" cy="3213"/>
            </a:xfrm>
            <a:custGeom>
              <a:avLst/>
              <a:gdLst/>
              <a:ahLst/>
              <a:cxnLst>
                <a:cxn ang="0">
                  <a:pos x="1" y="0"/>
                </a:cxn>
                <a:cxn ang="0">
                  <a:pos x="3" y="0"/>
                </a:cxn>
                <a:cxn ang="0">
                  <a:pos x="1" y="0"/>
                </a:cxn>
              </a:cxnLst>
              <a:rect l="0" t="0" r="r" b="b"/>
              <a:pathLst>
                <a:path w="3" h="1">
                  <a:moveTo>
                    <a:pt x="1" y="0"/>
                  </a:moveTo>
                  <a:cubicBezTo>
                    <a:pt x="0" y="0"/>
                    <a:pt x="3" y="0"/>
                    <a:pt x="3" y="0"/>
                  </a:cubicBezTo>
                  <a:cubicBezTo>
                    <a:pt x="3" y="1"/>
                    <a:pt x="1" y="0"/>
                    <a:pt x="1" y="0"/>
                  </a:cubicBezTo>
                </a:path>
              </a:pathLst>
            </a:custGeom>
            <a:grpFill/>
            <a:ln w="6350" cmpd="sng">
              <a:solidFill>
                <a:schemeClr val="bg1"/>
              </a:solidFill>
              <a:round/>
              <a:headEnd/>
              <a:tailEnd/>
            </a:ln>
          </p:spPr>
          <p:txBody>
            <a:bodyPr/>
            <a:lstStyle/>
            <a:p>
              <a:endParaRPr lang="en-GB" sz="1633" dirty="0"/>
            </a:p>
          </p:txBody>
        </p:sp>
        <p:sp>
          <p:nvSpPr>
            <p:cNvPr id="237" name="Freeform 193"/>
            <p:cNvSpPr>
              <a:spLocks noEditPoints="1"/>
            </p:cNvSpPr>
            <p:nvPr/>
          </p:nvSpPr>
          <p:spPr bwMode="auto">
            <a:xfrm>
              <a:off x="5798886" y="2732195"/>
              <a:ext cx="324570" cy="576824"/>
            </a:xfrm>
            <a:custGeom>
              <a:avLst/>
              <a:gdLst/>
              <a:ahLst/>
              <a:cxnLst>
                <a:cxn ang="0">
                  <a:pos x="3" y="138"/>
                </a:cxn>
                <a:cxn ang="0">
                  <a:pos x="6" y="127"/>
                </a:cxn>
                <a:cxn ang="0">
                  <a:pos x="11" y="120"/>
                </a:cxn>
                <a:cxn ang="0">
                  <a:pos x="12" y="109"/>
                </a:cxn>
                <a:cxn ang="0">
                  <a:pos x="9" y="92"/>
                </a:cxn>
                <a:cxn ang="0">
                  <a:pos x="8" y="82"/>
                </a:cxn>
                <a:cxn ang="0">
                  <a:pos x="15" y="70"/>
                </a:cxn>
                <a:cxn ang="0">
                  <a:pos x="22" y="64"/>
                </a:cxn>
                <a:cxn ang="0">
                  <a:pos x="28" y="51"/>
                </a:cxn>
                <a:cxn ang="0">
                  <a:pos x="34" y="39"/>
                </a:cxn>
                <a:cxn ang="0">
                  <a:pos x="41" y="28"/>
                </a:cxn>
                <a:cxn ang="0">
                  <a:pos x="44" y="18"/>
                </a:cxn>
                <a:cxn ang="0">
                  <a:pos x="55" y="15"/>
                </a:cxn>
                <a:cxn ang="0">
                  <a:pos x="72" y="9"/>
                </a:cxn>
                <a:cxn ang="0">
                  <a:pos x="76" y="0"/>
                </a:cxn>
                <a:cxn ang="0">
                  <a:pos x="90" y="9"/>
                </a:cxn>
                <a:cxn ang="0">
                  <a:pos x="98" y="14"/>
                </a:cxn>
                <a:cxn ang="0">
                  <a:pos x="98" y="23"/>
                </a:cxn>
                <a:cxn ang="0">
                  <a:pos x="99" y="28"/>
                </a:cxn>
                <a:cxn ang="0">
                  <a:pos x="101" y="37"/>
                </a:cxn>
                <a:cxn ang="0">
                  <a:pos x="96" y="46"/>
                </a:cxn>
                <a:cxn ang="0">
                  <a:pos x="87" y="51"/>
                </a:cxn>
                <a:cxn ang="0">
                  <a:pos x="81" y="60"/>
                </a:cxn>
                <a:cxn ang="0">
                  <a:pos x="75" y="74"/>
                </a:cxn>
                <a:cxn ang="0">
                  <a:pos x="67" y="78"/>
                </a:cxn>
                <a:cxn ang="0">
                  <a:pos x="55" y="87"/>
                </a:cxn>
                <a:cxn ang="0">
                  <a:pos x="49" y="92"/>
                </a:cxn>
                <a:cxn ang="0">
                  <a:pos x="50" y="102"/>
                </a:cxn>
                <a:cxn ang="0">
                  <a:pos x="53" y="116"/>
                </a:cxn>
                <a:cxn ang="0">
                  <a:pos x="60" y="123"/>
                </a:cxn>
                <a:cxn ang="0">
                  <a:pos x="55" y="132"/>
                </a:cxn>
                <a:cxn ang="0">
                  <a:pos x="41" y="130"/>
                </a:cxn>
                <a:cxn ang="0">
                  <a:pos x="60" y="132"/>
                </a:cxn>
                <a:cxn ang="0">
                  <a:pos x="55" y="138"/>
                </a:cxn>
                <a:cxn ang="0">
                  <a:pos x="46" y="143"/>
                </a:cxn>
                <a:cxn ang="0">
                  <a:pos x="44" y="151"/>
                </a:cxn>
                <a:cxn ang="0">
                  <a:pos x="43" y="162"/>
                </a:cxn>
                <a:cxn ang="0">
                  <a:pos x="32" y="172"/>
                </a:cxn>
                <a:cxn ang="0">
                  <a:pos x="25" y="183"/>
                </a:cxn>
                <a:cxn ang="0">
                  <a:pos x="12" y="172"/>
                </a:cxn>
                <a:cxn ang="0">
                  <a:pos x="14" y="168"/>
                </a:cxn>
                <a:cxn ang="0">
                  <a:pos x="6" y="146"/>
                </a:cxn>
                <a:cxn ang="0">
                  <a:pos x="0" y="138"/>
                </a:cxn>
                <a:cxn ang="0">
                  <a:pos x="61" y="158"/>
                </a:cxn>
                <a:cxn ang="0">
                  <a:pos x="63" y="151"/>
                </a:cxn>
                <a:cxn ang="0">
                  <a:pos x="56" y="160"/>
                </a:cxn>
                <a:cxn ang="0">
                  <a:pos x="61" y="158"/>
                </a:cxn>
                <a:cxn ang="0">
                  <a:pos x="44" y="163"/>
                </a:cxn>
                <a:cxn ang="0">
                  <a:pos x="47" y="158"/>
                </a:cxn>
                <a:cxn ang="0">
                  <a:pos x="58" y="116"/>
                </a:cxn>
              </a:cxnLst>
              <a:rect l="0" t="0" r="r" b="b"/>
              <a:pathLst>
                <a:path w="104" h="185">
                  <a:moveTo>
                    <a:pt x="2" y="135"/>
                  </a:moveTo>
                  <a:cubicBezTo>
                    <a:pt x="2" y="135"/>
                    <a:pt x="2" y="137"/>
                    <a:pt x="3" y="138"/>
                  </a:cubicBezTo>
                  <a:cubicBezTo>
                    <a:pt x="3" y="140"/>
                    <a:pt x="6" y="137"/>
                    <a:pt x="5" y="132"/>
                  </a:cubicBezTo>
                  <a:cubicBezTo>
                    <a:pt x="3" y="129"/>
                    <a:pt x="6" y="129"/>
                    <a:pt x="6" y="127"/>
                  </a:cubicBezTo>
                  <a:cubicBezTo>
                    <a:pt x="5" y="124"/>
                    <a:pt x="8" y="127"/>
                    <a:pt x="9" y="124"/>
                  </a:cubicBezTo>
                  <a:cubicBezTo>
                    <a:pt x="12" y="121"/>
                    <a:pt x="9" y="121"/>
                    <a:pt x="11" y="120"/>
                  </a:cubicBezTo>
                  <a:cubicBezTo>
                    <a:pt x="14" y="118"/>
                    <a:pt x="8" y="112"/>
                    <a:pt x="9" y="110"/>
                  </a:cubicBezTo>
                  <a:cubicBezTo>
                    <a:pt x="9" y="109"/>
                    <a:pt x="12" y="112"/>
                    <a:pt x="12" y="109"/>
                  </a:cubicBezTo>
                  <a:cubicBezTo>
                    <a:pt x="14" y="107"/>
                    <a:pt x="15" y="106"/>
                    <a:pt x="11" y="104"/>
                  </a:cubicBezTo>
                  <a:cubicBezTo>
                    <a:pt x="5" y="101"/>
                    <a:pt x="11" y="96"/>
                    <a:pt x="9" y="92"/>
                  </a:cubicBezTo>
                  <a:cubicBezTo>
                    <a:pt x="6" y="88"/>
                    <a:pt x="9" y="88"/>
                    <a:pt x="8" y="87"/>
                  </a:cubicBezTo>
                  <a:cubicBezTo>
                    <a:pt x="6" y="85"/>
                    <a:pt x="9" y="85"/>
                    <a:pt x="8" y="82"/>
                  </a:cubicBezTo>
                  <a:cubicBezTo>
                    <a:pt x="5" y="79"/>
                    <a:pt x="9" y="79"/>
                    <a:pt x="8" y="78"/>
                  </a:cubicBezTo>
                  <a:cubicBezTo>
                    <a:pt x="8" y="74"/>
                    <a:pt x="14" y="71"/>
                    <a:pt x="15" y="70"/>
                  </a:cubicBezTo>
                  <a:cubicBezTo>
                    <a:pt x="18" y="68"/>
                    <a:pt x="23" y="73"/>
                    <a:pt x="25" y="67"/>
                  </a:cubicBezTo>
                  <a:cubicBezTo>
                    <a:pt x="26" y="64"/>
                    <a:pt x="23" y="65"/>
                    <a:pt x="22" y="64"/>
                  </a:cubicBezTo>
                  <a:cubicBezTo>
                    <a:pt x="18" y="62"/>
                    <a:pt x="26" y="57"/>
                    <a:pt x="26" y="56"/>
                  </a:cubicBezTo>
                  <a:cubicBezTo>
                    <a:pt x="26" y="53"/>
                    <a:pt x="28" y="54"/>
                    <a:pt x="28" y="51"/>
                  </a:cubicBezTo>
                  <a:cubicBezTo>
                    <a:pt x="26" y="46"/>
                    <a:pt x="29" y="48"/>
                    <a:pt x="26" y="42"/>
                  </a:cubicBezTo>
                  <a:cubicBezTo>
                    <a:pt x="26" y="40"/>
                    <a:pt x="37" y="42"/>
                    <a:pt x="34" y="39"/>
                  </a:cubicBezTo>
                  <a:cubicBezTo>
                    <a:pt x="32" y="36"/>
                    <a:pt x="35" y="37"/>
                    <a:pt x="37" y="32"/>
                  </a:cubicBezTo>
                  <a:cubicBezTo>
                    <a:pt x="40" y="29"/>
                    <a:pt x="41" y="31"/>
                    <a:pt x="41" y="28"/>
                  </a:cubicBezTo>
                  <a:cubicBezTo>
                    <a:pt x="43" y="26"/>
                    <a:pt x="40" y="25"/>
                    <a:pt x="40" y="23"/>
                  </a:cubicBezTo>
                  <a:cubicBezTo>
                    <a:pt x="40" y="22"/>
                    <a:pt x="41" y="23"/>
                    <a:pt x="44" y="18"/>
                  </a:cubicBezTo>
                  <a:cubicBezTo>
                    <a:pt x="44" y="15"/>
                    <a:pt x="47" y="15"/>
                    <a:pt x="49" y="14"/>
                  </a:cubicBezTo>
                  <a:cubicBezTo>
                    <a:pt x="50" y="14"/>
                    <a:pt x="52" y="17"/>
                    <a:pt x="55" y="15"/>
                  </a:cubicBezTo>
                  <a:cubicBezTo>
                    <a:pt x="58" y="14"/>
                    <a:pt x="53" y="9"/>
                    <a:pt x="55" y="8"/>
                  </a:cubicBezTo>
                  <a:cubicBezTo>
                    <a:pt x="60" y="4"/>
                    <a:pt x="67" y="12"/>
                    <a:pt x="72" y="9"/>
                  </a:cubicBezTo>
                  <a:cubicBezTo>
                    <a:pt x="75" y="8"/>
                    <a:pt x="67" y="9"/>
                    <a:pt x="72" y="6"/>
                  </a:cubicBezTo>
                  <a:cubicBezTo>
                    <a:pt x="76" y="1"/>
                    <a:pt x="67" y="0"/>
                    <a:pt x="76" y="0"/>
                  </a:cubicBezTo>
                  <a:cubicBezTo>
                    <a:pt x="79" y="1"/>
                    <a:pt x="75" y="1"/>
                    <a:pt x="79" y="3"/>
                  </a:cubicBezTo>
                  <a:cubicBezTo>
                    <a:pt x="82" y="6"/>
                    <a:pt x="87" y="9"/>
                    <a:pt x="90" y="9"/>
                  </a:cubicBezTo>
                  <a:cubicBezTo>
                    <a:pt x="93" y="9"/>
                    <a:pt x="96" y="11"/>
                    <a:pt x="96" y="12"/>
                  </a:cubicBezTo>
                  <a:cubicBezTo>
                    <a:pt x="96" y="14"/>
                    <a:pt x="94" y="12"/>
                    <a:pt x="98" y="14"/>
                  </a:cubicBezTo>
                  <a:cubicBezTo>
                    <a:pt x="102" y="18"/>
                    <a:pt x="98" y="15"/>
                    <a:pt x="98" y="18"/>
                  </a:cubicBezTo>
                  <a:cubicBezTo>
                    <a:pt x="99" y="23"/>
                    <a:pt x="98" y="22"/>
                    <a:pt x="98" y="23"/>
                  </a:cubicBezTo>
                  <a:cubicBezTo>
                    <a:pt x="98" y="25"/>
                    <a:pt x="101" y="22"/>
                    <a:pt x="101" y="23"/>
                  </a:cubicBezTo>
                  <a:cubicBezTo>
                    <a:pt x="101" y="25"/>
                    <a:pt x="99" y="25"/>
                    <a:pt x="99" y="28"/>
                  </a:cubicBezTo>
                  <a:cubicBezTo>
                    <a:pt x="99" y="29"/>
                    <a:pt x="104" y="31"/>
                    <a:pt x="102" y="32"/>
                  </a:cubicBezTo>
                  <a:cubicBezTo>
                    <a:pt x="101" y="34"/>
                    <a:pt x="102" y="34"/>
                    <a:pt x="101" y="37"/>
                  </a:cubicBezTo>
                  <a:cubicBezTo>
                    <a:pt x="98" y="40"/>
                    <a:pt x="104" y="42"/>
                    <a:pt x="104" y="46"/>
                  </a:cubicBezTo>
                  <a:cubicBezTo>
                    <a:pt x="101" y="48"/>
                    <a:pt x="99" y="45"/>
                    <a:pt x="96" y="46"/>
                  </a:cubicBezTo>
                  <a:cubicBezTo>
                    <a:pt x="93" y="48"/>
                    <a:pt x="94" y="45"/>
                    <a:pt x="91" y="46"/>
                  </a:cubicBezTo>
                  <a:cubicBezTo>
                    <a:pt x="90" y="48"/>
                    <a:pt x="87" y="50"/>
                    <a:pt x="87" y="51"/>
                  </a:cubicBezTo>
                  <a:cubicBezTo>
                    <a:pt x="87" y="53"/>
                    <a:pt x="84" y="51"/>
                    <a:pt x="82" y="54"/>
                  </a:cubicBezTo>
                  <a:cubicBezTo>
                    <a:pt x="82" y="59"/>
                    <a:pt x="79" y="57"/>
                    <a:pt x="81" y="60"/>
                  </a:cubicBezTo>
                  <a:cubicBezTo>
                    <a:pt x="81" y="64"/>
                    <a:pt x="85" y="64"/>
                    <a:pt x="81" y="67"/>
                  </a:cubicBezTo>
                  <a:cubicBezTo>
                    <a:pt x="76" y="70"/>
                    <a:pt x="78" y="74"/>
                    <a:pt x="75" y="74"/>
                  </a:cubicBezTo>
                  <a:cubicBezTo>
                    <a:pt x="72" y="74"/>
                    <a:pt x="73" y="76"/>
                    <a:pt x="72" y="76"/>
                  </a:cubicBezTo>
                  <a:cubicBezTo>
                    <a:pt x="69" y="76"/>
                    <a:pt x="70" y="79"/>
                    <a:pt x="67" y="78"/>
                  </a:cubicBezTo>
                  <a:cubicBezTo>
                    <a:pt x="63" y="78"/>
                    <a:pt x="66" y="84"/>
                    <a:pt x="63" y="82"/>
                  </a:cubicBezTo>
                  <a:cubicBezTo>
                    <a:pt x="60" y="81"/>
                    <a:pt x="61" y="87"/>
                    <a:pt x="55" y="87"/>
                  </a:cubicBezTo>
                  <a:cubicBezTo>
                    <a:pt x="50" y="88"/>
                    <a:pt x="58" y="88"/>
                    <a:pt x="53" y="92"/>
                  </a:cubicBezTo>
                  <a:cubicBezTo>
                    <a:pt x="49" y="93"/>
                    <a:pt x="50" y="88"/>
                    <a:pt x="49" y="92"/>
                  </a:cubicBezTo>
                  <a:cubicBezTo>
                    <a:pt x="49" y="95"/>
                    <a:pt x="53" y="92"/>
                    <a:pt x="50" y="96"/>
                  </a:cubicBezTo>
                  <a:cubicBezTo>
                    <a:pt x="49" y="99"/>
                    <a:pt x="52" y="102"/>
                    <a:pt x="50" y="102"/>
                  </a:cubicBezTo>
                  <a:cubicBezTo>
                    <a:pt x="47" y="102"/>
                    <a:pt x="47" y="116"/>
                    <a:pt x="50" y="116"/>
                  </a:cubicBezTo>
                  <a:cubicBezTo>
                    <a:pt x="53" y="116"/>
                    <a:pt x="50" y="118"/>
                    <a:pt x="53" y="116"/>
                  </a:cubicBezTo>
                  <a:cubicBezTo>
                    <a:pt x="56" y="116"/>
                    <a:pt x="56" y="120"/>
                    <a:pt x="58" y="120"/>
                  </a:cubicBezTo>
                  <a:cubicBezTo>
                    <a:pt x="61" y="120"/>
                    <a:pt x="56" y="123"/>
                    <a:pt x="60" y="123"/>
                  </a:cubicBezTo>
                  <a:cubicBezTo>
                    <a:pt x="61" y="123"/>
                    <a:pt x="63" y="124"/>
                    <a:pt x="64" y="126"/>
                  </a:cubicBezTo>
                  <a:cubicBezTo>
                    <a:pt x="64" y="127"/>
                    <a:pt x="58" y="130"/>
                    <a:pt x="55" y="132"/>
                  </a:cubicBezTo>
                  <a:cubicBezTo>
                    <a:pt x="53" y="134"/>
                    <a:pt x="52" y="129"/>
                    <a:pt x="50" y="130"/>
                  </a:cubicBezTo>
                  <a:cubicBezTo>
                    <a:pt x="49" y="130"/>
                    <a:pt x="46" y="127"/>
                    <a:pt x="41" y="130"/>
                  </a:cubicBezTo>
                  <a:cubicBezTo>
                    <a:pt x="38" y="134"/>
                    <a:pt x="46" y="129"/>
                    <a:pt x="49" y="132"/>
                  </a:cubicBezTo>
                  <a:cubicBezTo>
                    <a:pt x="53" y="137"/>
                    <a:pt x="58" y="130"/>
                    <a:pt x="60" y="132"/>
                  </a:cubicBezTo>
                  <a:cubicBezTo>
                    <a:pt x="61" y="135"/>
                    <a:pt x="58" y="134"/>
                    <a:pt x="58" y="135"/>
                  </a:cubicBezTo>
                  <a:cubicBezTo>
                    <a:pt x="58" y="137"/>
                    <a:pt x="56" y="135"/>
                    <a:pt x="55" y="138"/>
                  </a:cubicBezTo>
                  <a:cubicBezTo>
                    <a:pt x="53" y="140"/>
                    <a:pt x="52" y="135"/>
                    <a:pt x="52" y="138"/>
                  </a:cubicBezTo>
                  <a:cubicBezTo>
                    <a:pt x="50" y="141"/>
                    <a:pt x="44" y="141"/>
                    <a:pt x="46" y="143"/>
                  </a:cubicBezTo>
                  <a:cubicBezTo>
                    <a:pt x="46" y="144"/>
                    <a:pt x="43" y="143"/>
                    <a:pt x="44" y="146"/>
                  </a:cubicBezTo>
                  <a:cubicBezTo>
                    <a:pt x="46" y="148"/>
                    <a:pt x="44" y="148"/>
                    <a:pt x="44" y="151"/>
                  </a:cubicBezTo>
                  <a:cubicBezTo>
                    <a:pt x="46" y="152"/>
                    <a:pt x="43" y="154"/>
                    <a:pt x="44" y="155"/>
                  </a:cubicBezTo>
                  <a:cubicBezTo>
                    <a:pt x="44" y="157"/>
                    <a:pt x="43" y="160"/>
                    <a:pt x="43" y="162"/>
                  </a:cubicBezTo>
                  <a:cubicBezTo>
                    <a:pt x="43" y="165"/>
                    <a:pt x="41" y="166"/>
                    <a:pt x="40" y="171"/>
                  </a:cubicBezTo>
                  <a:cubicBezTo>
                    <a:pt x="38" y="177"/>
                    <a:pt x="38" y="172"/>
                    <a:pt x="32" y="172"/>
                  </a:cubicBezTo>
                  <a:cubicBezTo>
                    <a:pt x="26" y="174"/>
                    <a:pt x="31" y="176"/>
                    <a:pt x="28" y="176"/>
                  </a:cubicBezTo>
                  <a:cubicBezTo>
                    <a:pt x="25" y="174"/>
                    <a:pt x="28" y="183"/>
                    <a:pt x="25" y="183"/>
                  </a:cubicBezTo>
                  <a:cubicBezTo>
                    <a:pt x="20" y="182"/>
                    <a:pt x="12" y="185"/>
                    <a:pt x="14" y="182"/>
                  </a:cubicBezTo>
                  <a:cubicBezTo>
                    <a:pt x="17" y="177"/>
                    <a:pt x="8" y="169"/>
                    <a:pt x="12" y="172"/>
                  </a:cubicBezTo>
                  <a:cubicBezTo>
                    <a:pt x="15" y="174"/>
                    <a:pt x="11" y="169"/>
                    <a:pt x="12" y="169"/>
                  </a:cubicBezTo>
                  <a:cubicBezTo>
                    <a:pt x="15" y="169"/>
                    <a:pt x="15" y="166"/>
                    <a:pt x="14" y="168"/>
                  </a:cubicBezTo>
                  <a:cubicBezTo>
                    <a:pt x="11" y="168"/>
                    <a:pt x="8" y="158"/>
                    <a:pt x="6" y="154"/>
                  </a:cubicBezTo>
                  <a:cubicBezTo>
                    <a:pt x="5" y="149"/>
                    <a:pt x="8" y="149"/>
                    <a:pt x="6" y="146"/>
                  </a:cubicBezTo>
                  <a:cubicBezTo>
                    <a:pt x="5" y="144"/>
                    <a:pt x="3" y="149"/>
                    <a:pt x="2" y="146"/>
                  </a:cubicBezTo>
                  <a:cubicBezTo>
                    <a:pt x="0" y="143"/>
                    <a:pt x="2" y="141"/>
                    <a:pt x="0" y="138"/>
                  </a:cubicBezTo>
                  <a:cubicBezTo>
                    <a:pt x="0" y="137"/>
                    <a:pt x="2" y="137"/>
                    <a:pt x="2" y="135"/>
                  </a:cubicBezTo>
                  <a:close/>
                  <a:moveTo>
                    <a:pt x="61" y="158"/>
                  </a:moveTo>
                  <a:cubicBezTo>
                    <a:pt x="64" y="155"/>
                    <a:pt x="60" y="155"/>
                    <a:pt x="63" y="152"/>
                  </a:cubicBezTo>
                  <a:cubicBezTo>
                    <a:pt x="66" y="151"/>
                    <a:pt x="66" y="149"/>
                    <a:pt x="63" y="151"/>
                  </a:cubicBezTo>
                  <a:cubicBezTo>
                    <a:pt x="60" y="154"/>
                    <a:pt x="61" y="149"/>
                    <a:pt x="58" y="152"/>
                  </a:cubicBezTo>
                  <a:cubicBezTo>
                    <a:pt x="55" y="155"/>
                    <a:pt x="55" y="158"/>
                    <a:pt x="56" y="160"/>
                  </a:cubicBezTo>
                  <a:cubicBezTo>
                    <a:pt x="56" y="162"/>
                    <a:pt x="55" y="165"/>
                    <a:pt x="56" y="163"/>
                  </a:cubicBezTo>
                  <a:cubicBezTo>
                    <a:pt x="58" y="163"/>
                    <a:pt x="58" y="162"/>
                    <a:pt x="61" y="158"/>
                  </a:cubicBezTo>
                  <a:close/>
                  <a:moveTo>
                    <a:pt x="47" y="158"/>
                  </a:moveTo>
                  <a:cubicBezTo>
                    <a:pt x="46" y="158"/>
                    <a:pt x="46" y="162"/>
                    <a:pt x="44" y="163"/>
                  </a:cubicBezTo>
                  <a:cubicBezTo>
                    <a:pt x="43" y="165"/>
                    <a:pt x="41" y="171"/>
                    <a:pt x="43" y="172"/>
                  </a:cubicBezTo>
                  <a:cubicBezTo>
                    <a:pt x="43" y="172"/>
                    <a:pt x="49" y="158"/>
                    <a:pt x="47" y="158"/>
                  </a:cubicBezTo>
                  <a:close/>
                  <a:moveTo>
                    <a:pt x="60" y="120"/>
                  </a:moveTo>
                  <a:cubicBezTo>
                    <a:pt x="58" y="120"/>
                    <a:pt x="58" y="118"/>
                    <a:pt x="58" y="116"/>
                  </a:cubicBezTo>
                  <a:cubicBezTo>
                    <a:pt x="60" y="120"/>
                    <a:pt x="60" y="120"/>
                    <a:pt x="60" y="120"/>
                  </a:cubicBezTo>
                  <a:close/>
                </a:path>
              </a:pathLst>
            </a:custGeom>
            <a:solidFill>
              <a:schemeClr val="tx2"/>
            </a:solidFill>
            <a:ln w="6350" cmpd="sng">
              <a:solidFill>
                <a:schemeClr val="bg1"/>
              </a:solidFill>
              <a:round/>
              <a:headEnd/>
              <a:tailEnd/>
            </a:ln>
          </p:spPr>
          <p:txBody>
            <a:bodyPr/>
            <a:lstStyle/>
            <a:p>
              <a:endParaRPr lang="en-GB" sz="1633" dirty="0"/>
            </a:p>
          </p:txBody>
        </p:sp>
        <p:sp>
          <p:nvSpPr>
            <p:cNvPr id="238" name="Freeform 194"/>
            <p:cNvSpPr>
              <a:spLocks/>
            </p:cNvSpPr>
            <p:nvPr/>
          </p:nvSpPr>
          <p:spPr bwMode="auto">
            <a:xfrm>
              <a:off x="6640840" y="3791045"/>
              <a:ext cx="130149" cy="131754"/>
            </a:xfrm>
            <a:custGeom>
              <a:avLst/>
              <a:gdLst/>
              <a:ahLst/>
              <a:cxnLst>
                <a:cxn ang="0">
                  <a:pos x="30" y="41"/>
                </a:cxn>
                <a:cxn ang="0">
                  <a:pos x="26" y="38"/>
                </a:cxn>
                <a:cxn ang="0">
                  <a:pos x="26" y="39"/>
                </a:cxn>
                <a:cxn ang="0">
                  <a:pos x="24" y="38"/>
                </a:cxn>
                <a:cxn ang="0">
                  <a:pos x="23" y="36"/>
                </a:cxn>
                <a:cxn ang="0">
                  <a:pos x="23" y="35"/>
                </a:cxn>
                <a:cxn ang="0">
                  <a:pos x="26" y="33"/>
                </a:cxn>
                <a:cxn ang="0">
                  <a:pos x="24" y="32"/>
                </a:cxn>
                <a:cxn ang="0">
                  <a:pos x="26" y="30"/>
                </a:cxn>
                <a:cxn ang="0">
                  <a:pos x="23" y="27"/>
                </a:cxn>
                <a:cxn ang="0">
                  <a:pos x="18" y="30"/>
                </a:cxn>
                <a:cxn ang="0">
                  <a:pos x="15" y="32"/>
                </a:cxn>
                <a:cxn ang="0">
                  <a:pos x="14" y="33"/>
                </a:cxn>
                <a:cxn ang="0">
                  <a:pos x="12" y="35"/>
                </a:cxn>
                <a:cxn ang="0">
                  <a:pos x="11" y="36"/>
                </a:cxn>
                <a:cxn ang="0">
                  <a:pos x="11" y="33"/>
                </a:cxn>
                <a:cxn ang="0">
                  <a:pos x="11" y="33"/>
                </a:cxn>
                <a:cxn ang="0">
                  <a:pos x="12" y="32"/>
                </a:cxn>
                <a:cxn ang="0">
                  <a:pos x="11" y="30"/>
                </a:cxn>
                <a:cxn ang="0">
                  <a:pos x="12" y="28"/>
                </a:cxn>
                <a:cxn ang="0">
                  <a:pos x="9" y="27"/>
                </a:cxn>
                <a:cxn ang="0">
                  <a:pos x="6" y="24"/>
                </a:cxn>
                <a:cxn ang="0">
                  <a:pos x="4" y="24"/>
                </a:cxn>
                <a:cxn ang="0">
                  <a:pos x="6" y="24"/>
                </a:cxn>
                <a:cxn ang="0">
                  <a:pos x="8" y="21"/>
                </a:cxn>
                <a:cxn ang="0">
                  <a:pos x="3" y="18"/>
                </a:cxn>
                <a:cxn ang="0">
                  <a:pos x="4" y="14"/>
                </a:cxn>
                <a:cxn ang="0">
                  <a:pos x="0" y="8"/>
                </a:cxn>
                <a:cxn ang="0">
                  <a:pos x="1" y="7"/>
                </a:cxn>
                <a:cxn ang="0">
                  <a:pos x="4" y="8"/>
                </a:cxn>
                <a:cxn ang="0">
                  <a:pos x="6" y="10"/>
                </a:cxn>
                <a:cxn ang="0">
                  <a:pos x="9" y="10"/>
                </a:cxn>
                <a:cxn ang="0">
                  <a:pos x="12" y="10"/>
                </a:cxn>
                <a:cxn ang="0">
                  <a:pos x="9" y="7"/>
                </a:cxn>
                <a:cxn ang="0">
                  <a:pos x="9" y="5"/>
                </a:cxn>
                <a:cxn ang="0">
                  <a:pos x="11" y="2"/>
                </a:cxn>
                <a:cxn ang="0">
                  <a:pos x="14" y="4"/>
                </a:cxn>
                <a:cxn ang="0">
                  <a:pos x="17" y="7"/>
                </a:cxn>
                <a:cxn ang="0">
                  <a:pos x="23" y="8"/>
                </a:cxn>
                <a:cxn ang="0">
                  <a:pos x="27" y="4"/>
                </a:cxn>
                <a:cxn ang="0">
                  <a:pos x="32" y="11"/>
                </a:cxn>
                <a:cxn ang="0">
                  <a:pos x="35" y="16"/>
                </a:cxn>
                <a:cxn ang="0">
                  <a:pos x="42" y="19"/>
                </a:cxn>
                <a:cxn ang="0">
                  <a:pos x="36" y="19"/>
                </a:cxn>
                <a:cxn ang="0">
                  <a:pos x="33" y="27"/>
                </a:cxn>
                <a:cxn ang="0">
                  <a:pos x="33" y="32"/>
                </a:cxn>
                <a:cxn ang="0">
                  <a:pos x="32" y="35"/>
                </a:cxn>
                <a:cxn ang="0">
                  <a:pos x="30" y="35"/>
                </a:cxn>
                <a:cxn ang="0">
                  <a:pos x="30" y="41"/>
                </a:cxn>
              </a:cxnLst>
              <a:rect l="0" t="0" r="r" b="b"/>
              <a:pathLst>
                <a:path w="42" h="42">
                  <a:moveTo>
                    <a:pt x="30" y="41"/>
                  </a:moveTo>
                  <a:cubicBezTo>
                    <a:pt x="26" y="42"/>
                    <a:pt x="27" y="39"/>
                    <a:pt x="26" y="38"/>
                  </a:cubicBezTo>
                  <a:cubicBezTo>
                    <a:pt x="26" y="39"/>
                    <a:pt x="26" y="39"/>
                    <a:pt x="26" y="39"/>
                  </a:cubicBezTo>
                  <a:cubicBezTo>
                    <a:pt x="24" y="39"/>
                    <a:pt x="24" y="38"/>
                    <a:pt x="24" y="38"/>
                  </a:cubicBezTo>
                  <a:cubicBezTo>
                    <a:pt x="24" y="36"/>
                    <a:pt x="24" y="36"/>
                    <a:pt x="23" y="36"/>
                  </a:cubicBezTo>
                  <a:cubicBezTo>
                    <a:pt x="23" y="36"/>
                    <a:pt x="23" y="36"/>
                    <a:pt x="23" y="35"/>
                  </a:cubicBezTo>
                  <a:cubicBezTo>
                    <a:pt x="23" y="35"/>
                    <a:pt x="26" y="35"/>
                    <a:pt x="26" y="33"/>
                  </a:cubicBezTo>
                  <a:cubicBezTo>
                    <a:pt x="26" y="33"/>
                    <a:pt x="24" y="33"/>
                    <a:pt x="24" y="32"/>
                  </a:cubicBezTo>
                  <a:cubicBezTo>
                    <a:pt x="24" y="30"/>
                    <a:pt x="26" y="30"/>
                    <a:pt x="26" y="30"/>
                  </a:cubicBezTo>
                  <a:cubicBezTo>
                    <a:pt x="23" y="27"/>
                    <a:pt x="23" y="27"/>
                    <a:pt x="23" y="27"/>
                  </a:cubicBezTo>
                  <a:cubicBezTo>
                    <a:pt x="21" y="25"/>
                    <a:pt x="18" y="28"/>
                    <a:pt x="18" y="30"/>
                  </a:cubicBezTo>
                  <a:cubicBezTo>
                    <a:pt x="17" y="30"/>
                    <a:pt x="15" y="32"/>
                    <a:pt x="15" y="32"/>
                  </a:cubicBezTo>
                  <a:cubicBezTo>
                    <a:pt x="14" y="33"/>
                    <a:pt x="14" y="33"/>
                    <a:pt x="14" y="33"/>
                  </a:cubicBezTo>
                  <a:cubicBezTo>
                    <a:pt x="12" y="35"/>
                    <a:pt x="12" y="35"/>
                    <a:pt x="12" y="35"/>
                  </a:cubicBezTo>
                  <a:cubicBezTo>
                    <a:pt x="12" y="36"/>
                    <a:pt x="12" y="36"/>
                    <a:pt x="11" y="36"/>
                  </a:cubicBezTo>
                  <a:cubicBezTo>
                    <a:pt x="11" y="35"/>
                    <a:pt x="11" y="35"/>
                    <a:pt x="11" y="33"/>
                  </a:cubicBezTo>
                  <a:cubicBezTo>
                    <a:pt x="11" y="33"/>
                    <a:pt x="11" y="33"/>
                    <a:pt x="11" y="33"/>
                  </a:cubicBezTo>
                  <a:cubicBezTo>
                    <a:pt x="9" y="32"/>
                    <a:pt x="12" y="32"/>
                    <a:pt x="12" y="32"/>
                  </a:cubicBezTo>
                  <a:cubicBezTo>
                    <a:pt x="12" y="32"/>
                    <a:pt x="9" y="30"/>
                    <a:pt x="11" y="30"/>
                  </a:cubicBezTo>
                  <a:cubicBezTo>
                    <a:pt x="11" y="28"/>
                    <a:pt x="12" y="30"/>
                    <a:pt x="12" y="28"/>
                  </a:cubicBezTo>
                  <a:cubicBezTo>
                    <a:pt x="12" y="27"/>
                    <a:pt x="9" y="28"/>
                    <a:pt x="9" y="27"/>
                  </a:cubicBezTo>
                  <a:cubicBezTo>
                    <a:pt x="8" y="27"/>
                    <a:pt x="6" y="25"/>
                    <a:pt x="6" y="24"/>
                  </a:cubicBezTo>
                  <a:cubicBezTo>
                    <a:pt x="4" y="24"/>
                    <a:pt x="4" y="24"/>
                    <a:pt x="4" y="24"/>
                  </a:cubicBezTo>
                  <a:cubicBezTo>
                    <a:pt x="3" y="22"/>
                    <a:pt x="6" y="24"/>
                    <a:pt x="6" y="24"/>
                  </a:cubicBezTo>
                  <a:cubicBezTo>
                    <a:pt x="6" y="22"/>
                    <a:pt x="8" y="21"/>
                    <a:pt x="8" y="21"/>
                  </a:cubicBezTo>
                  <a:cubicBezTo>
                    <a:pt x="3" y="18"/>
                    <a:pt x="3" y="18"/>
                    <a:pt x="3" y="18"/>
                  </a:cubicBezTo>
                  <a:cubicBezTo>
                    <a:pt x="1" y="14"/>
                    <a:pt x="4" y="14"/>
                    <a:pt x="4" y="14"/>
                  </a:cubicBezTo>
                  <a:cubicBezTo>
                    <a:pt x="4" y="13"/>
                    <a:pt x="0" y="10"/>
                    <a:pt x="0" y="8"/>
                  </a:cubicBezTo>
                  <a:cubicBezTo>
                    <a:pt x="1" y="7"/>
                    <a:pt x="1" y="7"/>
                    <a:pt x="1" y="7"/>
                  </a:cubicBezTo>
                  <a:cubicBezTo>
                    <a:pt x="4" y="8"/>
                    <a:pt x="4" y="8"/>
                    <a:pt x="4" y="8"/>
                  </a:cubicBezTo>
                  <a:cubicBezTo>
                    <a:pt x="6" y="8"/>
                    <a:pt x="4" y="10"/>
                    <a:pt x="6" y="10"/>
                  </a:cubicBezTo>
                  <a:cubicBezTo>
                    <a:pt x="8" y="10"/>
                    <a:pt x="8" y="10"/>
                    <a:pt x="9" y="10"/>
                  </a:cubicBezTo>
                  <a:cubicBezTo>
                    <a:pt x="11" y="10"/>
                    <a:pt x="11" y="13"/>
                    <a:pt x="12" y="10"/>
                  </a:cubicBezTo>
                  <a:cubicBezTo>
                    <a:pt x="14" y="8"/>
                    <a:pt x="9" y="7"/>
                    <a:pt x="9" y="7"/>
                  </a:cubicBezTo>
                  <a:cubicBezTo>
                    <a:pt x="9" y="5"/>
                    <a:pt x="9" y="5"/>
                    <a:pt x="9" y="5"/>
                  </a:cubicBezTo>
                  <a:cubicBezTo>
                    <a:pt x="9" y="4"/>
                    <a:pt x="11" y="2"/>
                    <a:pt x="11" y="2"/>
                  </a:cubicBezTo>
                  <a:cubicBezTo>
                    <a:pt x="12" y="5"/>
                    <a:pt x="14" y="0"/>
                    <a:pt x="14" y="4"/>
                  </a:cubicBezTo>
                  <a:cubicBezTo>
                    <a:pt x="15" y="7"/>
                    <a:pt x="17" y="4"/>
                    <a:pt x="17" y="7"/>
                  </a:cubicBezTo>
                  <a:cubicBezTo>
                    <a:pt x="18" y="11"/>
                    <a:pt x="23" y="10"/>
                    <a:pt x="23" y="8"/>
                  </a:cubicBezTo>
                  <a:cubicBezTo>
                    <a:pt x="24" y="7"/>
                    <a:pt x="26" y="5"/>
                    <a:pt x="27" y="4"/>
                  </a:cubicBezTo>
                  <a:cubicBezTo>
                    <a:pt x="29" y="4"/>
                    <a:pt x="32" y="10"/>
                    <a:pt x="32" y="11"/>
                  </a:cubicBezTo>
                  <a:cubicBezTo>
                    <a:pt x="33" y="13"/>
                    <a:pt x="35" y="13"/>
                    <a:pt x="35" y="16"/>
                  </a:cubicBezTo>
                  <a:cubicBezTo>
                    <a:pt x="35" y="18"/>
                    <a:pt x="41" y="16"/>
                    <a:pt x="42" y="19"/>
                  </a:cubicBezTo>
                  <a:cubicBezTo>
                    <a:pt x="42" y="22"/>
                    <a:pt x="41" y="18"/>
                    <a:pt x="36" y="19"/>
                  </a:cubicBezTo>
                  <a:cubicBezTo>
                    <a:pt x="33" y="22"/>
                    <a:pt x="36" y="25"/>
                    <a:pt x="33" y="27"/>
                  </a:cubicBezTo>
                  <a:cubicBezTo>
                    <a:pt x="32" y="28"/>
                    <a:pt x="35" y="30"/>
                    <a:pt x="33" y="32"/>
                  </a:cubicBezTo>
                  <a:cubicBezTo>
                    <a:pt x="32" y="32"/>
                    <a:pt x="33" y="33"/>
                    <a:pt x="32" y="35"/>
                  </a:cubicBezTo>
                  <a:cubicBezTo>
                    <a:pt x="32" y="35"/>
                    <a:pt x="32" y="28"/>
                    <a:pt x="30" y="35"/>
                  </a:cubicBezTo>
                  <a:cubicBezTo>
                    <a:pt x="29" y="38"/>
                    <a:pt x="29" y="39"/>
                    <a:pt x="30" y="41"/>
                  </a:cubicBezTo>
                </a:path>
              </a:pathLst>
            </a:custGeom>
            <a:solidFill>
              <a:schemeClr val="accent5"/>
            </a:solidFill>
            <a:ln w="6350" cmpd="sng">
              <a:solidFill>
                <a:schemeClr val="bg1"/>
              </a:solidFill>
              <a:round/>
              <a:headEnd/>
              <a:tailEnd/>
            </a:ln>
          </p:spPr>
          <p:txBody>
            <a:bodyPr/>
            <a:lstStyle/>
            <a:p>
              <a:endParaRPr lang="en-GB" sz="1633" dirty="0"/>
            </a:p>
          </p:txBody>
        </p:sp>
        <p:sp>
          <p:nvSpPr>
            <p:cNvPr id="239" name="Freeform 195"/>
            <p:cNvSpPr>
              <a:spLocks/>
            </p:cNvSpPr>
            <p:nvPr/>
          </p:nvSpPr>
          <p:spPr bwMode="auto">
            <a:xfrm>
              <a:off x="6631199" y="3869776"/>
              <a:ext cx="36956" cy="33742"/>
            </a:xfrm>
            <a:custGeom>
              <a:avLst/>
              <a:gdLst/>
              <a:ahLst/>
              <a:cxnLst>
                <a:cxn ang="0">
                  <a:pos x="0" y="2"/>
                </a:cxn>
                <a:cxn ang="0">
                  <a:pos x="3" y="0"/>
                </a:cxn>
                <a:cxn ang="0">
                  <a:pos x="4" y="3"/>
                </a:cxn>
                <a:cxn ang="0">
                  <a:pos x="6" y="3"/>
                </a:cxn>
                <a:cxn ang="0">
                  <a:pos x="7" y="3"/>
                </a:cxn>
                <a:cxn ang="0">
                  <a:pos x="9" y="5"/>
                </a:cxn>
                <a:cxn ang="0">
                  <a:pos x="10" y="6"/>
                </a:cxn>
                <a:cxn ang="0">
                  <a:pos x="12" y="11"/>
                </a:cxn>
                <a:cxn ang="0">
                  <a:pos x="9" y="11"/>
                </a:cxn>
                <a:cxn ang="0">
                  <a:pos x="0" y="2"/>
                </a:cxn>
              </a:cxnLst>
              <a:rect l="0" t="0" r="r" b="b"/>
              <a:pathLst>
                <a:path w="12" h="11">
                  <a:moveTo>
                    <a:pt x="0" y="2"/>
                  </a:moveTo>
                  <a:cubicBezTo>
                    <a:pt x="1" y="2"/>
                    <a:pt x="1" y="0"/>
                    <a:pt x="3" y="0"/>
                  </a:cubicBezTo>
                  <a:cubicBezTo>
                    <a:pt x="4" y="2"/>
                    <a:pt x="3" y="3"/>
                    <a:pt x="4" y="3"/>
                  </a:cubicBezTo>
                  <a:cubicBezTo>
                    <a:pt x="6" y="2"/>
                    <a:pt x="4" y="3"/>
                    <a:pt x="6" y="3"/>
                  </a:cubicBezTo>
                  <a:cubicBezTo>
                    <a:pt x="7" y="3"/>
                    <a:pt x="7" y="3"/>
                    <a:pt x="7" y="3"/>
                  </a:cubicBezTo>
                  <a:cubicBezTo>
                    <a:pt x="9" y="3"/>
                    <a:pt x="7" y="5"/>
                    <a:pt x="9" y="5"/>
                  </a:cubicBezTo>
                  <a:cubicBezTo>
                    <a:pt x="10" y="6"/>
                    <a:pt x="10" y="6"/>
                    <a:pt x="10" y="6"/>
                  </a:cubicBezTo>
                  <a:cubicBezTo>
                    <a:pt x="10" y="8"/>
                    <a:pt x="10" y="9"/>
                    <a:pt x="12" y="11"/>
                  </a:cubicBezTo>
                  <a:cubicBezTo>
                    <a:pt x="10" y="11"/>
                    <a:pt x="10" y="11"/>
                    <a:pt x="9" y="11"/>
                  </a:cubicBezTo>
                  <a:cubicBezTo>
                    <a:pt x="4" y="9"/>
                    <a:pt x="3" y="5"/>
                    <a:pt x="0" y="2"/>
                  </a:cubicBezTo>
                </a:path>
              </a:pathLst>
            </a:custGeom>
            <a:solidFill>
              <a:schemeClr val="accent5"/>
            </a:solidFill>
            <a:ln w="6350" cmpd="sng">
              <a:solidFill>
                <a:schemeClr val="bg1"/>
              </a:solidFill>
              <a:round/>
              <a:headEnd/>
              <a:tailEnd/>
            </a:ln>
          </p:spPr>
          <p:txBody>
            <a:bodyPr/>
            <a:lstStyle/>
            <a:p>
              <a:endParaRPr lang="en-GB" sz="1633" dirty="0"/>
            </a:p>
          </p:txBody>
        </p:sp>
        <p:sp>
          <p:nvSpPr>
            <p:cNvPr id="240" name="Freeform 196"/>
            <p:cNvSpPr>
              <a:spLocks/>
            </p:cNvSpPr>
            <p:nvPr/>
          </p:nvSpPr>
          <p:spPr bwMode="auto">
            <a:xfrm>
              <a:off x="6597456" y="3816752"/>
              <a:ext cx="80339" cy="86764"/>
            </a:xfrm>
            <a:custGeom>
              <a:avLst/>
              <a:gdLst/>
              <a:ahLst/>
              <a:cxnLst>
                <a:cxn ang="0">
                  <a:pos x="24" y="28"/>
                </a:cxn>
                <a:cxn ang="0">
                  <a:pos x="24" y="25"/>
                </a:cxn>
                <a:cxn ang="0">
                  <a:pos x="24" y="25"/>
                </a:cxn>
                <a:cxn ang="0">
                  <a:pos x="26" y="23"/>
                </a:cxn>
                <a:cxn ang="0">
                  <a:pos x="24" y="22"/>
                </a:cxn>
                <a:cxn ang="0">
                  <a:pos x="26" y="20"/>
                </a:cxn>
                <a:cxn ang="0">
                  <a:pos x="23" y="19"/>
                </a:cxn>
                <a:cxn ang="0">
                  <a:pos x="20" y="16"/>
                </a:cxn>
                <a:cxn ang="0">
                  <a:pos x="18" y="16"/>
                </a:cxn>
                <a:cxn ang="0">
                  <a:pos x="20" y="16"/>
                </a:cxn>
                <a:cxn ang="0">
                  <a:pos x="21" y="12"/>
                </a:cxn>
                <a:cxn ang="0">
                  <a:pos x="17" y="9"/>
                </a:cxn>
                <a:cxn ang="0">
                  <a:pos x="18" y="6"/>
                </a:cxn>
                <a:cxn ang="0">
                  <a:pos x="14" y="0"/>
                </a:cxn>
                <a:cxn ang="0">
                  <a:pos x="12" y="2"/>
                </a:cxn>
                <a:cxn ang="0">
                  <a:pos x="8" y="2"/>
                </a:cxn>
                <a:cxn ang="0">
                  <a:pos x="6" y="2"/>
                </a:cxn>
                <a:cxn ang="0">
                  <a:pos x="1" y="3"/>
                </a:cxn>
                <a:cxn ang="0">
                  <a:pos x="1" y="3"/>
                </a:cxn>
                <a:cxn ang="0">
                  <a:pos x="1" y="3"/>
                </a:cxn>
                <a:cxn ang="0">
                  <a:pos x="3" y="8"/>
                </a:cxn>
                <a:cxn ang="0">
                  <a:pos x="1" y="11"/>
                </a:cxn>
                <a:cxn ang="0">
                  <a:pos x="3" y="12"/>
                </a:cxn>
                <a:cxn ang="0">
                  <a:pos x="1" y="14"/>
                </a:cxn>
                <a:cxn ang="0">
                  <a:pos x="9" y="16"/>
                </a:cxn>
                <a:cxn ang="0">
                  <a:pos x="11" y="19"/>
                </a:cxn>
                <a:cxn ang="0">
                  <a:pos x="14" y="17"/>
                </a:cxn>
                <a:cxn ang="0">
                  <a:pos x="15" y="20"/>
                </a:cxn>
                <a:cxn ang="0">
                  <a:pos x="17" y="20"/>
                </a:cxn>
                <a:cxn ang="0">
                  <a:pos x="18" y="20"/>
                </a:cxn>
                <a:cxn ang="0">
                  <a:pos x="20" y="22"/>
                </a:cxn>
                <a:cxn ang="0">
                  <a:pos x="21" y="23"/>
                </a:cxn>
                <a:cxn ang="0">
                  <a:pos x="23" y="28"/>
                </a:cxn>
                <a:cxn ang="0">
                  <a:pos x="24" y="26"/>
                </a:cxn>
                <a:cxn ang="0">
                  <a:pos x="24" y="28"/>
                </a:cxn>
              </a:cxnLst>
              <a:rect l="0" t="0" r="r" b="b"/>
              <a:pathLst>
                <a:path w="26" h="28">
                  <a:moveTo>
                    <a:pt x="24" y="28"/>
                  </a:moveTo>
                  <a:cubicBezTo>
                    <a:pt x="24" y="26"/>
                    <a:pt x="24" y="26"/>
                    <a:pt x="24" y="25"/>
                  </a:cubicBezTo>
                  <a:cubicBezTo>
                    <a:pt x="24" y="25"/>
                    <a:pt x="24" y="25"/>
                    <a:pt x="24" y="25"/>
                  </a:cubicBezTo>
                  <a:cubicBezTo>
                    <a:pt x="23" y="23"/>
                    <a:pt x="26" y="23"/>
                    <a:pt x="26" y="23"/>
                  </a:cubicBezTo>
                  <a:cubicBezTo>
                    <a:pt x="26" y="23"/>
                    <a:pt x="23" y="22"/>
                    <a:pt x="24" y="22"/>
                  </a:cubicBezTo>
                  <a:cubicBezTo>
                    <a:pt x="24" y="20"/>
                    <a:pt x="26" y="22"/>
                    <a:pt x="26" y="20"/>
                  </a:cubicBezTo>
                  <a:cubicBezTo>
                    <a:pt x="26" y="19"/>
                    <a:pt x="23" y="20"/>
                    <a:pt x="23" y="19"/>
                  </a:cubicBezTo>
                  <a:cubicBezTo>
                    <a:pt x="21" y="19"/>
                    <a:pt x="20" y="17"/>
                    <a:pt x="20" y="16"/>
                  </a:cubicBezTo>
                  <a:cubicBezTo>
                    <a:pt x="18" y="16"/>
                    <a:pt x="18" y="16"/>
                    <a:pt x="18" y="16"/>
                  </a:cubicBezTo>
                  <a:cubicBezTo>
                    <a:pt x="17" y="14"/>
                    <a:pt x="20" y="16"/>
                    <a:pt x="20" y="16"/>
                  </a:cubicBezTo>
                  <a:cubicBezTo>
                    <a:pt x="20" y="14"/>
                    <a:pt x="21" y="12"/>
                    <a:pt x="21" y="12"/>
                  </a:cubicBezTo>
                  <a:cubicBezTo>
                    <a:pt x="17" y="9"/>
                    <a:pt x="17" y="9"/>
                    <a:pt x="17" y="9"/>
                  </a:cubicBezTo>
                  <a:cubicBezTo>
                    <a:pt x="15" y="6"/>
                    <a:pt x="18" y="6"/>
                    <a:pt x="18" y="6"/>
                  </a:cubicBezTo>
                  <a:cubicBezTo>
                    <a:pt x="18" y="5"/>
                    <a:pt x="14" y="2"/>
                    <a:pt x="14" y="0"/>
                  </a:cubicBezTo>
                  <a:cubicBezTo>
                    <a:pt x="12" y="0"/>
                    <a:pt x="12" y="2"/>
                    <a:pt x="12" y="2"/>
                  </a:cubicBezTo>
                  <a:cubicBezTo>
                    <a:pt x="8" y="2"/>
                    <a:pt x="8" y="2"/>
                    <a:pt x="8" y="2"/>
                  </a:cubicBezTo>
                  <a:cubicBezTo>
                    <a:pt x="8" y="2"/>
                    <a:pt x="8" y="2"/>
                    <a:pt x="6" y="2"/>
                  </a:cubicBezTo>
                  <a:cubicBezTo>
                    <a:pt x="5" y="2"/>
                    <a:pt x="3" y="3"/>
                    <a:pt x="1" y="3"/>
                  </a:cubicBezTo>
                  <a:cubicBezTo>
                    <a:pt x="1" y="3"/>
                    <a:pt x="1" y="3"/>
                    <a:pt x="1" y="3"/>
                  </a:cubicBezTo>
                  <a:cubicBezTo>
                    <a:pt x="1" y="3"/>
                    <a:pt x="0" y="3"/>
                    <a:pt x="1" y="3"/>
                  </a:cubicBezTo>
                  <a:cubicBezTo>
                    <a:pt x="1" y="5"/>
                    <a:pt x="3" y="6"/>
                    <a:pt x="3" y="8"/>
                  </a:cubicBezTo>
                  <a:cubicBezTo>
                    <a:pt x="3" y="9"/>
                    <a:pt x="1" y="9"/>
                    <a:pt x="1" y="11"/>
                  </a:cubicBezTo>
                  <a:cubicBezTo>
                    <a:pt x="1" y="12"/>
                    <a:pt x="3" y="12"/>
                    <a:pt x="3" y="12"/>
                  </a:cubicBezTo>
                  <a:cubicBezTo>
                    <a:pt x="3" y="14"/>
                    <a:pt x="1" y="14"/>
                    <a:pt x="1" y="14"/>
                  </a:cubicBezTo>
                  <a:cubicBezTo>
                    <a:pt x="5" y="16"/>
                    <a:pt x="8" y="14"/>
                    <a:pt x="9" y="16"/>
                  </a:cubicBezTo>
                  <a:cubicBezTo>
                    <a:pt x="11" y="17"/>
                    <a:pt x="11" y="17"/>
                    <a:pt x="11" y="19"/>
                  </a:cubicBezTo>
                  <a:cubicBezTo>
                    <a:pt x="12" y="19"/>
                    <a:pt x="12" y="17"/>
                    <a:pt x="14" y="17"/>
                  </a:cubicBezTo>
                  <a:cubicBezTo>
                    <a:pt x="15" y="19"/>
                    <a:pt x="14" y="20"/>
                    <a:pt x="15" y="20"/>
                  </a:cubicBezTo>
                  <a:cubicBezTo>
                    <a:pt x="17" y="19"/>
                    <a:pt x="15" y="20"/>
                    <a:pt x="17" y="20"/>
                  </a:cubicBezTo>
                  <a:cubicBezTo>
                    <a:pt x="18" y="20"/>
                    <a:pt x="18" y="20"/>
                    <a:pt x="18" y="20"/>
                  </a:cubicBezTo>
                  <a:cubicBezTo>
                    <a:pt x="20" y="20"/>
                    <a:pt x="18" y="22"/>
                    <a:pt x="20" y="22"/>
                  </a:cubicBezTo>
                  <a:cubicBezTo>
                    <a:pt x="21" y="23"/>
                    <a:pt x="21" y="23"/>
                    <a:pt x="21" y="23"/>
                  </a:cubicBezTo>
                  <a:cubicBezTo>
                    <a:pt x="21" y="25"/>
                    <a:pt x="21" y="26"/>
                    <a:pt x="23" y="28"/>
                  </a:cubicBezTo>
                  <a:cubicBezTo>
                    <a:pt x="23" y="28"/>
                    <a:pt x="23" y="26"/>
                    <a:pt x="24" y="26"/>
                  </a:cubicBezTo>
                  <a:cubicBezTo>
                    <a:pt x="24" y="28"/>
                    <a:pt x="24" y="28"/>
                    <a:pt x="24" y="28"/>
                  </a:cubicBezTo>
                </a:path>
              </a:pathLst>
            </a:custGeom>
            <a:solidFill>
              <a:schemeClr val="accent5"/>
            </a:solidFill>
            <a:ln w="6350" cmpd="sng">
              <a:solidFill>
                <a:schemeClr val="bg1"/>
              </a:solidFill>
              <a:round/>
              <a:headEnd/>
              <a:tailEnd/>
            </a:ln>
          </p:spPr>
          <p:txBody>
            <a:bodyPr/>
            <a:lstStyle/>
            <a:p>
              <a:endParaRPr lang="en-GB" sz="1633" dirty="0"/>
            </a:p>
          </p:txBody>
        </p:sp>
        <p:sp>
          <p:nvSpPr>
            <p:cNvPr id="241" name="Freeform 197"/>
            <p:cNvSpPr>
              <a:spLocks/>
            </p:cNvSpPr>
            <p:nvPr/>
          </p:nvSpPr>
          <p:spPr bwMode="auto">
            <a:xfrm>
              <a:off x="6509084" y="3738022"/>
              <a:ext cx="175139" cy="91585"/>
            </a:xfrm>
            <a:custGeom>
              <a:avLst/>
              <a:gdLst/>
              <a:ahLst/>
              <a:cxnLst>
                <a:cxn ang="0">
                  <a:pos x="30" y="28"/>
                </a:cxn>
                <a:cxn ang="0">
                  <a:pos x="34" y="26"/>
                </a:cxn>
                <a:cxn ang="0">
                  <a:pos x="36" y="26"/>
                </a:cxn>
                <a:cxn ang="0">
                  <a:pos x="41" y="26"/>
                </a:cxn>
                <a:cxn ang="0">
                  <a:pos x="42" y="25"/>
                </a:cxn>
                <a:cxn ang="0">
                  <a:pos x="44" y="23"/>
                </a:cxn>
                <a:cxn ang="0">
                  <a:pos x="47" y="25"/>
                </a:cxn>
                <a:cxn ang="0">
                  <a:pos x="48" y="26"/>
                </a:cxn>
                <a:cxn ang="0">
                  <a:pos x="51" y="26"/>
                </a:cxn>
                <a:cxn ang="0">
                  <a:pos x="54" y="26"/>
                </a:cxn>
                <a:cxn ang="0">
                  <a:pos x="51" y="23"/>
                </a:cxn>
                <a:cxn ang="0">
                  <a:pos x="51" y="22"/>
                </a:cxn>
                <a:cxn ang="0">
                  <a:pos x="53" y="19"/>
                </a:cxn>
                <a:cxn ang="0">
                  <a:pos x="47" y="16"/>
                </a:cxn>
                <a:cxn ang="0">
                  <a:pos x="47" y="11"/>
                </a:cxn>
                <a:cxn ang="0">
                  <a:pos x="42" y="10"/>
                </a:cxn>
                <a:cxn ang="0">
                  <a:pos x="37" y="10"/>
                </a:cxn>
                <a:cxn ang="0">
                  <a:pos x="31" y="11"/>
                </a:cxn>
                <a:cxn ang="0">
                  <a:pos x="30" y="8"/>
                </a:cxn>
                <a:cxn ang="0">
                  <a:pos x="24" y="5"/>
                </a:cxn>
                <a:cxn ang="0">
                  <a:pos x="17" y="4"/>
                </a:cxn>
                <a:cxn ang="0">
                  <a:pos x="11" y="4"/>
                </a:cxn>
                <a:cxn ang="0">
                  <a:pos x="7" y="0"/>
                </a:cxn>
                <a:cxn ang="0">
                  <a:pos x="0" y="2"/>
                </a:cxn>
                <a:cxn ang="0">
                  <a:pos x="10" y="8"/>
                </a:cxn>
                <a:cxn ang="0">
                  <a:pos x="14" y="14"/>
                </a:cxn>
                <a:cxn ang="0">
                  <a:pos x="13" y="23"/>
                </a:cxn>
                <a:cxn ang="0">
                  <a:pos x="17" y="23"/>
                </a:cxn>
                <a:cxn ang="0">
                  <a:pos x="21" y="23"/>
                </a:cxn>
                <a:cxn ang="0">
                  <a:pos x="22" y="22"/>
                </a:cxn>
                <a:cxn ang="0">
                  <a:pos x="27" y="25"/>
                </a:cxn>
                <a:cxn ang="0">
                  <a:pos x="27" y="25"/>
                </a:cxn>
                <a:cxn ang="0">
                  <a:pos x="27" y="26"/>
                </a:cxn>
                <a:cxn ang="0">
                  <a:pos x="30" y="26"/>
                </a:cxn>
                <a:cxn ang="0">
                  <a:pos x="30" y="28"/>
                </a:cxn>
              </a:cxnLst>
              <a:rect l="0" t="0" r="r" b="b"/>
              <a:pathLst>
                <a:path w="56" h="29">
                  <a:moveTo>
                    <a:pt x="30" y="28"/>
                  </a:moveTo>
                  <a:cubicBezTo>
                    <a:pt x="31" y="28"/>
                    <a:pt x="33" y="26"/>
                    <a:pt x="34" y="26"/>
                  </a:cubicBezTo>
                  <a:cubicBezTo>
                    <a:pt x="36" y="26"/>
                    <a:pt x="36" y="26"/>
                    <a:pt x="36" y="26"/>
                  </a:cubicBezTo>
                  <a:cubicBezTo>
                    <a:pt x="41" y="26"/>
                    <a:pt x="41" y="26"/>
                    <a:pt x="41" y="26"/>
                  </a:cubicBezTo>
                  <a:cubicBezTo>
                    <a:pt x="41" y="26"/>
                    <a:pt x="41" y="25"/>
                    <a:pt x="42" y="25"/>
                  </a:cubicBezTo>
                  <a:cubicBezTo>
                    <a:pt x="44" y="23"/>
                    <a:pt x="44" y="23"/>
                    <a:pt x="44" y="23"/>
                  </a:cubicBezTo>
                  <a:cubicBezTo>
                    <a:pt x="47" y="25"/>
                    <a:pt x="47" y="25"/>
                    <a:pt x="47" y="25"/>
                  </a:cubicBezTo>
                  <a:cubicBezTo>
                    <a:pt x="48" y="25"/>
                    <a:pt x="47" y="26"/>
                    <a:pt x="48" y="26"/>
                  </a:cubicBezTo>
                  <a:cubicBezTo>
                    <a:pt x="50" y="26"/>
                    <a:pt x="50" y="26"/>
                    <a:pt x="51" y="26"/>
                  </a:cubicBezTo>
                  <a:cubicBezTo>
                    <a:pt x="53" y="26"/>
                    <a:pt x="53" y="29"/>
                    <a:pt x="54" y="26"/>
                  </a:cubicBezTo>
                  <a:cubicBezTo>
                    <a:pt x="56" y="25"/>
                    <a:pt x="51" y="23"/>
                    <a:pt x="51" y="23"/>
                  </a:cubicBezTo>
                  <a:cubicBezTo>
                    <a:pt x="51" y="22"/>
                    <a:pt x="51" y="22"/>
                    <a:pt x="51" y="22"/>
                  </a:cubicBezTo>
                  <a:cubicBezTo>
                    <a:pt x="51" y="20"/>
                    <a:pt x="53" y="19"/>
                    <a:pt x="53" y="19"/>
                  </a:cubicBezTo>
                  <a:cubicBezTo>
                    <a:pt x="48" y="17"/>
                    <a:pt x="48" y="17"/>
                    <a:pt x="47" y="16"/>
                  </a:cubicBezTo>
                  <a:cubicBezTo>
                    <a:pt x="45" y="14"/>
                    <a:pt x="50" y="11"/>
                    <a:pt x="47" y="11"/>
                  </a:cubicBezTo>
                  <a:cubicBezTo>
                    <a:pt x="44" y="11"/>
                    <a:pt x="44" y="10"/>
                    <a:pt x="42" y="10"/>
                  </a:cubicBezTo>
                  <a:cubicBezTo>
                    <a:pt x="41" y="8"/>
                    <a:pt x="41" y="11"/>
                    <a:pt x="37" y="10"/>
                  </a:cubicBezTo>
                  <a:cubicBezTo>
                    <a:pt x="36" y="8"/>
                    <a:pt x="34" y="13"/>
                    <a:pt x="31" y="11"/>
                  </a:cubicBezTo>
                  <a:cubicBezTo>
                    <a:pt x="30" y="10"/>
                    <a:pt x="34" y="10"/>
                    <a:pt x="30" y="8"/>
                  </a:cubicBezTo>
                  <a:cubicBezTo>
                    <a:pt x="25" y="7"/>
                    <a:pt x="25" y="5"/>
                    <a:pt x="24" y="5"/>
                  </a:cubicBezTo>
                  <a:cubicBezTo>
                    <a:pt x="22" y="5"/>
                    <a:pt x="21" y="2"/>
                    <a:pt x="17" y="4"/>
                  </a:cubicBezTo>
                  <a:cubicBezTo>
                    <a:pt x="13" y="7"/>
                    <a:pt x="14" y="4"/>
                    <a:pt x="11" y="4"/>
                  </a:cubicBezTo>
                  <a:cubicBezTo>
                    <a:pt x="8" y="4"/>
                    <a:pt x="8" y="0"/>
                    <a:pt x="7" y="0"/>
                  </a:cubicBezTo>
                  <a:cubicBezTo>
                    <a:pt x="5" y="0"/>
                    <a:pt x="2" y="0"/>
                    <a:pt x="0" y="2"/>
                  </a:cubicBezTo>
                  <a:cubicBezTo>
                    <a:pt x="7" y="7"/>
                    <a:pt x="8" y="5"/>
                    <a:pt x="10" y="8"/>
                  </a:cubicBezTo>
                  <a:cubicBezTo>
                    <a:pt x="11" y="11"/>
                    <a:pt x="13" y="7"/>
                    <a:pt x="14" y="14"/>
                  </a:cubicBezTo>
                  <a:cubicBezTo>
                    <a:pt x="16" y="22"/>
                    <a:pt x="14" y="22"/>
                    <a:pt x="13" y="23"/>
                  </a:cubicBezTo>
                  <a:cubicBezTo>
                    <a:pt x="16" y="25"/>
                    <a:pt x="14" y="23"/>
                    <a:pt x="17" y="23"/>
                  </a:cubicBezTo>
                  <a:cubicBezTo>
                    <a:pt x="17" y="23"/>
                    <a:pt x="21" y="25"/>
                    <a:pt x="21" y="23"/>
                  </a:cubicBezTo>
                  <a:cubicBezTo>
                    <a:pt x="22" y="22"/>
                    <a:pt x="22" y="22"/>
                    <a:pt x="22" y="22"/>
                  </a:cubicBezTo>
                  <a:cubicBezTo>
                    <a:pt x="22" y="22"/>
                    <a:pt x="24" y="22"/>
                    <a:pt x="27" y="25"/>
                  </a:cubicBezTo>
                  <a:cubicBezTo>
                    <a:pt x="27" y="25"/>
                    <a:pt x="27" y="25"/>
                    <a:pt x="27" y="25"/>
                  </a:cubicBezTo>
                  <a:cubicBezTo>
                    <a:pt x="27" y="26"/>
                    <a:pt x="27" y="26"/>
                    <a:pt x="27" y="26"/>
                  </a:cubicBezTo>
                  <a:cubicBezTo>
                    <a:pt x="28" y="28"/>
                    <a:pt x="28" y="26"/>
                    <a:pt x="30" y="26"/>
                  </a:cubicBezTo>
                  <a:cubicBezTo>
                    <a:pt x="30" y="28"/>
                    <a:pt x="30" y="28"/>
                    <a:pt x="30" y="28"/>
                  </a:cubicBezTo>
                </a:path>
              </a:pathLst>
            </a:custGeom>
            <a:solidFill>
              <a:schemeClr val="accent5"/>
            </a:solidFill>
            <a:ln w="6350" cmpd="sng">
              <a:solidFill>
                <a:schemeClr val="bg1"/>
              </a:solidFill>
              <a:round/>
              <a:headEnd/>
              <a:tailEnd/>
            </a:ln>
          </p:spPr>
          <p:txBody>
            <a:bodyPr/>
            <a:lstStyle/>
            <a:p>
              <a:endParaRPr lang="en-GB" sz="1633" dirty="0"/>
            </a:p>
          </p:txBody>
        </p:sp>
        <p:sp>
          <p:nvSpPr>
            <p:cNvPr id="242" name="Freeform 198"/>
            <p:cNvSpPr>
              <a:spLocks/>
            </p:cNvSpPr>
            <p:nvPr/>
          </p:nvSpPr>
          <p:spPr bwMode="auto">
            <a:xfrm>
              <a:off x="6661728" y="3289738"/>
              <a:ext cx="1023520" cy="557543"/>
            </a:xfrm>
            <a:custGeom>
              <a:avLst/>
              <a:gdLst/>
              <a:ahLst/>
              <a:cxnLst>
                <a:cxn ang="0">
                  <a:pos x="197" y="160"/>
                </a:cxn>
                <a:cxn ang="0">
                  <a:pos x="194" y="162"/>
                </a:cxn>
                <a:cxn ang="0">
                  <a:pos x="185" y="168"/>
                </a:cxn>
                <a:cxn ang="0">
                  <a:pos x="179" y="176"/>
                </a:cxn>
                <a:cxn ang="0">
                  <a:pos x="174" y="176"/>
                </a:cxn>
                <a:cxn ang="0">
                  <a:pos x="174" y="173"/>
                </a:cxn>
                <a:cxn ang="0">
                  <a:pos x="163" y="168"/>
                </a:cxn>
                <a:cxn ang="0">
                  <a:pos x="159" y="162"/>
                </a:cxn>
                <a:cxn ang="0">
                  <a:pos x="159" y="153"/>
                </a:cxn>
                <a:cxn ang="0">
                  <a:pos x="148" y="143"/>
                </a:cxn>
                <a:cxn ang="0">
                  <a:pos x="124" y="143"/>
                </a:cxn>
                <a:cxn ang="0">
                  <a:pos x="121" y="135"/>
                </a:cxn>
                <a:cxn ang="0">
                  <a:pos x="122" y="124"/>
                </a:cxn>
                <a:cxn ang="0">
                  <a:pos x="122" y="114"/>
                </a:cxn>
                <a:cxn ang="0">
                  <a:pos x="121" y="109"/>
                </a:cxn>
                <a:cxn ang="0">
                  <a:pos x="112" y="109"/>
                </a:cxn>
                <a:cxn ang="0">
                  <a:pos x="107" y="114"/>
                </a:cxn>
                <a:cxn ang="0">
                  <a:pos x="99" y="121"/>
                </a:cxn>
                <a:cxn ang="0">
                  <a:pos x="80" y="132"/>
                </a:cxn>
                <a:cxn ang="0">
                  <a:pos x="75" y="170"/>
                </a:cxn>
                <a:cxn ang="0">
                  <a:pos x="63" y="159"/>
                </a:cxn>
                <a:cxn ang="0">
                  <a:pos x="51" y="165"/>
                </a:cxn>
                <a:cxn ang="0">
                  <a:pos x="46" y="151"/>
                </a:cxn>
                <a:cxn ang="0">
                  <a:pos x="37" y="137"/>
                </a:cxn>
                <a:cxn ang="0">
                  <a:pos x="43" y="134"/>
                </a:cxn>
                <a:cxn ang="0">
                  <a:pos x="43" y="124"/>
                </a:cxn>
                <a:cxn ang="0">
                  <a:pos x="55" y="123"/>
                </a:cxn>
                <a:cxn ang="0">
                  <a:pos x="57" y="107"/>
                </a:cxn>
                <a:cxn ang="0">
                  <a:pos x="45" y="106"/>
                </a:cxn>
                <a:cxn ang="0">
                  <a:pos x="25" y="112"/>
                </a:cxn>
                <a:cxn ang="0">
                  <a:pos x="23" y="112"/>
                </a:cxn>
                <a:cxn ang="0">
                  <a:pos x="11" y="96"/>
                </a:cxn>
                <a:cxn ang="0">
                  <a:pos x="7" y="76"/>
                </a:cxn>
                <a:cxn ang="0">
                  <a:pos x="22" y="65"/>
                </a:cxn>
                <a:cxn ang="0">
                  <a:pos x="46" y="50"/>
                </a:cxn>
                <a:cxn ang="0">
                  <a:pos x="80" y="62"/>
                </a:cxn>
                <a:cxn ang="0">
                  <a:pos x="103" y="61"/>
                </a:cxn>
                <a:cxn ang="0">
                  <a:pos x="119" y="51"/>
                </a:cxn>
                <a:cxn ang="0">
                  <a:pos x="125" y="31"/>
                </a:cxn>
                <a:cxn ang="0">
                  <a:pos x="171" y="9"/>
                </a:cxn>
                <a:cxn ang="0">
                  <a:pos x="199" y="11"/>
                </a:cxn>
                <a:cxn ang="0">
                  <a:pos x="218" y="23"/>
                </a:cxn>
                <a:cxn ang="0">
                  <a:pos x="243" y="20"/>
                </a:cxn>
                <a:cxn ang="0">
                  <a:pos x="279" y="56"/>
                </a:cxn>
                <a:cxn ang="0">
                  <a:pos x="321" y="73"/>
                </a:cxn>
                <a:cxn ang="0">
                  <a:pos x="321" y="87"/>
                </a:cxn>
                <a:cxn ang="0">
                  <a:pos x="310" y="106"/>
                </a:cxn>
                <a:cxn ang="0">
                  <a:pos x="293" y="104"/>
                </a:cxn>
                <a:cxn ang="0">
                  <a:pos x="292" y="124"/>
                </a:cxn>
                <a:cxn ang="0">
                  <a:pos x="272" y="128"/>
                </a:cxn>
                <a:cxn ang="0">
                  <a:pos x="275" y="149"/>
                </a:cxn>
                <a:cxn ang="0">
                  <a:pos x="272" y="160"/>
                </a:cxn>
                <a:cxn ang="0">
                  <a:pos x="247" y="153"/>
                </a:cxn>
                <a:cxn ang="0">
                  <a:pos x="221" y="149"/>
                </a:cxn>
                <a:cxn ang="0">
                  <a:pos x="203" y="153"/>
                </a:cxn>
              </a:cxnLst>
              <a:rect l="0" t="0" r="r" b="b"/>
              <a:pathLst>
                <a:path w="328" h="179">
                  <a:moveTo>
                    <a:pt x="199" y="159"/>
                  </a:moveTo>
                  <a:cubicBezTo>
                    <a:pt x="197" y="160"/>
                    <a:pt x="197" y="160"/>
                    <a:pt x="197" y="160"/>
                  </a:cubicBezTo>
                  <a:cubicBezTo>
                    <a:pt x="196" y="160"/>
                    <a:pt x="197" y="162"/>
                    <a:pt x="196" y="162"/>
                  </a:cubicBezTo>
                  <a:cubicBezTo>
                    <a:pt x="194" y="162"/>
                    <a:pt x="196" y="160"/>
                    <a:pt x="194" y="162"/>
                  </a:cubicBezTo>
                  <a:cubicBezTo>
                    <a:pt x="191" y="163"/>
                    <a:pt x="189" y="165"/>
                    <a:pt x="188" y="166"/>
                  </a:cubicBezTo>
                  <a:cubicBezTo>
                    <a:pt x="186" y="168"/>
                    <a:pt x="186" y="168"/>
                    <a:pt x="185" y="168"/>
                  </a:cubicBezTo>
                  <a:cubicBezTo>
                    <a:pt x="182" y="170"/>
                    <a:pt x="183" y="171"/>
                    <a:pt x="182" y="171"/>
                  </a:cubicBezTo>
                  <a:cubicBezTo>
                    <a:pt x="180" y="173"/>
                    <a:pt x="179" y="174"/>
                    <a:pt x="179" y="176"/>
                  </a:cubicBezTo>
                  <a:cubicBezTo>
                    <a:pt x="180" y="177"/>
                    <a:pt x="179" y="179"/>
                    <a:pt x="177" y="177"/>
                  </a:cubicBezTo>
                  <a:cubicBezTo>
                    <a:pt x="174" y="176"/>
                    <a:pt x="174" y="176"/>
                    <a:pt x="174" y="176"/>
                  </a:cubicBezTo>
                  <a:cubicBezTo>
                    <a:pt x="176" y="173"/>
                    <a:pt x="176" y="173"/>
                    <a:pt x="176" y="173"/>
                  </a:cubicBezTo>
                  <a:cubicBezTo>
                    <a:pt x="176" y="173"/>
                    <a:pt x="176" y="174"/>
                    <a:pt x="174" y="173"/>
                  </a:cubicBezTo>
                  <a:cubicBezTo>
                    <a:pt x="174" y="171"/>
                    <a:pt x="174" y="171"/>
                    <a:pt x="168" y="171"/>
                  </a:cubicBezTo>
                  <a:cubicBezTo>
                    <a:pt x="163" y="173"/>
                    <a:pt x="163" y="171"/>
                    <a:pt x="163" y="168"/>
                  </a:cubicBezTo>
                  <a:cubicBezTo>
                    <a:pt x="163" y="165"/>
                    <a:pt x="163" y="162"/>
                    <a:pt x="162" y="162"/>
                  </a:cubicBezTo>
                  <a:cubicBezTo>
                    <a:pt x="159" y="162"/>
                    <a:pt x="159" y="162"/>
                    <a:pt x="159" y="162"/>
                  </a:cubicBezTo>
                  <a:cubicBezTo>
                    <a:pt x="159" y="162"/>
                    <a:pt x="159" y="160"/>
                    <a:pt x="159" y="157"/>
                  </a:cubicBezTo>
                  <a:cubicBezTo>
                    <a:pt x="160" y="153"/>
                    <a:pt x="160" y="149"/>
                    <a:pt x="159" y="153"/>
                  </a:cubicBezTo>
                  <a:cubicBezTo>
                    <a:pt x="156" y="154"/>
                    <a:pt x="157" y="148"/>
                    <a:pt x="154" y="146"/>
                  </a:cubicBezTo>
                  <a:cubicBezTo>
                    <a:pt x="151" y="145"/>
                    <a:pt x="151" y="142"/>
                    <a:pt x="148" y="143"/>
                  </a:cubicBezTo>
                  <a:cubicBezTo>
                    <a:pt x="144" y="146"/>
                    <a:pt x="141" y="143"/>
                    <a:pt x="133" y="145"/>
                  </a:cubicBezTo>
                  <a:cubicBezTo>
                    <a:pt x="127" y="146"/>
                    <a:pt x="127" y="146"/>
                    <a:pt x="124" y="143"/>
                  </a:cubicBezTo>
                  <a:cubicBezTo>
                    <a:pt x="122" y="140"/>
                    <a:pt x="121" y="139"/>
                    <a:pt x="121" y="137"/>
                  </a:cubicBezTo>
                  <a:cubicBezTo>
                    <a:pt x="119" y="137"/>
                    <a:pt x="121" y="135"/>
                    <a:pt x="121" y="135"/>
                  </a:cubicBezTo>
                  <a:cubicBezTo>
                    <a:pt x="119" y="131"/>
                    <a:pt x="121" y="135"/>
                    <a:pt x="127" y="128"/>
                  </a:cubicBezTo>
                  <a:cubicBezTo>
                    <a:pt x="125" y="123"/>
                    <a:pt x="122" y="129"/>
                    <a:pt x="122" y="124"/>
                  </a:cubicBezTo>
                  <a:cubicBezTo>
                    <a:pt x="122" y="120"/>
                    <a:pt x="121" y="121"/>
                    <a:pt x="119" y="117"/>
                  </a:cubicBezTo>
                  <a:cubicBezTo>
                    <a:pt x="118" y="112"/>
                    <a:pt x="122" y="117"/>
                    <a:pt x="122" y="114"/>
                  </a:cubicBezTo>
                  <a:cubicBezTo>
                    <a:pt x="122" y="110"/>
                    <a:pt x="124" y="114"/>
                    <a:pt x="124" y="107"/>
                  </a:cubicBezTo>
                  <a:cubicBezTo>
                    <a:pt x="124" y="106"/>
                    <a:pt x="121" y="107"/>
                    <a:pt x="121" y="109"/>
                  </a:cubicBezTo>
                  <a:cubicBezTo>
                    <a:pt x="119" y="112"/>
                    <a:pt x="116" y="112"/>
                    <a:pt x="118" y="109"/>
                  </a:cubicBezTo>
                  <a:cubicBezTo>
                    <a:pt x="119" y="106"/>
                    <a:pt x="116" y="107"/>
                    <a:pt x="112" y="109"/>
                  </a:cubicBezTo>
                  <a:cubicBezTo>
                    <a:pt x="107" y="112"/>
                    <a:pt x="113" y="110"/>
                    <a:pt x="112" y="114"/>
                  </a:cubicBezTo>
                  <a:cubicBezTo>
                    <a:pt x="110" y="117"/>
                    <a:pt x="109" y="112"/>
                    <a:pt x="107" y="114"/>
                  </a:cubicBezTo>
                  <a:cubicBezTo>
                    <a:pt x="106" y="114"/>
                    <a:pt x="109" y="115"/>
                    <a:pt x="107" y="117"/>
                  </a:cubicBezTo>
                  <a:cubicBezTo>
                    <a:pt x="104" y="118"/>
                    <a:pt x="103" y="114"/>
                    <a:pt x="99" y="121"/>
                  </a:cubicBezTo>
                  <a:cubicBezTo>
                    <a:pt x="98" y="121"/>
                    <a:pt x="84" y="126"/>
                    <a:pt x="81" y="128"/>
                  </a:cubicBezTo>
                  <a:cubicBezTo>
                    <a:pt x="78" y="128"/>
                    <a:pt x="80" y="128"/>
                    <a:pt x="80" y="132"/>
                  </a:cubicBezTo>
                  <a:cubicBezTo>
                    <a:pt x="80" y="135"/>
                    <a:pt x="80" y="170"/>
                    <a:pt x="80" y="170"/>
                  </a:cubicBezTo>
                  <a:cubicBezTo>
                    <a:pt x="77" y="170"/>
                    <a:pt x="75" y="171"/>
                    <a:pt x="75" y="170"/>
                  </a:cubicBezTo>
                  <a:cubicBezTo>
                    <a:pt x="71" y="163"/>
                    <a:pt x="72" y="163"/>
                    <a:pt x="69" y="162"/>
                  </a:cubicBezTo>
                  <a:cubicBezTo>
                    <a:pt x="67" y="160"/>
                    <a:pt x="66" y="157"/>
                    <a:pt x="63" y="159"/>
                  </a:cubicBezTo>
                  <a:cubicBezTo>
                    <a:pt x="60" y="159"/>
                    <a:pt x="57" y="160"/>
                    <a:pt x="55" y="162"/>
                  </a:cubicBezTo>
                  <a:cubicBezTo>
                    <a:pt x="52" y="163"/>
                    <a:pt x="51" y="165"/>
                    <a:pt x="51" y="165"/>
                  </a:cubicBezTo>
                  <a:cubicBezTo>
                    <a:pt x="49" y="157"/>
                    <a:pt x="57" y="157"/>
                    <a:pt x="52" y="154"/>
                  </a:cubicBezTo>
                  <a:cubicBezTo>
                    <a:pt x="49" y="149"/>
                    <a:pt x="48" y="154"/>
                    <a:pt x="46" y="151"/>
                  </a:cubicBezTo>
                  <a:cubicBezTo>
                    <a:pt x="45" y="148"/>
                    <a:pt x="42" y="151"/>
                    <a:pt x="42" y="148"/>
                  </a:cubicBezTo>
                  <a:cubicBezTo>
                    <a:pt x="42" y="148"/>
                    <a:pt x="40" y="137"/>
                    <a:pt x="37" y="137"/>
                  </a:cubicBezTo>
                  <a:cubicBezTo>
                    <a:pt x="32" y="137"/>
                    <a:pt x="31" y="134"/>
                    <a:pt x="35" y="132"/>
                  </a:cubicBezTo>
                  <a:cubicBezTo>
                    <a:pt x="42" y="132"/>
                    <a:pt x="37" y="135"/>
                    <a:pt x="43" y="134"/>
                  </a:cubicBezTo>
                  <a:cubicBezTo>
                    <a:pt x="48" y="134"/>
                    <a:pt x="35" y="129"/>
                    <a:pt x="40" y="128"/>
                  </a:cubicBezTo>
                  <a:cubicBezTo>
                    <a:pt x="45" y="126"/>
                    <a:pt x="40" y="126"/>
                    <a:pt x="43" y="124"/>
                  </a:cubicBezTo>
                  <a:cubicBezTo>
                    <a:pt x="46" y="121"/>
                    <a:pt x="45" y="124"/>
                    <a:pt x="49" y="124"/>
                  </a:cubicBezTo>
                  <a:cubicBezTo>
                    <a:pt x="52" y="123"/>
                    <a:pt x="60" y="126"/>
                    <a:pt x="55" y="123"/>
                  </a:cubicBezTo>
                  <a:cubicBezTo>
                    <a:pt x="52" y="120"/>
                    <a:pt x="58" y="115"/>
                    <a:pt x="57" y="112"/>
                  </a:cubicBezTo>
                  <a:cubicBezTo>
                    <a:pt x="55" y="110"/>
                    <a:pt x="57" y="109"/>
                    <a:pt x="57" y="107"/>
                  </a:cubicBezTo>
                  <a:cubicBezTo>
                    <a:pt x="55" y="106"/>
                    <a:pt x="52" y="104"/>
                    <a:pt x="51" y="106"/>
                  </a:cubicBezTo>
                  <a:cubicBezTo>
                    <a:pt x="49" y="109"/>
                    <a:pt x="49" y="107"/>
                    <a:pt x="45" y="106"/>
                  </a:cubicBezTo>
                  <a:cubicBezTo>
                    <a:pt x="42" y="103"/>
                    <a:pt x="39" y="104"/>
                    <a:pt x="32" y="109"/>
                  </a:cubicBezTo>
                  <a:cubicBezTo>
                    <a:pt x="28" y="114"/>
                    <a:pt x="28" y="109"/>
                    <a:pt x="25" y="112"/>
                  </a:cubicBezTo>
                  <a:cubicBezTo>
                    <a:pt x="23" y="117"/>
                    <a:pt x="22" y="115"/>
                    <a:pt x="22" y="117"/>
                  </a:cubicBezTo>
                  <a:cubicBezTo>
                    <a:pt x="22" y="115"/>
                    <a:pt x="22" y="117"/>
                    <a:pt x="23" y="112"/>
                  </a:cubicBezTo>
                  <a:cubicBezTo>
                    <a:pt x="16" y="107"/>
                    <a:pt x="28" y="110"/>
                    <a:pt x="20" y="103"/>
                  </a:cubicBezTo>
                  <a:cubicBezTo>
                    <a:pt x="14" y="95"/>
                    <a:pt x="14" y="95"/>
                    <a:pt x="11" y="96"/>
                  </a:cubicBezTo>
                  <a:cubicBezTo>
                    <a:pt x="8" y="96"/>
                    <a:pt x="11" y="92"/>
                    <a:pt x="7" y="89"/>
                  </a:cubicBezTo>
                  <a:cubicBezTo>
                    <a:pt x="0" y="87"/>
                    <a:pt x="10" y="81"/>
                    <a:pt x="7" y="76"/>
                  </a:cubicBezTo>
                  <a:cubicBezTo>
                    <a:pt x="3" y="73"/>
                    <a:pt x="11" y="62"/>
                    <a:pt x="14" y="65"/>
                  </a:cubicBezTo>
                  <a:cubicBezTo>
                    <a:pt x="20" y="75"/>
                    <a:pt x="22" y="72"/>
                    <a:pt x="22" y="65"/>
                  </a:cubicBezTo>
                  <a:cubicBezTo>
                    <a:pt x="22" y="59"/>
                    <a:pt x="32" y="56"/>
                    <a:pt x="37" y="51"/>
                  </a:cubicBezTo>
                  <a:cubicBezTo>
                    <a:pt x="40" y="45"/>
                    <a:pt x="42" y="54"/>
                    <a:pt x="46" y="50"/>
                  </a:cubicBezTo>
                  <a:cubicBezTo>
                    <a:pt x="52" y="47"/>
                    <a:pt x="51" y="51"/>
                    <a:pt x="58" y="53"/>
                  </a:cubicBezTo>
                  <a:cubicBezTo>
                    <a:pt x="66" y="53"/>
                    <a:pt x="74" y="67"/>
                    <a:pt x="80" y="62"/>
                  </a:cubicBezTo>
                  <a:cubicBezTo>
                    <a:pt x="83" y="57"/>
                    <a:pt x="84" y="54"/>
                    <a:pt x="89" y="57"/>
                  </a:cubicBezTo>
                  <a:cubicBezTo>
                    <a:pt x="93" y="61"/>
                    <a:pt x="93" y="53"/>
                    <a:pt x="103" y="61"/>
                  </a:cubicBezTo>
                  <a:cubicBezTo>
                    <a:pt x="112" y="67"/>
                    <a:pt x="107" y="56"/>
                    <a:pt x="113" y="61"/>
                  </a:cubicBezTo>
                  <a:cubicBezTo>
                    <a:pt x="121" y="65"/>
                    <a:pt x="128" y="54"/>
                    <a:pt x="119" y="51"/>
                  </a:cubicBezTo>
                  <a:cubicBezTo>
                    <a:pt x="103" y="44"/>
                    <a:pt x="124" y="45"/>
                    <a:pt x="118" y="39"/>
                  </a:cubicBezTo>
                  <a:cubicBezTo>
                    <a:pt x="112" y="34"/>
                    <a:pt x="133" y="34"/>
                    <a:pt x="125" y="31"/>
                  </a:cubicBezTo>
                  <a:cubicBezTo>
                    <a:pt x="118" y="28"/>
                    <a:pt x="115" y="20"/>
                    <a:pt x="124" y="20"/>
                  </a:cubicBezTo>
                  <a:cubicBezTo>
                    <a:pt x="133" y="20"/>
                    <a:pt x="163" y="14"/>
                    <a:pt x="171" y="9"/>
                  </a:cubicBezTo>
                  <a:cubicBezTo>
                    <a:pt x="180" y="6"/>
                    <a:pt x="182" y="0"/>
                    <a:pt x="188" y="5"/>
                  </a:cubicBezTo>
                  <a:cubicBezTo>
                    <a:pt x="193" y="8"/>
                    <a:pt x="196" y="0"/>
                    <a:pt x="199" y="11"/>
                  </a:cubicBezTo>
                  <a:cubicBezTo>
                    <a:pt x="202" y="23"/>
                    <a:pt x="206" y="15"/>
                    <a:pt x="212" y="19"/>
                  </a:cubicBezTo>
                  <a:cubicBezTo>
                    <a:pt x="218" y="22"/>
                    <a:pt x="223" y="19"/>
                    <a:pt x="218" y="23"/>
                  </a:cubicBezTo>
                  <a:cubicBezTo>
                    <a:pt x="214" y="28"/>
                    <a:pt x="223" y="28"/>
                    <a:pt x="235" y="20"/>
                  </a:cubicBezTo>
                  <a:cubicBezTo>
                    <a:pt x="247" y="11"/>
                    <a:pt x="246" y="17"/>
                    <a:pt x="243" y="20"/>
                  </a:cubicBezTo>
                  <a:cubicBezTo>
                    <a:pt x="240" y="23"/>
                    <a:pt x="252" y="25"/>
                    <a:pt x="263" y="45"/>
                  </a:cubicBezTo>
                  <a:cubicBezTo>
                    <a:pt x="276" y="75"/>
                    <a:pt x="270" y="48"/>
                    <a:pt x="279" y="56"/>
                  </a:cubicBezTo>
                  <a:cubicBezTo>
                    <a:pt x="290" y="65"/>
                    <a:pt x="295" y="53"/>
                    <a:pt x="304" y="62"/>
                  </a:cubicBezTo>
                  <a:cubicBezTo>
                    <a:pt x="311" y="73"/>
                    <a:pt x="314" y="79"/>
                    <a:pt x="321" y="73"/>
                  </a:cubicBezTo>
                  <a:cubicBezTo>
                    <a:pt x="328" y="68"/>
                    <a:pt x="321" y="75"/>
                    <a:pt x="328" y="81"/>
                  </a:cubicBezTo>
                  <a:cubicBezTo>
                    <a:pt x="319" y="79"/>
                    <a:pt x="328" y="86"/>
                    <a:pt x="321" y="87"/>
                  </a:cubicBezTo>
                  <a:cubicBezTo>
                    <a:pt x="311" y="90"/>
                    <a:pt x="313" y="96"/>
                    <a:pt x="314" y="100"/>
                  </a:cubicBezTo>
                  <a:cubicBezTo>
                    <a:pt x="316" y="103"/>
                    <a:pt x="314" y="104"/>
                    <a:pt x="310" y="106"/>
                  </a:cubicBezTo>
                  <a:cubicBezTo>
                    <a:pt x="307" y="107"/>
                    <a:pt x="308" y="104"/>
                    <a:pt x="304" y="106"/>
                  </a:cubicBezTo>
                  <a:cubicBezTo>
                    <a:pt x="299" y="106"/>
                    <a:pt x="295" y="100"/>
                    <a:pt x="293" y="104"/>
                  </a:cubicBezTo>
                  <a:cubicBezTo>
                    <a:pt x="293" y="107"/>
                    <a:pt x="292" y="117"/>
                    <a:pt x="289" y="120"/>
                  </a:cubicBezTo>
                  <a:cubicBezTo>
                    <a:pt x="287" y="123"/>
                    <a:pt x="292" y="121"/>
                    <a:pt x="292" y="124"/>
                  </a:cubicBezTo>
                  <a:cubicBezTo>
                    <a:pt x="290" y="128"/>
                    <a:pt x="287" y="126"/>
                    <a:pt x="284" y="124"/>
                  </a:cubicBezTo>
                  <a:cubicBezTo>
                    <a:pt x="282" y="124"/>
                    <a:pt x="276" y="126"/>
                    <a:pt x="272" y="128"/>
                  </a:cubicBezTo>
                  <a:cubicBezTo>
                    <a:pt x="264" y="129"/>
                    <a:pt x="275" y="129"/>
                    <a:pt x="273" y="132"/>
                  </a:cubicBezTo>
                  <a:cubicBezTo>
                    <a:pt x="272" y="135"/>
                    <a:pt x="279" y="148"/>
                    <a:pt x="275" y="149"/>
                  </a:cubicBezTo>
                  <a:cubicBezTo>
                    <a:pt x="272" y="151"/>
                    <a:pt x="276" y="153"/>
                    <a:pt x="273" y="153"/>
                  </a:cubicBezTo>
                  <a:cubicBezTo>
                    <a:pt x="270" y="154"/>
                    <a:pt x="273" y="159"/>
                    <a:pt x="272" y="160"/>
                  </a:cubicBezTo>
                  <a:cubicBezTo>
                    <a:pt x="269" y="156"/>
                    <a:pt x="266" y="159"/>
                    <a:pt x="264" y="156"/>
                  </a:cubicBezTo>
                  <a:cubicBezTo>
                    <a:pt x="264" y="153"/>
                    <a:pt x="258" y="153"/>
                    <a:pt x="247" y="153"/>
                  </a:cubicBezTo>
                  <a:cubicBezTo>
                    <a:pt x="235" y="151"/>
                    <a:pt x="235" y="154"/>
                    <a:pt x="232" y="153"/>
                  </a:cubicBezTo>
                  <a:cubicBezTo>
                    <a:pt x="231" y="151"/>
                    <a:pt x="226" y="148"/>
                    <a:pt x="221" y="149"/>
                  </a:cubicBezTo>
                  <a:cubicBezTo>
                    <a:pt x="215" y="151"/>
                    <a:pt x="220" y="159"/>
                    <a:pt x="217" y="157"/>
                  </a:cubicBezTo>
                  <a:cubicBezTo>
                    <a:pt x="214" y="156"/>
                    <a:pt x="208" y="153"/>
                    <a:pt x="203" y="153"/>
                  </a:cubicBezTo>
                  <a:cubicBezTo>
                    <a:pt x="199" y="154"/>
                    <a:pt x="199" y="157"/>
                    <a:pt x="199" y="159"/>
                  </a:cubicBezTo>
                </a:path>
              </a:pathLst>
            </a:custGeom>
            <a:solidFill>
              <a:schemeClr val="accent5"/>
            </a:solidFill>
            <a:ln w="6350" cmpd="sng">
              <a:solidFill>
                <a:schemeClr val="bg1"/>
              </a:solidFill>
              <a:round/>
              <a:headEnd/>
              <a:tailEnd/>
            </a:ln>
          </p:spPr>
          <p:txBody>
            <a:bodyPr/>
            <a:lstStyle/>
            <a:p>
              <a:endParaRPr lang="en-GB" sz="1633" dirty="0"/>
            </a:p>
          </p:txBody>
        </p:sp>
        <p:sp>
          <p:nvSpPr>
            <p:cNvPr id="243" name="Freeform 199"/>
            <p:cNvSpPr>
              <a:spLocks noEditPoints="1"/>
            </p:cNvSpPr>
            <p:nvPr/>
          </p:nvSpPr>
          <p:spPr bwMode="auto">
            <a:xfrm>
              <a:off x="6010981" y="2682386"/>
              <a:ext cx="298861" cy="448284"/>
            </a:xfrm>
            <a:custGeom>
              <a:avLst/>
              <a:gdLst/>
              <a:ahLst/>
              <a:cxnLst>
                <a:cxn ang="0">
                  <a:pos x="12" y="13"/>
                </a:cxn>
                <a:cxn ang="0">
                  <a:pos x="24" y="21"/>
                </a:cxn>
                <a:cxn ang="0">
                  <a:pos x="35" y="19"/>
                </a:cxn>
                <a:cxn ang="0">
                  <a:pos x="44" y="21"/>
                </a:cxn>
                <a:cxn ang="0">
                  <a:pos x="50" y="10"/>
                </a:cxn>
                <a:cxn ang="0">
                  <a:pos x="62" y="2"/>
                </a:cxn>
                <a:cxn ang="0">
                  <a:pos x="77" y="10"/>
                </a:cxn>
                <a:cxn ang="0">
                  <a:pos x="73" y="19"/>
                </a:cxn>
                <a:cxn ang="0">
                  <a:pos x="79" y="31"/>
                </a:cxn>
                <a:cxn ang="0">
                  <a:pos x="76" y="49"/>
                </a:cxn>
                <a:cxn ang="0">
                  <a:pos x="80" y="66"/>
                </a:cxn>
                <a:cxn ang="0">
                  <a:pos x="80" y="70"/>
                </a:cxn>
                <a:cxn ang="0">
                  <a:pos x="83" y="78"/>
                </a:cxn>
                <a:cxn ang="0">
                  <a:pos x="88" y="86"/>
                </a:cxn>
                <a:cxn ang="0">
                  <a:pos x="93" y="99"/>
                </a:cxn>
                <a:cxn ang="0">
                  <a:pos x="79" y="120"/>
                </a:cxn>
                <a:cxn ang="0">
                  <a:pos x="56" y="134"/>
                </a:cxn>
                <a:cxn ang="0">
                  <a:pos x="44" y="138"/>
                </a:cxn>
                <a:cxn ang="0">
                  <a:pos x="27" y="141"/>
                </a:cxn>
                <a:cxn ang="0">
                  <a:pos x="22" y="138"/>
                </a:cxn>
                <a:cxn ang="0">
                  <a:pos x="13" y="128"/>
                </a:cxn>
                <a:cxn ang="0">
                  <a:pos x="15" y="117"/>
                </a:cxn>
                <a:cxn ang="0">
                  <a:pos x="15" y="99"/>
                </a:cxn>
                <a:cxn ang="0">
                  <a:pos x="21" y="94"/>
                </a:cxn>
                <a:cxn ang="0">
                  <a:pos x="29" y="88"/>
                </a:cxn>
                <a:cxn ang="0">
                  <a:pos x="41" y="75"/>
                </a:cxn>
                <a:cxn ang="0">
                  <a:pos x="45" y="70"/>
                </a:cxn>
                <a:cxn ang="0">
                  <a:pos x="36" y="63"/>
                </a:cxn>
                <a:cxn ang="0">
                  <a:pos x="35" y="49"/>
                </a:cxn>
                <a:cxn ang="0">
                  <a:pos x="33" y="39"/>
                </a:cxn>
                <a:cxn ang="0">
                  <a:pos x="30" y="35"/>
                </a:cxn>
                <a:cxn ang="0">
                  <a:pos x="29" y="28"/>
                </a:cxn>
                <a:cxn ang="0">
                  <a:pos x="12" y="19"/>
                </a:cxn>
                <a:cxn ang="0">
                  <a:pos x="12" y="16"/>
                </a:cxn>
                <a:cxn ang="0">
                  <a:pos x="21" y="138"/>
                </a:cxn>
                <a:cxn ang="0">
                  <a:pos x="18" y="136"/>
                </a:cxn>
                <a:cxn ang="0">
                  <a:pos x="18" y="136"/>
                </a:cxn>
                <a:cxn ang="0">
                  <a:pos x="16" y="139"/>
                </a:cxn>
                <a:cxn ang="0">
                  <a:pos x="18" y="139"/>
                </a:cxn>
                <a:cxn ang="0">
                  <a:pos x="18" y="139"/>
                </a:cxn>
                <a:cxn ang="0">
                  <a:pos x="18" y="138"/>
                </a:cxn>
                <a:cxn ang="0">
                  <a:pos x="4" y="141"/>
                </a:cxn>
                <a:cxn ang="0">
                  <a:pos x="4" y="141"/>
                </a:cxn>
                <a:cxn ang="0">
                  <a:pos x="4" y="138"/>
                </a:cxn>
                <a:cxn ang="0">
                  <a:pos x="3" y="136"/>
                </a:cxn>
                <a:cxn ang="0">
                  <a:pos x="1" y="136"/>
                </a:cxn>
                <a:cxn ang="0">
                  <a:pos x="0" y="138"/>
                </a:cxn>
                <a:cxn ang="0">
                  <a:pos x="3" y="139"/>
                </a:cxn>
                <a:cxn ang="0">
                  <a:pos x="41" y="72"/>
                </a:cxn>
                <a:cxn ang="0">
                  <a:pos x="44" y="74"/>
                </a:cxn>
                <a:cxn ang="0">
                  <a:pos x="13" y="97"/>
                </a:cxn>
                <a:cxn ang="0">
                  <a:pos x="15" y="97"/>
                </a:cxn>
              </a:cxnLst>
              <a:rect l="0" t="0" r="r" b="b"/>
              <a:pathLst>
                <a:path w="96" h="144">
                  <a:moveTo>
                    <a:pt x="12" y="16"/>
                  </a:moveTo>
                  <a:cubicBezTo>
                    <a:pt x="12" y="16"/>
                    <a:pt x="10" y="14"/>
                    <a:pt x="12" y="13"/>
                  </a:cubicBezTo>
                  <a:cubicBezTo>
                    <a:pt x="15" y="11"/>
                    <a:pt x="18" y="14"/>
                    <a:pt x="21" y="17"/>
                  </a:cubicBezTo>
                  <a:cubicBezTo>
                    <a:pt x="24" y="21"/>
                    <a:pt x="19" y="21"/>
                    <a:pt x="24" y="21"/>
                  </a:cubicBezTo>
                  <a:cubicBezTo>
                    <a:pt x="30" y="21"/>
                    <a:pt x="27" y="22"/>
                    <a:pt x="30" y="22"/>
                  </a:cubicBezTo>
                  <a:cubicBezTo>
                    <a:pt x="35" y="21"/>
                    <a:pt x="33" y="19"/>
                    <a:pt x="35" y="19"/>
                  </a:cubicBezTo>
                  <a:cubicBezTo>
                    <a:pt x="36" y="21"/>
                    <a:pt x="39" y="21"/>
                    <a:pt x="42" y="24"/>
                  </a:cubicBezTo>
                  <a:cubicBezTo>
                    <a:pt x="42" y="22"/>
                    <a:pt x="44" y="24"/>
                    <a:pt x="44" y="21"/>
                  </a:cubicBezTo>
                  <a:cubicBezTo>
                    <a:pt x="45" y="17"/>
                    <a:pt x="51" y="19"/>
                    <a:pt x="48" y="16"/>
                  </a:cubicBezTo>
                  <a:cubicBezTo>
                    <a:pt x="47" y="13"/>
                    <a:pt x="50" y="13"/>
                    <a:pt x="50" y="10"/>
                  </a:cubicBezTo>
                  <a:cubicBezTo>
                    <a:pt x="50" y="8"/>
                    <a:pt x="51" y="5"/>
                    <a:pt x="54" y="3"/>
                  </a:cubicBezTo>
                  <a:cubicBezTo>
                    <a:pt x="58" y="2"/>
                    <a:pt x="56" y="5"/>
                    <a:pt x="62" y="2"/>
                  </a:cubicBezTo>
                  <a:cubicBezTo>
                    <a:pt x="65" y="0"/>
                    <a:pt x="65" y="0"/>
                    <a:pt x="67" y="3"/>
                  </a:cubicBezTo>
                  <a:cubicBezTo>
                    <a:pt x="68" y="5"/>
                    <a:pt x="76" y="6"/>
                    <a:pt x="77" y="10"/>
                  </a:cubicBezTo>
                  <a:cubicBezTo>
                    <a:pt x="77" y="11"/>
                    <a:pt x="70" y="14"/>
                    <a:pt x="74" y="16"/>
                  </a:cubicBezTo>
                  <a:cubicBezTo>
                    <a:pt x="67" y="21"/>
                    <a:pt x="73" y="17"/>
                    <a:pt x="73" y="19"/>
                  </a:cubicBezTo>
                  <a:cubicBezTo>
                    <a:pt x="74" y="22"/>
                    <a:pt x="70" y="21"/>
                    <a:pt x="71" y="25"/>
                  </a:cubicBezTo>
                  <a:cubicBezTo>
                    <a:pt x="73" y="33"/>
                    <a:pt x="76" y="27"/>
                    <a:pt x="79" y="31"/>
                  </a:cubicBezTo>
                  <a:cubicBezTo>
                    <a:pt x="82" y="36"/>
                    <a:pt x="85" y="35"/>
                    <a:pt x="82" y="38"/>
                  </a:cubicBezTo>
                  <a:cubicBezTo>
                    <a:pt x="79" y="41"/>
                    <a:pt x="73" y="46"/>
                    <a:pt x="76" y="49"/>
                  </a:cubicBezTo>
                  <a:cubicBezTo>
                    <a:pt x="79" y="50"/>
                    <a:pt x="85" y="64"/>
                    <a:pt x="83" y="64"/>
                  </a:cubicBezTo>
                  <a:cubicBezTo>
                    <a:pt x="80" y="64"/>
                    <a:pt x="80" y="64"/>
                    <a:pt x="80" y="66"/>
                  </a:cubicBezTo>
                  <a:cubicBezTo>
                    <a:pt x="82" y="66"/>
                    <a:pt x="80" y="66"/>
                    <a:pt x="80" y="67"/>
                  </a:cubicBezTo>
                  <a:cubicBezTo>
                    <a:pt x="80" y="70"/>
                    <a:pt x="79" y="69"/>
                    <a:pt x="80" y="70"/>
                  </a:cubicBezTo>
                  <a:cubicBezTo>
                    <a:pt x="83" y="72"/>
                    <a:pt x="79" y="72"/>
                    <a:pt x="79" y="74"/>
                  </a:cubicBezTo>
                  <a:cubicBezTo>
                    <a:pt x="80" y="77"/>
                    <a:pt x="86" y="77"/>
                    <a:pt x="83" y="78"/>
                  </a:cubicBezTo>
                  <a:cubicBezTo>
                    <a:pt x="82" y="80"/>
                    <a:pt x="83" y="80"/>
                    <a:pt x="83" y="81"/>
                  </a:cubicBezTo>
                  <a:cubicBezTo>
                    <a:pt x="82" y="83"/>
                    <a:pt x="88" y="83"/>
                    <a:pt x="88" y="86"/>
                  </a:cubicBezTo>
                  <a:cubicBezTo>
                    <a:pt x="86" y="89"/>
                    <a:pt x="80" y="89"/>
                    <a:pt x="83" y="92"/>
                  </a:cubicBezTo>
                  <a:cubicBezTo>
                    <a:pt x="86" y="94"/>
                    <a:pt x="91" y="95"/>
                    <a:pt x="93" y="99"/>
                  </a:cubicBezTo>
                  <a:cubicBezTo>
                    <a:pt x="94" y="102"/>
                    <a:pt x="96" y="100"/>
                    <a:pt x="94" y="103"/>
                  </a:cubicBezTo>
                  <a:cubicBezTo>
                    <a:pt x="93" y="106"/>
                    <a:pt x="88" y="113"/>
                    <a:pt x="79" y="120"/>
                  </a:cubicBezTo>
                  <a:cubicBezTo>
                    <a:pt x="71" y="128"/>
                    <a:pt x="68" y="130"/>
                    <a:pt x="65" y="133"/>
                  </a:cubicBezTo>
                  <a:cubicBezTo>
                    <a:pt x="61" y="136"/>
                    <a:pt x="61" y="133"/>
                    <a:pt x="56" y="134"/>
                  </a:cubicBezTo>
                  <a:cubicBezTo>
                    <a:pt x="51" y="138"/>
                    <a:pt x="53" y="133"/>
                    <a:pt x="51" y="136"/>
                  </a:cubicBezTo>
                  <a:cubicBezTo>
                    <a:pt x="48" y="139"/>
                    <a:pt x="50" y="134"/>
                    <a:pt x="44" y="138"/>
                  </a:cubicBezTo>
                  <a:cubicBezTo>
                    <a:pt x="35" y="142"/>
                    <a:pt x="33" y="141"/>
                    <a:pt x="30" y="142"/>
                  </a:cubicBezTo>
                  <a:cubicBezTo>
                    <a:pt x="25" y="144"/>
                    <a:pt x="25" y="144"/>
                    <a:pt x="27" y="141"/>
                  </a:cubicBezTo>
                  <a:cubicBezTo>
                    <a:pt x="29" y="139"/>
                    <a:pt x="27" y="138"/>
                    <a:pt x="25" y="141"/>
                  </a:cubicBezTo>
                  <a:cubicBezTo>
                    <a:pt x="22" y="142"/>
                    <a:pt x="22" y="139"/>
                    <a:pt x="22" y="138"/>
                  </a:cubicBezTo>
                  <a:cubicBezTo>
                    <a:pt x="24" y="134"/>
                    <a:pt x="21" y="134"/>
                    <a:pt x="16" y="134"/>
                  </a:cubicBezTo>
                  <a:cubicBezTo>
                    <a:pt x="12" y="133"/>
                    <a:pt x="13" y="133"/>
                    <a:pt x="13" y="128"/>
                  </a:cubicBezTo>
                  <a:cubicBezTo>
                    <a:pt x="15" y="125"/>
                    <a:pt x="15" y="124"/>
                    <a:pt x="15" y="122"/>
                  </a:cubicBezTo>
                  <a:cubicBezTo>
                    <a:pt x="13" y="119"/>
                    <a:pt x="18" y="120"/>
                    <a:pt x="15" y="117"/>
                  </a:cubicBezTo>
                  <a:cubicBezTo>
                    <a:pt x="10" y="111"/>
                    <a:pt x="16" y="114"/>
                    <a:pt x="13" y="110"/>
                  </a:cubicBezTo>
                  <a:cubicBezTo>
                    <a:pt x="10" y="103"/>
                    <a:pt x="15" y="102"/>
                    <a:pt x="15" y="99"/>
                  </a:cubicBezTo>
                  <a:cubicBezTo>
                    <a:pt x="15" y="97"/>
                    <a:pt x="18" y="100"/>
                    <a:pt x="19" y="99"/>
                  </a:cubicBezTo>
                  <a:cubicBezTo>
                    <a:pt x="22" y="97"/>
                    <a:pt x="19" y="94"/>
                    <a:pt x="21" y="94"/>
                  </a:cubicBezTo>
                  <a:cubicBezTo>
                    <a:pt x="22" y="94"/>
                    <a:pt x="22" y="91"/>
                    <a:pt x="25" y="92"/>
                  </a:cubicBezTo>
                  <a:cubicBezTo>
                    <a:pt x="27" y="92"/>
                    <a:pt x="25" y="89"/>
                    <a:pt x="29" y="88"/>
                  </a:cubicBezTo>
                  <a:cubicBezTo>
                    <a:pt x="32" y="88"/>
                    <a:pt x="27" y="88"/>
                    <a:pt x="33" y="85"/>
                  </a:cubicBezTo>
                  <a:cubicBezTo>
                    <a:pt x="39" y="80"/>
                    <a:pt x="38" y="77"/>
                    <a:pt x="41" y="75"/>
                  </a:cubicBezTo>
                  <a:cubicBezTo>
                    <a:pt x="45" y="74"/>
                    <a:pt x="45" y="75"/>
                    <a:pt x="45" y="74"/>
                  </a:cubicBezTo>
                  <a:cubicBezTo>
                    <a:pt x="47" y="72"/>
                    <a:pt x="44" y="74"/>
                    <a:pt x="45" y="70"/>
                  </a:cubicBezTo>
                  <a:cubicBezTo>
                    <a:pt x="45" y="67"/>
                    <a:pt x="47" y="66"/>
                    <a:pt x="42" y="64"/>
                  </a:cubicBezTo>
                  <a:cubicBezTo>
                    <a:pt x="38" y="64"/>
                    <a:pt x="41" y="63"/>
                    <a:pt x="36" y="63"/>
                  </a:cubicBezTo>
                  <a:cubicBezTo>
                    <a:pt x="36" y="58"/>
                    <a:pt x="30" y="56"/>
                    <a:pt x="33" y="53"/>
                  </a:cubicBezTo>
                  <a:cubicBezTo>
                    <a:pt x="35" y="50"/>
                    <a:pt x="33" y="50"/>
                    <a:pt x="35" y="49"/>
                  </a:cubicBezTo>
                  <a:cubicBezTo>
                    <a:pt x="36" y="47"/>
                    <a:pt x="32" y="46"/>
                    <a:pt x="32" y="44"/>
                  </a:cubicBezTo>
                  <a:cubicBezTo>
                    <a:pt x="32" y="41"/>
                    <a:pt x="33" y="41"/>
                    <a:pt x="33" y="39"/>
                  </a:cubicBezTo>
                  <a:cubicBezTo>
                    <a:pt x="33" y="38"/>
                    <a:pt x="30" y="41"/>
                    <a:pt x="30" y="39"/>
                  </a:cubicBezTo>
                  <a:cubicBezTo>
                    <a:pt x="30" y="38"/>
                    <a:pt x="32" y="39"/>
                    <a:pt x="30" y="35"/>
                  </a:cubicBezTo>
                  <a:cubicBezTo>
                    <a:pt x="30" y="31"/>
                    <a:pt x="35" y="35"/>
                    <a:pt x="30" y="30"/>
                  </a:cubicBezTo>
                  <a:cubicBezTo>
                    <a:pt x="27" y="28"/>
                    <a:pt x="29" y="30"/>
                    <a:pt x="29" y="28"/>
                  </a:cubicBezTo>
                  <a:cubicBezTo>
                    <a:pt x="29" y="27"/>
                    <a:pt x="25" y="25"/>
                    <a:pt x="22" y="25"/>
                  </a:cubicBezTo>
                  <a:cubicBezTo>
                    <a:pt x="19" y="25"/>
                    <a:pt x="15" y="22"/>
                    <a:pt x="12" y="19"/>
                  </a:cubicBezTo>
                  <a:cubicBezTo>
                    <a:pt x="7" y="17"/>
                    <a:pt x="12" y="17"/>
                    <a:pt x="9" y="16"/>
                  </a:cubicBezTo>
                  <a:cubicBezTo>
                    <a:pt x="9" y="14"/>
                    <a:pt x="12" y="17"/>
                    <a:pt x="12" y="16"/>
                  </a:cubicBezTo>
                  <a:close/>
                  <a:moveTo>
                    <a:pt x="19" y="136"/>
                  </a:moveTo>
                  <a:cubicBezTo>
                    <a:pt x="19" y="136"/>
                    <a:pt x="21" y="136"/>
                    <a:pt x="21" y="138"/>
                  </a:cubicBezTo>
                  <a:cubicBezTo>
                    <a:pt x="21" y="138"/>
                    <a:pt x="19" y="138"/>
                    <a:pt x="19" y="136"/>
                  </a:cubicBezTo>
                  <a:close/>
                  <a:moveTo>
                    <a:pt x="18" y="136"/>
                  </a:moveTo>
                  <a:cubicBezTo>
                    <a:pt x="18" y="136"/>
                    <a:pt x="16" y="134"/>
                    <a:pt x="18" y="134"/>
                  </a:cubicBezTo>
                  <a:cubicBezTo>
                    <a:pt x="18" y="134"/>
                    <a:pt x="19" y="136"/>
                    <a:pt x="18" y="136"/>
                  </a:cubicBezTo>
                  <a:close/>
                  <a:moveTo>
                    <a:pt x="15" y="139"/>
                  </a:moveTo>
                  <a:cubicBezTo>
                    <a:pt x="15" y="138"/>
                    <a:pt x="16" y="138"/>
                    <a:pt x="16" y="139"/>
                  </a:cubicBezTo>
                  <a:cubicBezTo>
                    <a:pt x="15" y="139"/>
                    <a:pt x="15" y="139"/>
                    <a:pt x="15" y="139"/>
                  </a:cubicBezTo>
                  <a:close/>
                  <a:moveTo>
                    <a:pt x="18" y="139"/>
                  </a:moveTo>
                  <a:cubicBezTo>
                    <a:pt x="18" y="138"/>
                    <a:pt x="19" y="138"/>
                    <a:pt x="19" y="138"/>
                  </a:cubicBezTo>
                  <a:cubicBezTo>
                    <a:pt x="19" y="139"/>
                    <a:pt x="19" y="139"/>
                    <a:pt x="18" y="139"/>
                  </a:cubicBezTo>
                  <a:close/>
                  <a:moveTo>
                    <a:pt x="16" y="139"/>
                  </a:moveTo>
                  <a:cubicBezTo>
                    <a:pt x="16" y="138"/>
                    <a:pt x="18" y="138"/>
                    <a:pt x="18" y="138"/>
                  </a:cubicBezTo>
                  <a:cubicBezTo>
                    <a:pt x="18" y="139"/>
                    <a:pt x="16" y="139"/>
                    <a:pt x="16" y="139"/>
                  </a:cubicBezTo>
                  <a:close/>
                  <a:moveTo>
                    <a:pt x="4" y="141"/>
                  </a:moveTo>
                  <a:cubicBezTo>
                    <a:pt x="4" y="141"/>
                    <a:pt x="3" y="139"/>
                    <a:pt x="4" y="139"/>
                  </a:cubicBezTo>
                  <a:cubicBezTo>
                    <a:pt x="4" y="139"/>
                    <a:pt x="6" y="141"/>
                    <a:pt x="4" y="141"/>
                  </a:cubicBezTo>
                  <a:close/>
                  <a:moveTo>
                    <a:pt x="3" y="139"/>
                  </a:moveTo>
                  <a:cubicBezTo>
                    <a:pt x="4" y="139"/>
                    <a:pt x="3" y="138"/>
                    <a:pt x="4" y="138"/>
                  </a:cubicBezTo>
                  <a:cubicBezTo>
                    <a:pt x="4" y="138"/>
                    <a:pt x="4" y="139"/>
                    <a:pt x="6" y="138"/>
                  </a:cubicBezTo>
                  <a:cubicBezTo>
                    <a:pt x="6" y="136"/>
                    <a:pt x="6" y="136"/>
                    <a:pt x="3" y="136"/>
                  </a:cubicBezTo>
                  <a:cubicBezTo>
                    <a:pt x="0" y="134"/>
                    <a:pt x="3" y="136"/>
                    <a:pt x="3" y="138"/>
                  </a:cubicBezTo>
                  <a:cubicBezTo>
                    <a:pt x="1" y="139"/>
                    <a:pt x="1" y="136"/>
                    <a:pt x="1" y="136"/>
                  </a:cubicBezTo>
                  <a:cubicBezTo>
                    <a:pt x="1" y="138"/>
                    <a:pt x="0" y="138"/>
                    <a:pt x="0" y="138"/>
                  </a:cubicBezTo>
                  <a:cubicBezTo>
                    <a:pt x="0" y="139"/>
                    <a:pt x="0" y="138"/>
                    <a:pt x="0" y="138"/>
                  </a:cubicBezTo>
                  <a:cubicBezTo>
                    <a:pt x="1" y="139"/>
                    <a:pt x="1" y="139"/>
                    <a:pt x="1" y="139"/>
                  </a:cubicBezTo>
                  <a:cubicBezTo>
                    <a:pt x="3" y="139"/>
                    <a:pt x="3" y="141"/>
                    <a:pt x="3" y="139"/>
                  </a:cubicBezTo>
                  <a:close/>
                  <a:moveTo>
                    <a:pt x="44" y="74"/>
                  </a:moveTo>
                  <a:cubicBezTo>
                    <a:pt x="45" y="72"/>
                    <a:pt x="44" y="72"/>
                    <a:pt x="41" y="72"/>
                  </a:cubicBezTo>
                  <a:cubicBezTo>
                    <a:pt x="39" y="72"/>
                    <a:pt x="39" y="74"/>
                    <a:pt x="41" y="74"/>
                  </a:cubicBezTo>
                  <a:cubicBezTo>
                    <a:pt x="42" y="74"/>
                    <a:pt x="42" y="74"/>
                    <a:pt x="44" y="74"/>
                  </a:cubicBezTo>
                  <a:close/>
                  <a:moveTo>
                    <a:pt x="15" y="97"/>
                  </a:moveTo>
                  <a:cubicBezTo>
                    <a:pt x="13" y="97"/>
                    <a:pt x="13" y="97"/>
                    <a:pt x="13" y="97"/>
                  </a:cubicBezTo>
                  <a:cubicBezTo>
                    <a:pt x="13" y="97"/>
                    <a:pt x="12" y="97"/>
                    <a:pt x="13" y="99"/>
                  </a:cubicBezTo>
                  <a:cubicBezTo>
                    <a:pt x="13" y="99"/>
                    <a:pt x="15" y="99"/>
                    <a:pt x="15" y="97"/>
                  </a:cubicBezTo>
                  <a:close/>
                </a:path>
              </a:pathLst>
            </a:custGeom>
            <a:solidFill>
              <a:schemeClr val="tx2"/>
            </a:solidFill>
            <a:ln w="6350" cmpd="sng">
              <a:solidFill>
                <a:schemeClr val="bg1"/>
              </a:solidFill>
              <a:round/>
              <a:headEnd/>
              <a:tailEnd/>
            </a:ln>
          </p:spPr>
          <p:txBody>
            <a:bodyPr/>
            <a:lstStyle/>
            <a:p>
              <a:endParaRPr lang="en-GB" sz="1633" dirty="0"/>
            </a:p>
          </p:txBody>
        </p:sp>
        <p:sp>
          <p:nvSpPr>
            <p:cNvPr id="244" name="Freeform 200"/>
            <p:cNvSpPr>
              <a:spLocks noEditPoints="1"/>
            </p:cNvSpPr>
            <p:nvPr/>
          </p:nvSpPr>
          <p:spPr bwMode="auto">
            <a:xfrm>
              <a:off x="5639814" y="2165013"/>
              <a:ext cx="660387" cy="1034748"/>
            </a:xfrm>
            <a:custGeom>
              <a:avLst/>
              <a:gdLst/>
              <a:ahLst/>
              <a:cxnLst>
                <a:cxn ang="0">
                  <a:pos x="58" y="30"/>
                </a:cxn>
                <a:cxn ang="0">
                  <a:pos x="93" y="31"/>
                </a:cxn>
                <a:cxn ang="0">
                  <a:pos x="111" y="45"/>
                </a:cxn>
                <a:cxn ang="0">
                  <a:pos x="56" y="40"/>
                </a:cxn>
                <a:cxn ang="0">
                  <a:pos x="149" y="42"/>
                </a:cxn>
                <a:cxn ang="0">
                  <a:pos x="172" y="9"/>
                </a:cxn>
                <a:cxn ang="0">
                  <a:pos x="108" y="13"/>
                </a:cxn>
                <a:cxn ang="0">
                  <a:pos x="201" y="172"/>
                </a:cxn>
                <a:cxn ang="0">
                  <a:pos x="198" y="159"/>
                </a:cxn>
                <a:cxn ang="0">
                  <a:pos x="184" y="152"/>
                </a:cxn>
                <a:cxn ang="0">
                  <a:pos x="167" y="162"/>
                </a:cxn>
                <a:cxn ang="0">
                  <a:pos x="160" y="154"/>
                </a:cxn>
                <a:cxn ang="0">
                  <a:pos x="146" y="166"/>
                </a:cxn>
                <a:cxn ang="0">
                  <a:pos x="135" y="169"/>
                </a:cxn>
                <a:cxn ang="0">
                  <a:pos x="120" y="172"/>
                </a:cxn>
                <a:cxn ang="0">
                  <a:pos x="106" y="180"/>
                </a:cxn>
                <a:cxn ang="0">
                  <a:pos x="91" y="194"/>
                </a:cxn>
                <a:cxn ang="0">
                  <a:pos x="80" y="200"/>
                </a:cxn>
                <a:cxn ang="0">
                  <a:pos x="87" y="210"/>
                </a:cxn>
                <a:cxn ang="0">
                  <a:pos x="67" y="219"/>
                </a:cxn>
                <a:cxn ang="0">
                  <a:pos x="64" y="233"/>
                </a:cxn>
                <a:cxn ang="0">
                  <a:pos x="56" y="245"/>
                </a:cxn>
                <a:cxn ang="0">
                  <a:pos x="50" y="256"/>
                </a:cxn>
                <a:cxn ang="0">
                  <a:pos x="38" y="258"/>
                </a:cxn>
                <a:cxn ang="0">
                  <a:pos x="15" y="272"/>
                </a:cxn>
                <a:cxn ang="0">
                  <a:pos x="4" y="283"/>
                </a:cxn>
                <a:cxn ang="0">
                  <a:pos x="6" y="292"/>
                </a:cxn>
                <a:cxn ang="0">
                  <a:pos x="12" y="303"/>
                </a:cxn>
                <a:cxn ang="0">
                  <a:pos x="7" y="320"/>
                </a:cxn>
                <a:cxn ang="0">
                  <a:pos x="36" y="323"/>
                </a:cxn>
                <a:cxn ang="0">
                  <a:pos x="50" y="317"/>
                </a:cxn>
                <a:cxn ang="0">
                  <a:pos x="62" y="286"/>
                </a:cxn>
                <a:cxn ang="0">
                  <a:pos x="79" y="233"/>
                </a:cxn>
                <a:cxn ang="0">
                  <a:pos x="106" y="190"/>
                </a:cxn>
                <a:cxn ang="0">
                  <a:pos x="154" y="185"/>
                </a:cxn>
                <a:cxn ang="0">
                  <a:pos x="193" y="182"/>
                </a:cxn>
                <a:cxn ang="0">
                  <a:pos x="149" y="163"/>
                </a:cxn>
                <a:cxn ang="0">
                  <a:pos x="143" y="159"/>
                </a:cxn>
                <a:cxn ang="0">
                  <a:pos x="120" y="165"/>
                </a:cxn>
                <a:cxn ang="0">
                  <a:pos x="129" y="168"/>
                </a:cxn>
                <a:cxn ang="0">
                  <a:pos x="116" y="168"/>
                </a:cxn>
                <a:cxn ang="0">
                  <a:pos x="112" y="168"/>
                </a:cxn>
                <a:cxn ang="0">
                  <a:pos x="112" y="174"/>
                </a:cxn>
                <a:cxn ang="0">
                  <a:pos x="99" y="177"/>
                </a:cxn>
                <a:cxn ang="0">
                  <a:pos x="102" y="183"/>
                </a:cxn>
                <a:cxn ang="0">
                  <a:pos x="82" y="191"/>
                </a:cxn>
                <a:cxn ang="0">
                  <a:pos x="82" y="185"/>
                </a:cxn>
                <a:cxn ang="0">
                  <a:pos x="88" y="183"/>
                </a:cxn>
                <a:cxn ang="0">
                  <a:pos x="90" y="188"/>
                </a:cxn>
                <a:cxn ang="0">
                  <a:pos x="93" y="190"/>
                </a:cxn>
                <a:cxn ang="0">
                  <a:pos x="74" y="193"/>
                </a:cxn>
                <a:cxn ang="0">
                  <a:pos x="70" y="196"/>
                </a:cxn>
                <a:cxn ang="0">
                  <a:pos x="87" y="197"/>
                </a:cxn>
                <a:cxn ang="0">
                  <a:pos x="62" y="227"/>
                </a:cxn>
                <a:cxn ang="0">
                  <a:pos x="59" y="230"/>
                </a:cxn>
                <a:cxn ang="0">
                  <a:pos x="53" y="245"/>
                </a:cxn>
                <a:cxn ang="0">
                  <a:pos x="50" y="244"/>
                </a:cxn>
                <a:cxn ang="0">
                  <a:pos x="29" y="258"/>
                </a:cxn>
                <a:cxn ang="0">
                  <a:pos x="29" y="264"/>
                </a:cxn>
                <a:cxn ang="0">
                  <a:pos x="10" y="273"/>
                </a:cxn>
                <a:cxn ang="0">
                  <a:pos x="1" y="292"/>
                </a:cxn>
                <a:cxn ang="0">
                  <a:pos x="4" y="317"/>
                </a:cxn>
                <a:cxn ang="0">
                  <a:pos x="3" y="300"/>
                </a:cxn>
              </a:cxnLst>
              <a:rect l="0" t="0" r="r" b="b"/>
              <a:pathLst>
                <a:path w="212" h="332">
                  <a:moveTo>
                    <a:pt x="94" y="68"/>
                  </a:moveTo>
                  <a:cubicBezTo>
                    <a:pt x="84" y="65"/>
                    <a:pt x="88" y="62"/>
                    <a:pt x="80" y="59"/>
                  </a:cubicBezTo>
                  <a:cubicBezTo>
                    <a:pt x="71" y="56"/>
                    <a:pt x="73" y="54"/>
                    <a:pt x="80" y="53"/>
                  </a:cubicBezTo>
                  <a:cubicBezTo>
                    <a:pt x="90" y="51"/>
                    <a:pt x="99" y="47"/>
                    <a:pt x="84" y="48"/>
                  </a:cubicBezTo>
                  <a:cubicBezTo>
                    <a:pt x="68" y="50"/>
                    <a:pt x="67" y="48"/>
                    <a:pt x="80" y="44"/>
                  </a:cubicBezTo>
                  <a:cubicBezTo>
                    <a:pt x="93" y="40"/>
                    <a:pt x="102" y="37"/>
                    <a:pt x="91" y="37"/>
                  </a:cubicBezTo>
                  <a:cubicBezTo>
                    <a:pt x="80" y="37"/>
                    <a:pt x="90" y="33"/>
                    <a:pt x="80" y="37"/>
                  </a:cubicBezTo>
                  <a:cubicBezTo>
                    <a:pt x="73" y="42"/>
                    <a:pt x="70" y="47"/>
                    <a:pt x="62" y="39"/>
                  </a:cubicBezTo>
                  <a:cubicBezTo>
                    <a:pt x="55" y="30"/>
                    <a:pt x="52" y="31"/>
                    <a:pt x="58" y="30"/>
                  </a:cubicBezTo>
                  <a:cubicBezTo>
                    <a:pt x="62" y="30"/>
                    <a:pt x="56" y="30"/>
                    <a:pt x="58" y="27"/>
                  </a:cubicBezTo>
                  <a:cubicBezTo>
                    <a:pt x="59" y="22"/>
                    <a:pt x="55" y="31"/>
                    <a:pt x="52" y="27"/>
                  </a:cubicBezTo>
                  <a:cubicBezTo>
                    <a:pt x="49" y="22"/>
                    <a:pt x="45" y="22"/>
                    <a:pt x="52" y="17"/>
                  </a:cubicBezTo>
                  <a:cubicBezTo>
                    <a:pt x="59" y="13"/>
                    <a:pt x="56" y="19"/>
                    <a:pt x="61" y="17"/>
                  </a:cubicBezTo>
                  <a:cubicBezTo>
                    <a:pt x="64" y="14"/>
                    <a:pt x="62" y="19"/>
                    <a:pt x="68" y="16"/>
                  </a:cubicBezTo>
                  <a:cubicBezTo>
                    <a:pt x="76" y="14"/>
                    <a:pt x="76" y="17"/>
                    <a:pt x="70" y="19"/>
                  </a:cubicBezTo>
                  <a:cubicBezTo>
                    <a:pt x="64" y="20"/>
                    <a:pt x="71" y="19"/>
                    <a:pt x="73" y="25"/>
                  </a:cubicBezTo>
                  <a:cubicBezTo>
                    <a:pt x="76" y="30"/>
                    <a:pt x="73" y="19"/>
                    <a:pt x="77" y="17"/>
                  </a:cubicBezTo>
                  <a:cubicBezTo>
                    <a:pt x="84" y="16"/>
                    <a:pt x="90" y="31"/>
                    <a:pt x="93" y="31"/>
                  </a:cubicBezTo>
                  <a:cubicBezTo>
                    <a:pt x="97" y="31"/>
                    <a:pt x="84" y="17"/>
                    <a:pt x="90" y="14"/>
                  </a:cubicBezTo>
                  <a:cubicBezTo>
                    <a:pt x="94" y="9"/>
                    <a:pt x="93" y="14"/>
                    <a:pt x="99" y="14"/>
                  </a:cubicBezTo>
                  <a:cubicBezTo>
                    <a:pt x="103" y="14"/>
                    <a:pt x="103" y="16"/>
                    <a:pt x="106" y="17"/>
                  </a:cubicBezTo>
                  <a:cubicBezTo>
                    <a:pt x="108" y="17"/>
                    <a:pt x="103" y="19"/>
                    <a:pt x="105" y="23"/>
                  </a:cubicBezTo>
                  <a:cubicBezTo>
                    <a:pt x="106" y="27"/>
                    <a:pt x="105" y="17"/>
                    <a:pt x="111" y="20"/>
                  </a:cubicBezTo>
                  <a:cubicBezTo>
                    <a:pt x="116" y="23"/>
                    <a:pt x="109" y="28"/>
                    <a:pt x="117" y="27"/>
                  </a:cubicBezTo>
                  <a:cubicBezTo>
                    <a:pt x="123" y="27"/>
                    <a:pt x="119" y="28"/>
                    <a:pt x="128" y="31"/>
                  </a:cubicBezTo>
                  <a:cubicBezTo>
                    <a:pt x="137" y="33"/>
                    <a:pt x="137" y="34"/>
                    <a:pt x="123" y="36"/>
                  </a:cubicBezTo>
                  <a:cubicBezTo>
                    <a:pt x="109" y="36"/>
                    <a:pt x="120" y="44"/>
                    <a:pt x="111" y="45"/>
                  </a:cubicBezTo>
                  <a:cubicBezTo>
                    <a:pt x="103" y="48"/>
                    <a:pt x="116" y="51"/>
                    <a:pt x="106" y="54"/>
                  </a:cubicBezTo>
                  <a:cubicBezTo>
                    <a:pt x="96" y="58"/>
                    <a:pt x="105" y="72"/>
                    <a:pt x="94" y="68"/>
                  </a:cubicBezTo>
                  <a:close/>
                  <a:moveTo>
                    <a:pt x="131" y="42"/>
                  </a:moveTo>
                  <a:cubicBezTo>
                    <a:pt x="135" y="40"/>
                    <a:pt x="140" y="42"/>
                    <a:pt x="140" y="39"/>
                  </a:cubicBezTo>
                  <a:cubicBezTo>
                    <a:pt x="138" y="36"/>
                    <a:pt x="134" y="36"/>
                    <a:pt x="129" y="37"/>
                  </a:cubicBezTo>
                  <a:cubicBezTo>
                    <a:pt x="125" y="39"/>
                    <a:pt x="122" y="37"/>
                    <a:pt x="126" y="40"/>
                  </a:cubicBezTo>
                  <a:cubicBezTo>
                    <a:pt x="129" y="42"/>
                    <a:pt x="126" y="44"/>
                    <a:pt x="131" y="42"/>
                  </a:cubicBezTo>
                  <a:close/>
                  <a:moveTo>
                    <a:pt x="50" y="37"/>
                  </a:moveTo>
                  <a:cubicBezTo>
                    <a:pt x="52" y="42"/>
                    <a:pt x="50" y="36"/>
                    <a:pt x="56" y="40"/>
                  </a:cubicBezTo>
                  <a:cubicBezTo>
                    <a:pt x="64" y="45"/>
                    <a:pt x="58" y="37"/>
                    <a:pt x="55" y="37"/>
                  </a:cubicBezTo>
                  <a:cubicBezTo>
                    <a:pt x="52" y="37"/>
                    <a:pt x="52" y="30"/>
                    <a:pt x="47" y="31"/>
                  </a:cubicBezTo>
                  <a:cubicBezTo>
                    <a:pt x="45" y="31"/>
                    <a:pt x="47" y="33"/>
                    <a:pt x="50" y="37"/>
                  </a:cubicBezTo>
                  <a:close/>
                  <a:moveTo>
                    <a:pt x="131" y="51"/>
                  </a:moveTo>
                  <a:cubicBezTo>
                    <a:pt x="126" y="56"/>
                    <a:pt x="131" y="54"/>
                    <a:pt x="138" y="54"/>
                  </a:cubicBezTo>
                  <a:cubicBezTo>
                    <a:pt x="146" y="53"/>
                    <a:pt x="135" y="61"/>
                    <a:pt x="146" y="56"/>
                  </a:cubicBezTo>
                  <a:cubicBezTo>
                    <a:pt x="152" y="54"/>
                    <a:pt x="163" y="50"/>
                    <a:pt x="158" y="48"/>
                  </a:cubicBezTo>
                  <a:cubicBezTo>
                    <a:pt x="155" y="47"/>
                    <a:pt x="155" y="50"/>
                    <a:pt x="149" y="47"/>
                  </a:cubicBezTo>
                  <a:cubicBezTo>
                    <a:pt x="143" y="44"/>
                    <a:pt x="154" y="44"/>
                    <a:pt x="149" y="42"/>
                  </a:cubicBezTo>
                  <a:cubicBezTo>
                    <a:pt x="144" y="40"/>
                    <a:pt x="122" y="42"/>
                    <a:pt x="134" y="47"/>
                  </a:cubicBezTo>
                  <a:cubicBezTo>
                    <a:pt x="135" y="48"/>
                    <a:pt x="135" y="48"/>
                    <a:pt x="131" y="51"/>
                  </a:cubicBezTo>
                  <a:close/>
                  <a:moveTo>
                    <a:pt x="131" y="16"/>
                  </a:moveTo>
                  <a:cubicBezTo>
                    <a:pt x="140" y="16"/>
                    <a:pt x="135" y="17"/>
                    <a:pt x="123" y="19"/>
                  </a:cubicBezTo>
                  <a:cubicBezTo>
                    <a:pt x="111" y="22"/>
                    <a:pt x="129" y="23"/>
                    <a:pt x="138" y="23"/>
                  </a:cubicBezTo>
                  <a:cubicBezTo>
                    <a:pt x="146" y="23"/>
                    <a:pt x="151" y="31"/>
                    <a:pt x="157" y="25"/>
                  </a:cubicBezTo>
                  <a:cubicBezTo>
                    <a:pt x="163" y="20"/>
                    <a:pt x="161" y="25"/>
                    <a:pt x="167" y="23"/>
                  </a:cubicBezTo>
                  <a:cubicBezTo>
                    <a:pt x="173" y="22"/>
                    <a:pt x="164" y="20"/>
                    <a:pt x="177" y="16"/>
                  </a:cubicBezTo>
                  <a:cubicBezTo>
                    <a:pt x="184" y="14"/>
                    <a:pt x="177" y="9"/>
                    <a:pt x="172" y="9"/>
                  </a:cubicBezTo>
                  <a:cubicBezTo>
                    <a:pt x="169" y="11"/>
                    <a:pt x="164" y="8"/>
                    <a:pt x="157" y="6"/>
                  </a:cubicBezTo>
                  <a:cubicBezTo>
                    <a:pt x="149" y="6"/>
                    <a:pt x="154" y="11"/>
                    <a:pt x="149" y="9"/>
                  </a:cubicBezTo>
                  <a:cubicBezTo>
                    <a:pt x="144" y="9"/>
                    <a:pt x="151" y="6"/>
                    <a:pt x="148" y="5"/>
                  </a:cubicBezTo>
                  <a:cubicBezTo>
                    <a:pt x="146" y="3"/>
                    <a:pt x="141" y="3"/>
                    <a:pt x="141" y="9"/>
                  </a:cubicBezTo>
                  <a:cubicBezTo>
                    <a:pt x="141" y="14"/>
                    <a:pt x="140" y="14"/>
                    <a:pt x="137" y="9"/>
                  </a:cubicBezTo>
                  <a:cubicBezTo>
                    <a:pt x="134" y="5"/>
                    <a:pt x="135" y="11"/>
                    <a:pt x="123" y="6"/>
                  </a:cubicBezTo>
                  <a:cubicBezTo>
                    <a:pt x="111" y="0"/>
                    <a:pt x="126" y="13"/>
                    <a:pt x="117" y="8"/>
                  </a:cubicBezTo>
                  <a:cubicBezTo>
                    <a:pt x="106" y="3"/>
                    <a:pt x="120" y="13"/>
                    <a:pt x="112" y="9"/>
                  </a:cubicBezTo>
                  <a:cubicBezTo>
                    <a:pt x="105" y="8"/>
                    <a:pt x="103" y="11"/>
                    <a:pt x="108" y="13"/>
                  </a:cubicBezTo>
                  <a:cubicBezTo>
                    <a:pt x="112" y="16"/>
                    <a:pt x="105" y="13"/>
                    <a:pt x="112" y="17"/>
                  </a:cubicBezTo>
                  <a:cubicBezTo>
                    <a:pt x="117" y="20"/>
                    <a:pt x="120" y="16"/>
                    <a:pt x="131" y="16"/>
                  </a:cubicBezTo>
                  <a:close/>
                  <a:moveTo>
                    <a:pt x="196" y="179"/>
                  </a:moveTo>
                  <a:cubicBezTo>
                    <a:pt x="196" y="177"/>
                    <a:pt x="201" y="177"/>
                    <a:pt x="202" y="176"/>
                  </a:cubicBezTo>
                  <a:cubicBezTo>
                    <a:pt x="204" y="174"/>
                    <a:pt x="202" y="174"/>
                    <a:pt x="205" y="174"/>
                  </a:cubicBezTo>
                  <a:cubicBezTo>
                    <a:pt x="207" y="176"/>
                    <a:pt x="210" y="176"/>
                    <a:pt x="209" y="172"/>
                  </a:cubicBezTo>
                  <a:cubicBezTo>
                    <a:pt x="209" y="172"/>
                    <a:pt x="209" y="172"/>
                    <a:pt x="209" y="171"/>
                  </a:cubicBezTo>
                  <a:cubicBezTo>
                    <a:pt x="205" y="171"/>
                    <a:pt x="205" y="172"/>
                    <a:pt x="204" y="171"/>
                  </a:cubicBezTo>
                  <a:cubicBezTo>
                    <a:pt x="202" y="169"/>
                    <a:pt x="202" y="172"/>
                    <a:pt x="201" y="172"/>
                  </a:cubicBezTo>
                  <a:cubicBezTo>
                    <a:pt x="199" y="172"/>
                    <a:pt x="198" y="172"/>
                    <a:pt x="199" y="172"/>
                  </a:cubicBezTo>
                  <a:cubicBezTo>
                    <a:pt x="199" y="171"/>
                    <a:pt x="201" y="169"/>
                    <a:pt x="196" y="168"/>
                  </a:cubicBezTo>
                  <a:cubicBezTo>
                    <a:pt x="193" y="168"/>
                    <a:pt x="193" y="166"/>
                    <a:pt x="192" y="166"/>
                  </a:cubicBezTo>
                  <a:cubicBezTo>
                    <a:pt x="189" y="166"/>
                    <a:pt x="190" y="165"/>
                    <a:pt x="198" y="168"/>
                  </a:cubicBezTo>
                  <a:cubicBezTo>
                    <a:pt x="204" y="169"/>
                    <a:pt x="204" y="165"/>
                    <a:pt x="207" y="165"/>
                  </a:cubicBezTo>
                  <a:cubicBezTo>
                    <a:pt x="210" y="165"/>
                    <a:pt x="212" y="162"/>
                    <a:pt x="209" y="162"/>
                  </a:cubicBezTo>
                  <a:cubicBezTo>
                    <a:pt x="205" y="162"/>
                    <a:pt x="207" y="160"/>
                    <a:pt x="205" y="160"/>
                  </a:cubicBezTo>
                  <a:cubicBezTo>
                    <a:pt x="202" y="160"/>
                    <a:pt x="204" y="157"/>
                    <a:pt x="201" y="159"/>
                  </a:cubicBezTo>
                  <a:cubicBezTo>
                    <a:pt x="199" y="160"/>
                    <a:pt x="201" y="157"/>
                    <a:pt x="198" y="159"/>
                  </a:cubicBezTo>
                  <a:cubicBezTo>
                    <a:pt x="195" y="159"/>
                    <a:pt x="198" y="157"/>
                    <a:pt x="195" y="155"/>
                  </a:cubicBezTo>
                  <a:cubicBezTo>
                    <a:pt x="190" y="155"/>
                    <a:pt x="189" y="159"/>
                    <a:pt x="189" y="162"/>
                  </a:cubicBezTo>
                  <a:cubicBezTo>
                    <a:pt x="190" y="163"/>
                    <a:pt x="189" y="160"/>
                    <a:pt x="187" y="162"/>
                  </a:cubicBezTo>
                  <a:cubicBezTo>
                    <a:pt x="186" y="162"/>
                    <a:pt x="184" y="162"/>
                    <a:pt x="186" y="160"/>
                  </a:cubicBezTo>
                  <a:cubicBezTo>
                    <a:pt x="189" y="159"/>
                    <a:pt x="189" y="157"/>
                    <a:pt x="187" y="159"/>
                  </a:cubicBezTo>
                  <a:cubicBezTo>
                    <a:pt x="186" y="159"/>
                    <a:pt x="186" y="159"/>
                    <a:pt x="186" y="157"/>
                  </a:cubicBezTo>
                  <a:cubicBezTo>
                    <a:pt x="187" y="157"/>
                    <a:pt x="190" y="155"/>
                    <a:pt x="190" y="154"/>
                  </a:cubicBezTo>
                  <a:cubicBezTo>
                    <a:pt x="190" y="152"/>
                    <a:pt x="187" y="155"/>
                    <a:pt x="187" y="154"/>
                  </a:cubicBezTo>
                  <a:cubicBezTo>
                    <a:pt x="187" y="152"/>
                    <a:pt x="186" y="154"/>
                    <a:pt x="184" y="152"/>
                  </a:cubicBezTo>
                  <a:cubicBezTo>
                    <a:pt x="181" y="151"/>
                    <a:pt x="183" y="154"/>
                    <a:pt x="181" y="154"/>
                  </a:cubicBezTo>
                  <a:cubicBezTo>
                    <a:pt x="180" y="152"/>
                    <a:pt x="178" y="155"/>
                    <a:pt x="180" y="155"/>
                  </a:cubicBezTo>
                  <a:cubicBezTo>
                    <a:pt x="183" y="155"/>
                    <a:pt x="180" y="157"/>
                    <a:pt x="180" y="157"/>
                  </a:cubicBezTo>
                  <a:cubicBezTo>
                    <a:pt x="181" y="157"/>
                    <a:pt x="178" y="157"/>
                    <a:pt x="178" y="159"/>
                  </a:cubicBezTo>
                  <a:cubicBezTo>
                    <a:pt x="178" y="160"/>
                    <a:pt x="177" y="159"/>
                    <a:pt x="178" y="160"/>
                  </a:cubicBezTo>
                  <a:cubicBezTo>
                    <a:pt x="178" y="162"/>
                    <a:pt x="178" y="162"/>
                    <a:pt x="175" y="163"/>
                  </a:cubicBezTo>
                  <a:cubicBezTo>
                    <a:pt x="172" y="165"/>
                    <a:pt x="175" y="160"/>
                    <a:pt x="175" y="159"/>
                  </a:cubicBezTo>
                  <a:cubicBezTo>
                    <a:pt x="175" y="159"/>
                    <a:pt x="177" y="155"/>
                    <a:pt x="175" y="155"/>
                  </a:cubicBezTo>
                  <a:cubicBezTo>
                    <a:pt x="173" y="154"/>
                    <a:pt x="169" y="159"/>
                    <a:pt x="167" y="162"/>
                  </a:cubicBezTo>
                  <a:cubicBezTo>
                    <a:pt x="164" y="165"/>
                    <a:pt x="167" y="163"/>
                    <a:pt x="164" y="166"/>
                  </a:cubicBezTo>
                  <a:cubicBezTo>
                    <a:pt x="163" y="168"/>
                    <a:pt x="163" y="166"/>
                    <a:pt x="163" y="166"/>
                  </a:cubicBezTo>
                  <a:cubicBezTo>
                    <a:pt x="161" y="168"/>
                    <a:pt x="160" y="166"/>
                    <a:pt x="161" y="165"/>
                  </a:cubicBezTo>
                  <a:cubicBezTo>
                    <a:pt x="164" y="163"/>
                    <a:pt x="163" y="163"/>
                    <a:pt x="163" y="163"/>
                  </a:cubicBezTo>
                  <a:cubicBezTo>
                    <a:pt x="166" y="160"/>
                    <a:pt x="161" y="162"/>
                    <a:pt x="166" y="159"/>
                  </a:cubicBezTo>
                  <a:cubicBezTo>
                    <a:pt x="169" y="155"/>
                    <a:pt x="170" y="155"/>
                    <a:pt x="167" y="155"/>
                  </a:cubicBezTo>
                  <a:cubicBezTo>
                    <a:pt x="164" y="155"/>
                    <a:pt x="164" y="152"/>
                    <a:pt x="164" y="155"/>
                  </a:cubicBezTo>
                  <a:cubicBezTo>
                    <a:pt x="164" y="159"/>
                    <a:pt x="164" y="155"/>
                    <a:pt x="163" y="155"/>
                  </a:cubicBezTo>
                  <a:cubicBezTo>
                    <a:pt x="161" y="154"/>
                    <a:pt x="161" y="155"/>
                    <a:pt x="160" y="154"/>
                  </a:cubicBezTo>
                  <a:cubicBezTo>
                    <a:pt x="160" y="154"/>
                    <a:pt x="158" y="154"/>
                    <a:pt x="158" y="155"/>
                  </a:cubicBezTo>
                  <a:cubicBezTo>
                    <a:pt x="160" y="155"/>
                    <a:pt x="160" y="157"/>
                    <a:pt x="158" y="157"/>
                  </a:cubicBezTo>
                  <a:cubicBezTo>
                    <a:pt x="155" y="155"/>
                    <a:pt x="155" y="157"/>
                    <a:pt x="158" y="157"/>
                  </a:cubicBezTo>
                  <a:cubicBezTo>
                    <a:pt x="161" y="159"/>
                    <a:pt x="161" y="160"/>
                    <a:pt x="158" y="159"/>
                  </a:cubicBezTo>
                  <a:cubicBezTo>
                    <a:pt x="155" y="157"/>
                    <a:pt x="158" y="159"/>
                    <a:pt x="154" y="162"/>
                  </a:cubicBezTo>
                  <a:cubicBezTo>
                    <a:pt x="148" y="163"/>
                    <a:pt x="152" y="163"/>
                    <a:pt x="149" y="165"/>
                  </a:cubicBezTo>
                  <a:cubicBezTo>
                    <a:pt x="146" y="166"/>
                    <a:pt x="151" y="166"/>
                    <a:pt x="148" y="166"/>
                  </a:cubicBezTo>
                  <a:cubicBezTo>
                    <a:pt x="146" y="168"/>
                    <a:pt x="151" y="168"/>
                    <a:pt x="149" y="169"/>
                  </a:cubicBezTo>
                  <a:cubicBezTo>
                    <a:pt x="149" y="169"/>
                    <a:pt x="144" y="169"/>
                    <a:pt x="146" y="166"/>
                  </a:cubicBezTo>
                  <a:cubicBezTo>
                    <a:pt x="148" y="165"/>
                    <a:pt x="143" y="165"/>
                    <a:pt x="141" y="165"/>
                  </a:cubicBezTo>
                  <a:cubicBezTo>
                    <a:pt x="140" y="165"/>
                    <a:pt x="140" y="163"/>
                    <a:pt x="140" y="165"/>
                  </a:cubicBezTo>
                  <a:cubicBezTo>
                    <a:pt x="138" y="165"/>
                    <a:pt x="137" y="162"/>
                    <a:pt x="137" y="165"/>
                  </a:cubicBezTo>
                  <a:cubicBezTo>
                    <a:pt x="137" y="168"/>
                    <a:pt x="135" y="163"/>
                    <a:pt x="134" y="165"/>
                  </a:cubicBezTo>
                  <a:cubicBezTo>
                    <a:pt x="131" y="166"/>
                    <a:pt x="134" y="166"/>
                    <a:pt x="134" y="166"/>
                  </a:cubicBezTo>
                  <a:cubicBezTo>
                    <a:pt x="134" y="168"/>
                    <a:pt x="135" y="166"/>
                    <a:pt x="137" y="168"/>
                  </a:cubicBezTo>
                  <a:cubicBezTo>
                    <a:pt x="137" y="168"/>
                    <a:pt x="138" y="168"/>
                    <a:pt x="138" y="169"/>
                  </a:cubicBezTo>
                  <a:cubicBezTo>
                    <a:pt x="137" y="169"/>
                    <a:pt x="137" y="169"/>
                    <a:pt x="138" y="171"/>
                  </a:cubicBezTo>
                  <a:cubicBezTo>
                    <a:pt x="140" y="172"/>
                    <a:pt x="138" y="172"/>
                    <a:pt x="135" y="169"/>
                  </a:cubicBezTo>
                  <a:cubicBezTo>
                    <a:pt x="132" y="168"/>
                    <a:pt x="131" y="168"/>
                    <a:pt x="132" y="169"/>
                  </a:cubicBezTo>
                  <a:cubicBezTo>
                    <a:pt x="132" y="169"/>
                    <a:pt x="131" y="171"/>
                    <a:pt x="131" y="169"/>
                  </a:cubicBezTo>
                  <a:cubicBezTo>
                    <a:pt x="131" y="168"/>
                    <a:pt x="128" y="171"/>
                    <a:pt x="126" y="171"/>
                  </a:cubicBezTo>
                  <a:cubicBezTo>
                    <a:pt x="126" y="172"/>
                    <a:pt x="128" y="176"/>
                    <a:pt x="122" y="179"/>
                  </a:cubicBezTo>
                  <a:cubicBezTo>
                    <a:pt x="125" y="176"/>
                    <a:pt x="125" y="172"/>
                    <a:pt x="125" y="169"/>
                  </a:cubicBezTo>
                  <a:cubicBezTo>
                    <a:pt x="125" y="168"/>
                    <a:pt x="125" y="171"/>
                    <a:pt x="123" y="169"/>
                  </a:cubicBezTo>
                  <a:cubicBezTo>
                    <a:pt x="123" y="169"/>
                    <a:pt x="123" y="169"/>
                    <a:pt x="122" y="171"/>
                  </a:cubicBezTo>
                  <a:cubicBezTo>
                    <a:pt x="120" y="174"/>
                    <a:pt x="122" y="172"/>
                    <a:pt x="120" y="174"/>
                  </a:cubicBezTo>
                  <a:cubicBezTo>
                    <a:pt x="119" y="176"/>
                    <a:pt x="119" y="174"/>
                    <a:pt x="120" y="172"/>
                  </a:cubicBezTo>
                  <a:cubicBezTo>
                    <a:pt x="122" y="169"/>
                    <a:pt x="117" y="171"/>
                    <a:pt x="116" y="172"/>
                  </a:cubicBezTo>
                  <a:cubicBezTo>
                    <a:pt x="111" y="176"/>
                    <a:pt x="114" y="174"/>
                    <a:pt x="114" y="176"/>
                  </a:cubicBezTo>
                  <a:cubicBezTo>
                    <a:pt x="114" y="177"/>
                    <a:pt x="119" y="176"/>
                    <a:pt x="119" y="180"/>
                  </a:cubicBezTo>
                  <a:cubicBezTo>
                    <a:pt x="114" y="179"/>
                    <a:pt x="119" y="179"/>
                    <a:pt x="116" y="177"/>
                  </a:cubicBezTo>
                  <a:cubicBezTo>
                    <a:pt x="112" y="177"/>
                    <a:pt x="114" y="174"/>
                    <a:pt x="111" y="176"/>
                  </a:cubicBezTo>
                  <a:cubicBezTo>
                    <a:pt x="108" y="176"/>
                    <a:pt x="109" y="176"/>
                    <a:pt x="111" y="177"/>
                  </a:cubicBezTo>
                  <a:cubicBezTo>
                    <a:pt x="112" y="179"/>
                    <a:pt x="111" y="180"/>
                    <a:pt x="109" y="177"/>
                  </a:cubicBezTo>
                  <a:cubicBezTo>
                    <a:pt x="109" y="176"/>
                    <a:pt x="106" y="174"/>
                    <a:pt x="108" y="177"/>
                  </a:cubicBezTo>
                  <a:cubicBezTo>
                    <a:pt x="108" y="179"/>
                    <a:pt x="105" y="177"/>
                    <a:pt x="106" y="180"/>
                  </a:cubicBezTo>
                  <a:cubicBezTo>
                    <a:pt x="108" y="182"/>
                    <a:pt x="105" y="180"/>
                    <a:pt x="103" y="183"/>
                  </a:cubicBezTo>
                  <a:cubicBezTo>
                    <a:pt x="100" y="185"/>
                    <a:pt x="106" y="183"/>
                    <a:pt x="103" y="185"/>
                  </a:cubicBezTo>
                  <a:cubicBezTo>
                    <a:pt x="100" y="186"/>
                    <a:pt x="102" y="186"/>
                    <a:pt x="100" y="186"/>
                  </a:cubicBezTo>
                  <a:cubicBezTo>
                    <a:pt x="97" y="188"/>
                    <a:pt x="97" y="186"/>
                    <a:pt x="94" y="190"/>
                  </a:cubicBezTo>
                  <a:cubicBezTo>
                    <a:pt x="93" y="193"/>
                    <a:pt x="99" y="190"/>
                    <a:pt x="99" y="190"/>
                  </a:cubicBezTo>
                  <a:cubicBezTo>
                    <a:pt x="99" y="191"/>
                    <a:pt x="99" y="191"/>
                    <a:pt x="102" y="190"/>
                  </a:cubicBezTo>
                  <a:cubicBezTo>
                    <a:pt x="105" y="188"/>
                    <a:pt x="102" y="191"/>
                    <a:pt x="99" y="193"/>
                  </a:cubicBezTo>
                  <a:cubicBezTo>
                    <a:pt x="96" y="193"/>
                    <a:pt x="97" y="191"/>
                    <a:pt x="94" y="191"/>
                  </a:cubicBezTo>
                  <a:cubicBezTo>
                    <a:pt x="91" y="193"/>
                    <a:pt x="90" y="193"/>
                    <a:pt x="91" y="194"/>
                  </a:cubicBezTo>
                  <a:cubicBezTo>
                    <a:pt x="93" y="194"/>
                    <a:pt x="91" y="194"/>
                    <a:pt x="93" y="194"/>
                  </a:cubicBezTo>
                  <a:cubicBezTo>
                    <a:pt x="96" y="194"/>
                    <a:pt x="93" y="196"/>
                    <a:pt x="93" y="197"/>
                  </a:cubicBezTo>
                  <a:cubicBezTo>
                    <a:pt x="93" y="200"/>
                    <a:pt x="91" y="197"/>
                    <a:pt x="91" y="196"/>
                  </a:cubicBezTo>
                  <a:cubicBezTo>
                    <a:pt x="91" y="194"/>
                    <a:pt x="90" y="193"/>
                    <a:pt x="90" y="194"/>
                  </a:cubicBezTo>
                  <a:cubicBezTo>
                    <a:pt x="88" y="196"/>
                    <a:pt x="88" y="196"/>
                    <a:pt x="88" y="196"/>
                  </a:cubicBezTo>
                  <a:cubicBezTo>
                    <a:pt x="88" y="194"/>
                    <a:pt x="85" y="196"/>
                    <a:pt x="85" y="197"/>
                  </a:cubicBezTo>
                  <a:cubicBezTo>
                    <a:pt x="85" y="197"/>
                    <a:pt x="85" y="196"/>
                    <a:pt x="88" y="197"/>
                  </a:cubicBezTo>
                  <a:cubicBezTo>
                    <a:pt x="90" y="197"/>
                    <a:pt x="90" y="197"/>
                    <a:pt x="90" y="197"/>
                  </a:cubicBezTo>
                  <a:cubicBezTo>
                    <a:pt x="88" y="197"/>
                    <a:pt x="79" y="199"/>
                    <a:pt x="80" y="200"/>
                  </a:cubicBezTo>
                  <a:cubicBezTo>
                    <a:pt x="82" y="202"/>
                    <a:pt x="79" y="202"/>
                    <a:pt x="80" y="202"/>
                  </a:cubicBezTo>
                  <a:cubicBezTo>
                    <a:pt x="84" y="203"/>
                    <a:pt x="84" y="199"/>
                    <a:pt x="88" y="200"/>
                  </a:cubicBezTo>
                  <a:cubicBezTo>
                    <a:pt x="91" y="202"/>
                    <a:pt x="88" y="200"/>
                    <a:pt x="85" y="202"/>
                  </a:cubicBezTo>
                  <a:cubicBezTo>
                    <a:pt x="82" y="202"/>
                    <a:pt x="87" y="203"/>
                    <a:pt x="82" y="203"/>
                  </a:cubicBezTo>
                  <a:cubicBezTo>
                    <a:pt x="77" y="203"/>
                    <a:pt x="82" y="205"/>
                    <a:pt x="82" y="207"/>
                  </a:cubicBezTo>
                  <a:cubicBezTo>
                    <a:pt x="80" y="207"/>
                    <a:pt x="80" y="205"/>
                    <a:pt x="79" y="207"/>
                  </a:cubicBezTo>
                  <a:cubicBezTo>
                    <a:pt x="77" y="207"/>
                    <a:pt x="77" y="208"/>
                    <a:pt x="79" y="208"/>
                  </a:cubicBezTo>
                  <a:cubicBezTo>
                    <a:pt x="79" y="208"/>
                    <a:pt x="80" y="207"/>
                    <a:pt x="84" y="208"/>
                  </a:cubicBezTo>
                  <a:cubicBezTo>
                    <a:pt x="90" y="208"/>
                    <a:pt x="85" y="207"/>
                    <a:pt x="87" y="210"/>
                  </a:cubicBezTo>
                  <a:cubicBezTo>
                    <a:pt x="87" y="211"/>
                    <a:pt x="85" y="208"/>
                    <a:pt x="82" y="208"/>
                  </a:cubicBezTo>
                  <a:cubicBezTo>
                    <a:pt x="80" y="208"/>
                    <a:pt x="79" y="210"/>
                    <a:pt x="77" y="210"/>
                  </a:cubicBezTo>
                  <a:cubicBezTo>
                    <a:pt x="76" y="208"/>
                    <a:pt x="77" y="210"/>
                    <a:pt x="74" y="210"/>
                  </a:cubicBezTo>
                  <a:cubicBezTo>
                    <a:pt x="73" y="210"/>
                    <a:pt x="76" y="211"/>
                    <a:pt x="73" y="211"/>
                  </a:cubicBezTo>
                  <a:cubicBezTo>
                    <a:pt x="68" y="211"/>
                    <a:pt x="73" y="213"/>
                    <a:pt x="71" y="214"/>
                  </a:cubicBezTo>
                  <a:cubicBezTo>
                    <a:pt x="70" y="216"/>
                    <a:pt x="70" y="214"/>
                    <a:pt x="68" y="216"/>
                  </a:cubicBezTo>
                  <a:cubicBezTo>
                    <a:pt x="67" y="217"/>
                    <a:pt x="70" y="216"/>
                    <a:pt x="68" y="217"/>
                  </a:cubicBezTo>
                  <a:cubicBezTo>
                    <a:pt x="67" y="217"/>
                    <a:pt x="68" y="219"/>
                    <a:pt x="68" y="217"/>
                  </a:cubicBezTo>
                  <a:cubicBezTo>
                    <a:pt x="67" y="217"/>
                    <a:pt x="65" y="217"/>
                    <a:pt x="67" y="219"/>
                  </a:cubicBezTo>
                  <a:cubicBezTo>
                    <a:pt x="68" y="219"/>
                    <a:pt x="65" y="221"/>
                    <a:pt x="68" y="221"/>
                  </a:cubicBezTo>
                  <a:cubicBezTo>
                    <a:pt x="71" y="221"/>
                    <a:pt x="65" y="222"/>
                    <a:pt x="67" y="222"/>
                  </a:cubicBezTo>
                  <a:cubicBezTo>
                    <a:pt x="67" y="222"/>
                    <a:pt x="73" y="221"/>
                    <a:pt x="74" y="221"/>
                  </a:cubicBezTo>
                  <a:cubicBezTo>
                    <a:pt x="77" y="221"/>
                    <a:pt x="74" y="222"/>
                    <a:pt x="71" y="222"/>
                  </a:cubicBezTo>
                  <a:cubicBezTo>
                    <a:pt x="68" y="224"/>
                    <a:pt x="67" y="222"/>
                    <a:pt x="65" y="224"/>
                  </a:cubicBezTo>
                  <a:cubicBezTo>
                    <a:pt x="62" y="225"/>
                    <a:pt x="67" y="224"/>
                    <a:pt x="67" y="225"/>
                  </a:cubicBezTo>
                  <a:cubicBezTo>
                    <a:pt x="67" y="227"/>
                    <a:pt x="64" y="225"/>
                    <a:pt x="64" y="228"/>
                  </a:cubicBezTo>
                  <a:cubicBezTo>
                    <a:pt x="62" y="230"/>
                    <a:pt x="61" y="228"/>
                    <a:pt x="61" y="230"/>
                  </a:cubicBezTo>
                  <a:cubicBezTo>
                    <a:pt x="62" y="233"/>
                    <a:pt x="62" y="231"/>
                    <a:pt x="64" y="233"/>
                  </a:cubicBezTo>
                  <a:cubicBezTo>
                    <a:pt x="64" y="235"/>
                    <a:pt x="61" y="235"/>
                    <a:pt x="61" y="236"/>
                  </a:cubicBezTo>
                  <a:cubicBezTo>
                    <a:pt x="62" y="236"/>
                    <a:pt x="62" y="238"/>
                    <a:pt x="59" y="238"/>
                  </a:cubicBezTo>
                  <a:cubicBezTo>
                    <a:pt x="58" y="238"/>
                    <a:pt x="58" y="239"/>
                    <a:pt x="56" y="239"/>
                  </a:cubicBezTo>
                  <a:cubicBezTo>
                    <a:pt x="55" y="239"/>
                    <a:pt x="55" y="241"/>
                    <a:pt x="53" y="241"/>
                  </a:cubicBezTo>
                  <a:cubicBezTo>
                    <a:pt x="52" y="241"/>
                    <a:pt x="50" y="241"/>
                    <a:pt x="50" y="241"/>
                  </a:cubicBezTo>
                  <a:cubicBezTo>
                    <a:pt x="50" y="242"/>
                    <a:pt x="50" y="241"/>
                    <a:pt x="53" y="241"/>
                  </a:cubicBezTo>
                  <a:cubicBezTo>
                    <a:pt x="55" y="242"/>
                    <a:pt x="52" y="244"/>
                    <a:pt x="55" y="242"/>
                  </a:cubicBezTo>
                  <a:cubicBezTo>
                    <a:pt x="56" y="241"/>
                    <a:pt x="56" y="242"/>
                    <a:pt x="55" y="242"/>
                  </a:cubicBezTo>
                  <a:cubicBezTo>
                    <a:pt x="53" y="244"/>
                    <a:pt x="56" y="244"/>
                    <a:pt x="56" y="245"/>
                  </a:cubicBezTo>
                  <a:cubicBezTo>
                    <a:pt x="55" y="247"/>
                    <a:pt x="55" y="247"/>
                    <a:pt x="53" y="247"/>
                  </a:cubicBezTo>
                  <a:cubicBezTo>
                    <a:pt x="52" y="247"/>
                    <a:pt x="52" y="244"/>
                    <a:pt x="50" y="244"/>
                  </a:cubicBezTo>
                  <a:cubicBezTo>
                    <a:pt x="49" y="245"/>
                    <a:pt x="50" y="245"/>
                    <a:pt x="50" y="245"/>
                  </a:cubicBezTo>
                  <a:cubicBezTo>
                    <a:pt x="47" y="245"/>
                    <a:pt x="47" y="247"/>
                    <a:pt x="47" y="249"/>
                  </a:cubicBezTo>
                  <a:cubicBezTo>
                    <a:pt x="47" y="250"/>
                    <a:pt x="44" y="249"/>
                    <a:pt x="44" y="250"/>
                  </a:cubicBezTo>
                  <a:cubicBezTo>
                    <a:pt x="42" y="255"/>
                    <a:pt x="39" y="253"/>
                    <a:pt x="39" y="256"/>
                  </a:cubicBezTo>
                  <a:cubicBezTo>
                    <a:pt x="38" y="258"/>
                    <a:pt x="41" y="256"/>
                    <a:pt x="41" y="256"/>
                  </a:cubicBezTo>
                  <a:cubicBezTo>
                    <a:pt x="41" y="258"/>
                    <a:pt x="42" y="258"/>
                    <a:pt x="42" y="258"/>
                  </a:cubicBezTo>
                  <a:cubicBezTo>
                    <a:pt x="42" y="259"/>
                    <a:pt x="45" y="259"/>
                    <a:pt x="50" y="256"/>
                  </a:cubicBezTo>
                  <a:cubicBezTo>
                    <a:pt x="55" y="253"/>
                    <a:pt x="47" y="255"/>
                    <a:pt x="50" y="253"/>
                  </a:cubicBezTo>
                  <a:cubicBezTo>
                    <a:pt x="53" y="252"/>
                    <a:pt x="52" y="252"/>
                    <a:pt x="53" y="252"/>
                  </a:cubicBezTo>
                  <a:cubicBezTo>
                    <a:pt x="56" y="253"/>
                    <a:pt x="49" y="253"/>
                    <a:pt x="53" y="255"/>
                  </a:cubicBezTo>
                  <a:cubicBezTo>
                    <a:pt x="56" y="255"/>
                    <a:pt x="53" y="256"/>
                    <a:pt x="50" y="258"/>
                  </a:cubicBezTo>
                  <a:cubicBezTo>
                    <a:pt x="47" y="259"/>
                    <a:pt x="50" y="258"/>
                    <a:pt x="49" y="259"/>
                  </a:cubicBezTo>
                  <a:cubicBezTo>
                    <a:pt x="49" y="259"/>
                    <a:pt x="52" y="259"/>
                    <a:pt x="50" y="261"/>
                  </a:cubicBezTo>
                  <a:cubicBezTo>
                    <a:pt x="49" y="261"/>
                    <a:pt x="45" y="259"/>
                    <a:pt x="42" y="261"/>
                  </a:cubicBezTo>
                  <a:cubicBezTo>
                    <a:pt x="41" y="262"/>
                    <a:pt x="42" y="261"/>
                    <a:pt x="41" y="259"/>
                  </a:cubicBezTo>
                  <a:cubicBezTo>
                    <a:pt x="39" y="256"/>
                    <a:pt x="39" y="258"/>
                    <a:pt x="38" y="258"/>
                  </a:cubicBezTo>
                  <a:cubicBezTo>
                    <a:pt x="35" y="259"/>
                    <a:pt x="36" y="261"/>
                    <a:pt x="36" y="259"/>
                  </a:cubicBezTo>
                  <a:cubicBezTo>
                    <a:pt x="35" y="259"/>
                    <a:pt x="33" y="261"/>
                    <a:pt x="30" y="261"/>
                  </a:cubicBezTo>
                  <a:cubicBezTo>
                    <a:pt x="27" y="262"/>
                    <a:pt x="35" y="264"/>
                    <a:pt x="30" y="264"/>
                  </a:cubicBezTo>
                  <a:cubicBezTo>
                    <a:pt x="26" y="264"/>
                    <a:pt x="32" y="266"/>
                    <a:pt x="27" y="266"/>
                  </a:cubicBezTo>
                  <a:cubicBezTo>
                    <a:pt x="23" y="264"/>
                    <a:pt x="29" y="266"/>
                    <a:pt x="26" y="267"/>
                  </a:cubicBezTo>
                  <a:cubicBezTo>
                    <a:pt x="23" y="267"/>
                    <a:pt x="20" y="266"/>
                    <a:pt x="18" y="267"/>
                  </a:cubicBezTo>
                  <a:cubicBezTo>
                    <a:pt x="18" y="267"/>
                    <a:pt x="18" y="270"/>
                    <a:pt x="21" y="269"/>
                  </a:cubicBezTo>
                  <a:cubicBezTo>
                    <a:pt x="26" y="269"/>
                    <a:pt x="21" y="269"/>
                    <a:pt x="23" y="272"/>
                  </a:cubicBezTo>
                  <a:cubicBezTo>
                    <a:pt x="24" y="273"/>
                    <a:pt x="21" y="270"/>
                    <a:pt x="15" y="272"/>
                  </a:cubicBezTo>
                  <a:cubicBezTo>
                    <a:pt x="10" y="273"/>
                    <a:pt x="18" y="272"/>
                    <a:pt x="18" y="273"/>
                  </a:cubicBezTo>
                  <a:cubicBezTo>
                    <a:pt x="20" y="276"/>
                    <a:pt x="18" y="272"/>
                    <a:pt x="13" y="275"/>
                  </a:cubicBezTo>
                  <a:cubicBezTo>
                    <a:pt x="9" y="276"/>
                    <a:pt x="12" y="278"/>
                    <a:pt x="10" y="276"/>
                  </a:cubicBezTo>
                  <a:cubicBezTo>
                    <a:pt x="7" y="276"/>
                    <a:pt x="10" y="278"/>
                    <a:pt x="7" y="278"/>
                  </a:cubicBezTo>
                  <a:cubicBezTo>
                    <a:pt x="4" y="276"/>
                    <a:pt x="3" y="276"/>
                    <a:pt x="4" y="278"/>
                  </a:cubicBezTo>
                  <a:cubicBezTo>
                    <a:pt x="6" y="280"/>
                    <a:pt x="1" y="278"/>
                    <a:pt x="3" y="280"/>
                  </a:cubicBezTo>
                  <a:cubicBezTo>
                    <a:pt x="4" y="281"/>
                    <a:pt x="9" y="280"/>
                    <a:pt x="13" y="281"/>
                  </a:cubicBezTo>
                  <a:cubicBezTo>
                    <a:pt x="17" y="283"/>
                    <a:pt x="12" y="281"/>
                    <a:pt x="10" y="283"/>
                  </a:cubicBezTo>
                  <a:cubicBezTo>
                    <a:pt x="10" y="283"/>
                    <a:pt x="9" y="280"/>
                    <a:pt x="4" y="283"/>
                  </a:cubicBezTo>
                  <a:cubicBezTo>
                    <a:pt x="0" y="284"/>
                    <a:pt x="7" y="286"/>
                    <a:pt x="4" y="287"/>
                  </a:cubicBezTo>
                  <a:cubicBezTo>
                    <a:pt x="0" y="287"/>
                    <a:pt x="4" y="287"/>
                    <a:pt x="3" y="289"/>
                  </a:cubicBezTo>
                  <a:cubicBezTo>
                    <a:pt x="3" y="290"/>
                    <a:pt x="4" y="292"/>
                    <a:pt x="7" y="290"/>
                  </a:cubicBezTo>
                  <a:cubicBezTo>
                    <a:pt x="10" y="289"/>
                    <a:pt x="13" y="292"/>
                    <a:pt x="15" y="290"/>
                  </a:cubicBezTo>
                  <a:cubicBezTo>
                    <a:pt x="15" y="287"/>
                    <a:pt x="17" y="290"/>
                    <a:pt x="20" y="290"/>
                  </a:cubicBezTo>
                  <a:cubicBezTo>
                    <a:pt x="23" y="289"/>
                    <a:pt x="24" y="290"/>
                    <a:pt x="21" y="290"/>
                  </a:cubicBezTo>
                  <a:cubicBezTo>
                    <a:pt x="17" y="292"/>
                    <a:pt x="23" y="295"/>
                    <a:pt x="18" y="292"/>
                  </a:cubicBezTo>
                  <a:cubicBezTo>
                    <a:pt x="15" y="289"/>
                    <a:pt x="15" y="294"/>
                    <a:pt x="13" y="292"/>
                  </a:cubicBezTo>
                  <a:cubicBezTo>
                    <a:pt x="10" y="290"/>
                    <a:pt x="7" y="294"/>
                    <a:pt x="6" y="292"/>
                  </a:cubicBezTo>
                  <a:cubicBezTo>
                    <a:pt x="3" y="292"/>
                    <a:pt x="3" y="292"/>
                    <a:pt x="3" y="294"/>
                  </a:cubicBezTo>
                  <a:cubicBezTo>
                    <a:pt x="3" y="297"/>
                    <a:pt x="6" y="294"/>
                    <a:pt x="6" y="297"/>
                  </a:cubicBezTo>
                  <a:cubicBezTo>
                    <a:pt x="6" y="298"/>
                    <a:pt x="3" y="294"/>
                    <a:pt x="3" y="297"/>
                  </a:cubicBezTo>
                  <a:cubicBezTo>
                    <a:pt x="4" y="300"/>
                    <a:pt x="6" y="297"/>
                    <a:pt x="6" y="298"/>
                  </a:cubicBezTo>
                  <a:cubicBezTo>
                    <a:pt x="6" y="301"/>
                    <a:pt x="3" y="301"/>
                    <a:pt x="3" y="301"/>
                  </a:cubicBezTo>
                  <a:cubicBezTo>
                    <a:pt x="6" y="303"/>
                    <a:pt x="6" y="304"/>
                    <a:pt x="7" y="303"/>
                  </a:cubicBezTo>
                  <a:cubicBezTo>
                    <a:pt x="7" y="301"/>
                    <a:pt x="7" y="304"/>
                    <a:pt x="9" y="304"/>
                  </a:cubicBezTo>
                  <a:cubicBezTo>
                    <a:pt x="9" y="303"/>
                    <a:pt x="7" y="306"/>
                    <a:pt x="9" y="306"/>
                  </a:cubicBezTo>
                  <a:cubicBezTo>
                    <a:pt x="10" y="306"/>
                    <a:pt x="9" y="303"/>
                    <a:pt x="12" y="303"/>
                  </a:cubicBezTo>
                  <a:cubicBezTo>
                    <a:pt x="13" y="301"/>
                    <a:pt x="10" y="306"/>
                    <a:pt x="9" y="308"/>
                  </a:cubicBezTo>
                  <a:cubicBezTo>
                    <a:pt x="6" y="308"/>
                    <a:pt x="10" y="308"/>
                    <a:pt x="9" y="309"/>
                  </a:cubicBezTo>
                  <a:cubicBezTo>
                    <a:pt x="7" y="311"/>
                    <a:pt x="9" y="308"/>
                    <a:pt x="6" y="311"/>
                  </a:cubicBezTo>
                  <a:cubicBezTo>
                    <a:pt x="3" y="314"/>
                    <a:pt x="6" y="317"/>
                    <a:pt x="7" y="315"/>
                  </a:cubicBezTo>
                  <a:cubicBezTo>
                    <a:pt x="7" y="314"/>
                    <a:pt x="9" y="315"/>
                    <a:pt x="9" y="314"/>
                  </a:cubicBezTo>
                  <a:cubicBezTo>
                    <a:pt x="10" y="312"/>
                    <a:pt x="12" y="314"/>
                    <a:pt x="10" y="315"/>
                  </a:cubicBezTo>
                  <a:cubicBezTo>
                    <a:pt x="9" y="315"/>
                    <a:pt x="12" y="315"/>
                    <a:pt x="10" y="317"/>
                  </a:cubicBezTo>
                  <a:cubicBezTo>
                    <a:pt x="9" y="318"/>
                    <a:pt x="12" y="318"/>
                    <a:pt x="10" y="320"/>
                  </a:cubicBezTo>
                  <a:cubicBezTo>
                    <a:pt x="7" y="320"/>
                    <a:pt x="7" y="317"/>
                    <a:pt x="7" y="320"/>
                  </a:cubicBezTo>
                  <a:cubicBezTo>
                    <a:pt x="6" y="323"/>
                    <a:pt x="6" y="323"/>
                    <a:pt x="7" y="323"/>
                  </a:cubicBezTo>
                  <a:cubicBezTo>
                    <a:pt x="9" y="326"/>
                    <a:pt x="10" y="325"/>
                    <a:pt x="10" y="326"/>
                  </a:cubicBezTo>
                  <a:cubicBezTo>
                    <a:pt x="12" y="328"/>
                    <a:pt x="13" y="328"/>
                    <a:pt x="15" y="329"/>
                  </a:cubicBezTo>
                  <a:cubicBezTo>
                    <a:pt x="17" y="329"/>
                    <a:pt x="15" y="329"/>
                    <a:pt x="17" y="331"/>
                  </a:cubicBezTo>
                  <a:cubicBezTo>
                    <a:pt x="17" y="332"/>
                    <a:pt x="17" y="329"/>
                    <a:pt x="18" y="331"/>
                  </a:cubicBezTo>
                  <a:cubicBezTo>
                    <a:pt x="20" y="331"/>
                    <a:pt x="18" y="332"/>
                    <a:pt x="20" y="331"/>
                  </a:cubicBezTo>
                  <a:cubicBezTo>
                    <a:pt x="23" y="331"/>
                    <a:pt x="27" y="331"/>
                    <a:pt x="29" y="329"/>
                  </a:cubicBezTo>
                  <a:cubicBezTo>
                    <a:pt x="30" y="329"/>
                    <a:pt x="32" y="328"/>
                    <a:pt x="33" y="325"/>
                  </a:cubicBezTo>
                  <a:cubicBezTo>
                    <a:pt x="35" y="323"/>
                    <a:pt x="36" y="325"/>
                    <a:pt x="36" y="323"/>
                  </a:cubicBezTo>
                  <a:cubicBezTo>
                    <a:pt x="36" y="321"/>
                    <a:pt x="39" y="323"/>
                    <a:pt x="38" y="321"/>
                  </a:cubicBezTo>
                  <a:cubicBezTo>
                    <a:pt x="36" y="320"/>
                    <a:pt x="41" y="321"/>
                    <a:pt x="39" y="318"/>
                  </a:cubicBezTo>
                  <a:cubicBezTo>
                    <a:pt x="39" y="317"/>
                    <a:pt x="41" y="320"/>
                    <a:pt x="42" y="318"/>
                  </a:cubicBezTo>
                  <a:cubicBezTo>
                    <a:pt x="44" y="318"/>
                    <a:pt x="45" y="320"/>
                    <a:pt x="45" y="317"/>
                  </a:cubicBezTo>
                  <a:cubicBezTo>
                    <a:pt x="45" y="314"/>
                    <a:pt x="49" y="315"/>
                    <a:pt x="45" y="314"/>
                  </a:cubicBezTo>
                  <a:cubicBezTo>
                    <a:pt x="45" y="312"/>
                    <a:pt x="44" y="311"/>
                    <a:pt x="47" y="312"/>
                  </a:cubicBezTo>
                  <a:cubicBezTo>
                    <a:pt x="49" y="314"/>
                    <a:pt x="47" y="309"/>
                    <a:pt x="49" y="311"/>
                  </a:cubicBezTo>
                  <a:cubicBezTo>
                    <a:pt x="49" y="314"/>
                    <a:pt x="47" y="312"/>
                    <a:pt x="49" y="314"/>
                  </a:cubicBezTo>
                  <a:cubicBezTo>
                    <a:pt x="49" y="315"/>
                    <a:pt x="47" y="317"/>
                    <a:pt x="50" y="317"/>
                  </a:cubicBezTo>
                  <a:cubicBezTo>
                    <a:pt x="52" y="317"/>
                    <a:pt x="50" y="317"/>
                    <a:pt x="53" y="317"/>
                  </a:cubicBezTo>
                  <a:cubicBezTo>
                    <a:pt x="53" y="317"/>
                    <a:pt x="53" y="318"/>
                    <a:pt x="55" y="320"/>
                  </a:cubicBezTo>
                  <a:cubicBezTo>
                    <a:pt x="55" y="321"/>
                    <a:pt x="58" y="318"/>
                    <a:pt x="56" y="314"/>
                  </a:cubicBezTo>
                  <a:cubicBezTo>
                    <a:pt x="55" y="311"/>
                    <a:pt x="58" y="311"/>
                    <a:pt x="58" y="309"/>
                  </a:cubicBezTo>
                  <a:cubicBezTo>
                    <a:pt x="56" y="306"/>
                    <a:pt x="59" y="309"/>
                    <a:pt x="61" y="306"/>
                  </a:cubicBezTo>
                  <a:cubicBezTo>
                    <a:pt x="64" y="303"/>
                    <a:pt x="61" y="303"/>
                    <a:pt x="62" y="301"/>
                  </a:cubicBezTo>
                  <a:cubicBezTo>
                    <a:pt x="65" y="300"/>
                    <a:pt x="59" y="294"/>
                    <a:pt x="61" y="292"/>
                  </a:cubicBezTo>
                  <a:cubicBezTo>
                    <a:pt x="61" y="290"/>
                    <a:pt x="64" y="294"/>
                    <a:pt x="64" y="290"/>
                  </a:cubicBezTo>
                  <a:cubicBezTo>
                    <a:pt x="65" y="289"/>
                    <a:pt x="67" y="287"/>
                    <a:pt x="62" y="286"/>
                  </a:cubicBezTo>
                  <a:cubicBezTo>
                    <a:pt x="56" y="283"/>
                    <a:pt x="62" y="278"/>
                    <a:pt x="61" y="273"/>
                  </a:cubicBezTo>
                  <a:cubicBezTo>
                    <a:pt x="58" y="270"/>
                    <a:pt x="61" y="270"/>
                    <a:pt x="59" y="269"/>
                  </a:cubicBezTo>
                  <a:cubicBezTo>
                    <a:pt x="58" y="267"/>
                    <a:pt x="61" y="267"/>
                    <a:pt x="59" y="264"/>
                  </a:cubicBezTo>
                  <a:cubicBezTo>
                    <a:pt x="56" y="261"/>
                    <a:pt x="61" y="261"/>
                    <a:pt x="59" y="259"/>
                  </a:cubicBezTo>
                  <a:cubicBezTo>
                    <a:pt x="59" y="256"/>
                    <a:pt x="65" y="253"/>
                    <a:pt x="67" y="252"/>
                  </a:cubicBezTo>
                  <a:cubicBezTo>
                    <a:pt x="70" y="250"/>
                    <a:pt x="74" y="255"/>
                    <a:pt x="76" y="249"/>
                  </a:cubicBezTo>
                  <a:cubicBezTo>
                    <a:pt x="77" y="245"/>
                    <a:pt x="74" y="247"/>
                    <a:pt x="73" y="245"/>
                  </a:cubicBezTo>
                  <a:cubicBezTo>
                    <a:pt x="70" y="244"/>
                    <a:pt x="77" y="239"/>
                    <a:pt x="77" y="238"/>
                  </a:cubicBezTo>
                  <a:cubicBezTo>
                    <a:pt x="77" y="235"/>
                    <a:pt x="79" y="236"/>
                    <a:pt x="79" y="233"/>
                  </a:cubicBezTo>
                  <a:cubicBezTo>
                    <a:pt x="77" y="228"/>
                    <a:pt x="80" y="230"/>
                    <a:pt x="77" y="224"/>
                  </a:cubicBezTo>
                  <a:cubicBezTo>
                    <a:pt x="77" y="222"/>
                    <a:pt x="88" y="224"/>
                    <a:pt x="85" y="221"/>
                  </a:cubicBezTo>
                  <a:cubicBezTo>
                    <a:pt x="84" y="217"/>
                    <a:pt x="87" y="219"/>
                    <a:pt x="88" y="214"/>
                  </a:cubicBezTo>
                  <a:cubicBezTo>
                    <a:pt x="91" y="211"/>
                    <a:pt x="93" y="213"/>
                    <a:pt x="93" y="210"/>
                  </a:cubicBezTo>
                  <a:cubicBezTo>
                    <a:pt x="94" y="208"/>
                    <a:pt x="91" y="207"/>
                    <a:pt x="91" y="205"/>
                  </a:cubicBezTo>
                  <a:cubicBezTo>
                    <a:pt x="91" y="203"/>
                    <a:pt x="93" y="205"/>
                    <a:pt x="96" y="200"/>
                  </a:cubicBezTo>
                  <a:cubicBezTo>
                    <a:pt x="96" y="197"/>
                    <a:pt x="99" y="197"/>
                    <a:pt x="100" y="196"/>
                  </a:cubicBezTo>
                  <a:cubicBezTo>
                    <a:pt x="102" y="196"/>
                    <a:pt x="103" y="199"/>
                    <a:pt x="106" y="197"/>
                  </a:cubicBezTo>
                  <a:cubicBezTo>
                    <a:pt x="109" y="196"/>
                    <a:pt x="105" y="191"/>
                    <a:pt x="106" y="190"/>
                  </a:cubicBezTo>
                  <a:cubicBezTo>
                    <a:pt x="111" y="186"/>
                    <a:pt x="119" y="194"/>
                    <a:pt x="123" y="191"/>
                  </a:cubicBezTo>
                  <a:cubicBezTo>
                    <a:pt x="126" y="190"/>
                    <a:pt x="119" y="191"/>
                    <a:pt x="123" y="188"/>
                  </a:cubicBezTo>
                  <a:cubicBezTo>
                    <a:pt x="128" y="183"/>
                    <a:pt x="119" y="182"/>
                    <a:pt x="128" y="182"/>
                  </a:cubicBezTo>
                  <a:cubicBezTo>
                    <a:pt x="128" y="180"/>
                    <a:pt x="131" y="183"/>
                    <a:pt x="131" y="182"/>
                  </a:cubicBezTo>
                  <a:cubicBezTo>
                    <a:pt x="131" y="182"/>
                    <a:pt x="129" y="180"/>
                    <a:pt x="131" y="179"/>
                  </a:cubicBezTo>
                  <a:cubicBezTo>
                    <a:pt x="134" y="177"/>
                    <a:pt x="137" y="180"/>
                    <a:pt x="140" y="183"/>
                  </a:cubicBezTo>
                  <a:cubicBezTo>
                    <a:pt x="143" y="186"/>
                    <a:pt x="138" y="186"/>
                    <a:pt x="143" y="186"/>
                  </a:cubicBezTo>
                  <a:cubicBezTo>
                    <a:pt x="149" y="186"/>
                    <a:pt x="146" y="188"/>
                    <a:pt x="149" y="188"/>
                  </a:cubicBezTo>
                  <a:cubicBezTo>
                    <a:pt x="154" y="186"/>
                    <a:pt x="152" y="185"/>
                    <a:pt x="154" y="185"/>
                  </a:cubicBezTo>
                  <a:cubicBezTo>
                    <a:pt x="155" y="186"/>
                    <a:pt x="158" y="186"/>
                    <a:pt x="161" y="190"/>
                  </a:cubicBezTo>
                  <a:cubicBezTo>
                    <a:pt x="161" y="188"/>
                    <a:pt x="163" y="190"/>
                    <a:pt x="163" y="186"/>
                  </a:cubicBezTo>
                  <a:cubicBezTo>
                    <a:pt x="164" y="183"/>
                    <a:pt x="170" y="185"/>
                    <a:pt x="167" y="182"/>
                  </a:cubicBezTo>
                  <a:cubicBezTo>
                    <a:pt x="166" y="179"/>
                    <a:pt x="169" y="179"/>
                    <a:pt x="169" y="176"/>
                  </a:cubicBezTo>
                  <a:cubicBezTo>
                    <a:pt x="169" y="174"/>
                    <a:pt x="170" y="171"/>
                    <a:pt x="173" y="169"/>
                  </a:cubicBezTo>
                  <a:cubicBezTo>
                    <a:pt x="177" y="168"/>
                    <a:pt x="175" y="171"/>
                    <a:pt x="181" y="168"/>
                  </a:cubicBezTo>
                  <a:cubicBezTo>
                    <a:pt x="184" y="166"/>
                    <a:pt x="184" y="166"/>
                    <a:pt x="186" y="169"/>
                  </a:cubicBezTo>
                  <a:cubicBezTo>
                    <a:pt x="187" y="171"/>
                    <a:pt x="195" y="172"/>
                    <a:pt x="196" y="176"/>
                  </a:cubicBezTo>
                  <a:cubicBezTo>
                    <a:pt x="196" y="177"/>
                    <a:pt x="189" y="180"/>
                    <a:pt x="193" y="182"/>
                  </a:cubicBezTo>
                  <a:cubicBezTo>
                    <a:pt x="195" y="183"/>
                    <a:pt x="195" y="182"/>
                    <a:pt x="196" y="179"/>
                  </a:cubicBezTo>
                  <a:close/>
                  <a:moveTo>
                    <a:pt x="154" y="157"/>
                  </a:moveTo>
                  <a:cubicBezTo>
                    <a:pt x="157" y="159"/>
                    <a:pt x="155" y="160"/>
                    <a:pt x="154" y="160"/>
                  </a:cubicBezTo>
                  <a:cubicBezTo>
                    <a:pt x="152" y="162"/>
                    <a:pt x="151" y="157"/>
                    <a:pt x="154" y="157"/>
                  </a:cubicBezTo>
                  <a:close/>
                  <a:moveTo>
                    <a:pt x="149" y="163"/>
                  </a:moveTo>
                  <a:cubicBezTo>
                    <a:pt x="151" y="162"/>
                    <a:pt x="154" y="160"/>
                    <a:pt x="151" y="159"/>
                  </a:cubicBezTo>
                  <a:cubicBezTo>
                    <a:pt x="149" y="159"/>
                    <a:pt x="151" y="160"/>
                    <a:pt x="149" y="160"/>
                  </a:cubicBezTo>
                  <a:cubicBezTo>
                    <a:pt x="146" y="162"/>
                    <a:pt x="144" y="162"/>
                    <a:pt x="148" y="163"/>
                  </a:cubicBezTo>
                  <a:cubicBezTo>
                    <a:pt x="148" y="163"/>
                    <a:pt x="149" y="165"/>
                    <a:pt x="149" y="163"/>
                  </a:cubicBezTo>
                  <a:close/>
                  <a:moveTo>
                    <a:pt x="141" y="163"/>
                  </a:moveTo>
                  <a:cubicBezTo>
                    <a:pt x="144" y="162"/>
                    <a:pt x="146" y="163"/>
                    <a:pt x="146" y="163"/>
                  </a:cubicBezTo>
                  <a:cubicBezTo>
                    <a:pt x="148" y="165"/>
                    <a:pt x="140" y="165"/>
                    <a:pt x="141" y="163"/>
                  </a:cubicBezTo>
                  <a:close/>
                  <a:moveTo>
                    <a:pt x="144" y="160"/>
                  </a:moveTo>
                  <a:cubicBezTo>
                    <a:pt x="146" y="160"/>
                    <a:pt x="146" y="160"/>
                    <a:pt x="149" y="159"/>
                  </a:cubicBezTo>
                  <a:cubicBezTo>
                    <a:pt x="152" y="155"/>
                    <a:pt x="151" y="155"/>
                    <a:pt x="148" y="155"/>
                  </a:cubicBezTo>
                  <a:cubicBezTo>
                    <a:pt x="146" y="157"/>
                    <a:pt x="149" y="157"/>
                    <a:pt x="148" y="157"/>
                  </a:cubicBezTo>
                  <a:cubicBezTo>
                    <a:pt x="146" y="159"/>
                    <a:pt x="144" y="157"/>
                    <a:pt x="144" y="159"/>
                  </a:cubicBezTo>
                  <a:cubicBezTo>
                    <a:pt x="144" y="160"/>
                    <a:pt x="144" y="157"/>
                    <a:pt x="143" y="159"/>
                  </a:cubicBezTo>
                  <a:cubicBezTo>
                    <a:pt x="140" y="159"/>
                    <a:pt x="137" y="160"/>
                    <a:pt x="140" y="160"/>
                  </a:cubicBezTo>
                  <a:cubicBezTo>
                    <a:pt x="141" y="160"/>
                    <a:pt x="138" y="162"/>
                    <a:pt x="141" y="162"/>
                  </a:cubicBezTo>
                  <a:cubicBezTo>
                    <a:pt x="143" y="160"/>
                    <a:pt x="143" y="160"/>
                    <a:pt x="144" y="160"/>
                  </a:cubicBezTo>
                  <a:close/>
                  <a:moveTo>
                    <a:pt x="128" y="168"/>
                  </a:moveTo>
                  <a:cubicBezTo>
                    <a:pt x="129" y="168"/>
                    <a:pt x="129" y="168"/>
                    <a:pt x="129" y="166"/>
                  </a:cubicBezTo>
                  <a:cubicBezTo>
                    <a:pt x="129" y="165"/>
                    <a:pt x="129" y="163"/>
                    <a:pt x="126" y="165"/>
                  </a:cubicBezTo>
                  <a:cubicBezTo>
                    <a:pt x="125" y="166"/>
                    <a:pt x="125" y="166"/>
                    <a:pt x="128" y="168"/>
                  </a:cubicBezTo>
                  <a:close/>
                  <a:moveTo>
                    <a:pt x="122" y="165"/>
                  </a:moveTo>
                  <a:cubicBezTo>
                    <a:pt x="120" y="165"/>
                    <a:pt x="120" y="163"/>
                    <a:pt x="120" y="165"/>
                  </a:cubicBezTo>
                  <a:cubicBezTo>
                    <a:pt x="119" y="166"/>
                    <a:pt x="122" y="168"/>
                    <a:pt x="123" y="166"/>
                  </a:cubicBezTo>
                  <a:cubicBezTo>
                    <a:pt x="125" y="166"/>
                    <a:pt x="123" y="166"/>
                    <a:pt x="122" y="165"/>
                  </a:cubicBezTo>
                  <a:close/>
                  <a:moveTo>
                    <a:pt x="154" y="154"/>
                  </a:moveTo>
                  <a:cubicBezTo>
                    <a:pt x="155" y="154"/>
                    <a:pt x="155" y="154"/>
                    <a:pt x="155" y="154"/>
                  </a:cubicBezTo>
                  <a:cubicBezTo>
                    <a:pt x="157" y="155"/>
                    <a:pt x="155" y="155"/>
                    <a:pt x="154" y="154"/>
                  </a:cubicBezTo>
                  <a:close/>
                  <a:moveTo>
                    <a:pt x="128" y="169"/>
                  </a:moveTo>
                  <a:cubicBezTo>
                    <a:pt x="129" y="169"/>
                    <a:pt x="128" y="171"/>
                    <a:pt x="128" y="171"/>
                  </a:cubicBezTo>
                  <a:cubicBezTo>
                    <a:pt x="126" y="171"/>
                    <a:pt x="128" y="168"/>
                    <a:pt x="128" y="169"/>
                  </a:cubicBezTo>
                  <a:close/>
                  <a:moveTo>
                    <a:pt x="129" y="168"/>
                  </a:moveTo>
                  <a:cubicBezTo>
                    <a:pt x="129" y="166"/>
                    <a:pt x="132" y="168"/>
                    <a:pt x="131" y="169"/>
                  </a:cubicBezTo>
                  <a:cubicBezTo>
                    <a:pt x="129" y="169"/>
                    <a:pt x="129" y="169"/>
                    <a:pt x="129" y="168"/>
                  </a:cubicBezTo>
                  <a:close/>
                  <a:moveTo>
                    <a:pt x="119" y="169"/>
                  </a:moveTo>
                  <a:cubicBezTo>
                    <a:pt x="120" y="168"/>
                    <a:pt x="122" y="168"/>
                    <a:pt x="122" y="168"/>
                  </a:cubicBezTo>
                  <a:cubicBezTo>
                    <a:pt x="122" y="169"/>
                    <a:pt x="119" y="171"/>
                    <a:pt x="119" y="169"/>
                  </a:cubicBezTo>
                  <a:close/>
                  <a:moveTo>
                    <a:pt x="119" y="169"/>
                  </a:moveTo>
                  <a:cubicBezTo>
                    <a:pt x="120" y="168"/>
                    <a:pt x="120" y="168"/>
                    <a:pt x="120" y="168"/>
                  </a:cubicBezTo>
                  <a:cubicBezTo>
                    <a:pt x="119" y="168"/>
                    <a:pt x="119" y="168"/>
                    <a:pt x="117" y="168"/>
                  </a:cubicBezTo>
                  <a:cubicBezTo>
                    <a:pt x="116" y="166"/>
                    <a:pt x="116" y="168"/>
                    <a:pt x="116" y="168"/>
                  </a:cubicBezTo>
                  <a:cubicBezTo>
                    <a:pt x="114" y="168"/>
                    <a:pt x="114" y="168"/>
                    <a:pt x="112" y="169"/>
                  </a:cubicBezTo>
                  <a:cubicBezTo>
                    <a:pt x="112" y="169"/>
                    <a:pt x="114" y="169"/>
                    <a:pt x="116" y="171"/>
                  </a:cubicBezTo>
                  <a:cubicBezTo>
                    <a:pt x="117" y="171"/>
                    <a:pt x="117" y="171"/>
                    <a:pt x="119" y="169"/>
                  </a:cubicBezTo>
                  <a:close/>
                  <a:moveTo>
                    <a:pt x="116" y="166"/>
                  </a:moveTo>
                  <a:cubicBezTo>
                    <a:pt x="114" y="166"/>
                    <a:pt x="116" y="165"/>
                    <a:pt x="117" y="165"/>
                  </a:cubicBezTo>
                  <a:cubicBezTo>
                    <a:pt x="117" y="165"/>
                    <a:pt x="117" y="166"/>
                    <a:pt x="116" y="166"/>
                  </a:cubicBezTo>
                  <a:close/>
                  <a:moveTo>
                    <a:pt x="114" y="166"/>
                  </a:moveTo>
                  <a:cubicBezTo>
                    <a:pt x="114" y="166"/>
                    <a:pt x="114" y="166"/>
                    <a:pt x="112" y="166"/>
                  </a:cubicBezTo>
                  <a:cubicBezTo>
                    <a:pt x="112" y="166"/>
                    <a:pt x="112" y="166"/>
                    <a:pt x="112" y="168"/>
                  </a:cubicBezTo>
                  <a:cubicBezTo>
                    <a:pt x="112" y="169"/>
                    <a:pt x="114" y="166"/>
                    <a:pt x="114" y="166"/>
                  </a:cubicBezTo>
                  <a:close/>
                  <a:moveTo>
                    <a:pt x="112" y="174"/>
                  </a:moveTo>
                  <a:cubicBezTo>
                    <a:pt x="112" y="172"/>
                    <a:pt x="117" y="172"/>
                    <a:pt x="114" y="171"/>
                  </a:cubicBezTo>
                  <a:cubicBezTo>
                    <a:pt x="111" y="169"/>
                    <a:pt x="112" y="171"/>
                    <a:pt x="112" y="171"/>
                  </a:cubicBezTo>
                  <a:cubicBezTo>
                    <a:pt x="111" y="171"/>
                    <a:pt x="111" y="172"/>
                    <a:pt x="111" y="171"/>
                  </a:cubicBezTo>
                  <a:cubicBezTo>
                    <a:pt x="109" y="171"/>
                    <a:pt x="109" y="171"/>
                    <a:pt x="109" y="172"/>
                  </a:cubicBezTo>
                  <a:cubicBezTo>
                    <a:pt x="108" y="174"/>
                    <a:pt x="108" y="172"/>
                    <a:pt x="106" y="174"/>
                  </a:cubicBezTo>
                  <a:cubicBezTo>
                    <a:pt x="106" y="174"/>
                    <a:pt x="106" y="174"/>
                    <a:pt x="111" y="174"/>
                  </a:cubicBezTo>
                  <a:cubicBezTo>
                    <a:pt x="112" y="174"/>
                    <a:pt x="112" y="174"/>
                    <a:pt x="112" y="174"/>
                  </a:cubicBezTo>
                  <a:close/>
                  <a:moveTo>
                    <a:pt x="106" y="179"/>
                  </a:moveTo>
                  <a:cubicBezTo>
                    <a:pt x="105" y="177"/>
                    <a:pt x="106" y="177"/>
                    <a:pt x="106" y="177"/>
                  </a:cubicBezTo>
                  <a:cubicBezTo>
                    <a:pt x="106" y="176"/>
                    <a:pt x="108" y="174"/>
                    <a:pt x="106" y="176"/>
                  </a:cubicBezTo>
                  <a:cubicBezTo>
                    <a:pt x="106" y="176"/>
                    <a:pt x="106" y="174"/>
                    <a:pt x="105" y="174"/>
                  </a:cubicBezTo>
                  <a:cubicBezTo>
                    <a:pt x="105" y="176"/>
                    <a:pt x="105" y="172"/>
                    <a:pt x="103" y="174"/>
                  </a:cubicBezTo>
                  <a:cubicBezTo>
                    <a:pt x="103" y="176"/>
                    <a:pt x="102" y="174"/>
                    <a:pt x="102" y="174"/>
                  </a:cubicBezTo>
                  <a:cubicBezTo>
                    <a:pt x="102" y="176"/>
                    <a:pt x="102" y="174"/>
                    <a:pt x="100" y="176"/>
                  </a:cubicBezTo>
                  <a:cubicBezTo>
                    <a:pt x="99" y="176"/>
                    <a:pt x="102" y="176"/>
                    <a:pt x="102" y="177"/>
                  </a:cubicBezTo>
                  <a:cubicBezTo>
                    <a:pt x="102" y="177"/>
                    <a:pt x="97" y="177"/>
                    <a:pt x="99" y="177"/>
                  </a:cubicBezTo>
                  <a:cubicBezTo>
                    <a:pt x="100" y="179"/>
                    <a:pt x="97" y="177"/>
                    <a:pt x="99" y="179"/>
                  </a:cubicBezTo>
                  <a:cubicBezTo>
                    <a:pt x="99" y="179"/>
                    <a:pt x="97" y="179"/>
                    <a:pt x="99" y="180"/>
                  </a:cubicBezTo>
                  <a:cubicBezTo>
                    <a:pt x="99" y="180"/>
                    <a:pt x="96" y="182"/>
                    <a:pt x="99" y="182"/>
                  </a:cubicBezTo>
                  <a:cubicBezTo>
                    <a:pt x="100" y="182"/>
                    <a:pt x="99" y="183"/>
                    <a:pt x="100" y="182"/>
                  </a:cubicBezTo>
                  <a:cubicBezTo>
                    <a:pt x="102" y="182"/>
                    <a:pt x="102" y="180"/>
                    <a:pt x="102" y="180"/>
                  </a:cubicBezTo>
                  <a:cubicBezTo>
                    <a:pt x="103" y="180"/>
                    <a:pt x="102" y="182"/>
                    <a:pt x="105" y="180"/>
                  </a:cubicBezTo>
                  <a:cubicBezTo>
                    <a:pt x="106" y="180"/>
                    <a:pt x="106" y="180"/>
                    <a:pt x="106" y="179"/>
                  </a:cubicBezTo>
                  <a:close/>
                  <a:moveTo>
                    <a:pt x="100" y="185"/>
                  </a:moveTo>
                  <a:cubicBezTo>
                    <a:pt x="99" y="183"/>
                    <a:pt x="100" y="183"/>
                    <a:pt x="102" y="183"/>
                  </a:cubicBezTo>
                  <a:cubicBezTo>
                    <a:pt x="102" y="185"/>
                    <a:pt x="100" y="185"/>
                    <a:pt x="100" y="185"/>
                  </a:cubicBezTo>
                  <a:close/>
                  <a:moveTo>
                    <a:pt x="97" y="186"/>
                  </a:moveTo>
                  <a:cubicBezTo>
                    <a:pt x="97" y="185"/>
                    <a:pt x="100" y="186"/>
                    <a:pt x="99" y="186"/>
                  </a:cubicBezTo>
                  <a:cubicBezTo>
                    <a:pt x="97" y="186"/>
                    <a:pt x="96" y="186"/>
                    <a:pt x="97" y="186"/>
                  </a:cubicBezTo>
                  <a:close/>
                  <a:moveTo>
                    <a:pt x="82" y="199"/>
                  </a:moveTo>
                  <a:cubicBezTo>
                    <a:pt x="82" y="199"/>
                    <a:pt x="82" y="197"/>
                    <a:pt x="84" y="197"/>
                  </a:cubicBezTo>
                  <a:cubicBezTo>
                    <a:pt x="84" y="197"/>
                    <a:pt x="84" y="197"/>
                    <a:pt x="82" y="199"/>
                  </a:cubicBezTo>
                  <a:close/>
                  <a:moveTo>
                    <a:pt x="82" y="193"/>
                  </a:moveTo>
                  <a:cubicBezTo>
                    <a:pt x="84" y="191"/>
                    <a:pt x="82" y="191"/>
                    <a:pt x="82" y="191"/>
                  </a:cubicBezTo>
                  <a:cubicBezTo>
                    <a:pt x="82" y="191"/>
                    <a:pt x="80" y="191"/>
                    <a:pt x="79" y="191"/>
                  </a:cubicBezTo>
                  <a:cubicBezTo>
                    <a:pt x="77" y="191"/>
                    <a:pt x="79" y="193"/>
                    <a:pt x="77" y="193"/>
                  </a:cubicBezTo>
                  <a:cubicBezTo>
                    <a:pt x="76" y="193"/>
                    <a:pt x="77" y="193"/>
                    <a:pt x="76" y="194"/>
                  </a:cubicBezTo>
                  <a:cubicBezTo>
                    <a:pt x="76" y="194"/>
                    <a:pt x="76" y="196"/>
                    <a:pt x="79" y="194"/>
                  </a:cubicBezTo>
                  <a:cubicBezTo>
                    <a:pt x="79" y="194"/>
                    <a:pt x="80" y="194"/>
                    <a:pt x="82" y="193"/>
                  </a:cubicBezTo>
                  <a:close/>
                  <a:moveTo>
                    <a:pt x="85" y="188"/>
                  </a:moveTo>
                  <a:cubicBezTo>
                    <a:pt x="87" y="188"/>
                    <a:pt x="84" y="186"/>
                    <a:pt x="85" y="186"/>
                  </a:cubicBezTo>
                  <a:cubicBezTo>
                    <a:pt x="87" y="185"/>
                    <a:pt x="84" y="182"/>
                    <a:pt x="84" y="183"/>
                  </a:cubicBezTo>
                  <a:cubicBezTo>
                    <a:pt x="82" y="183"/>
                    <a:pt x="84" y="185"/>
                    <a:pt x="82" y="185"/>
                  </a:cubicBezTo>
                  <a:cubicBezTo>
                    <a:pt x="80" y="185"/>
                    <a:pt x="82" y="186"/>
                    <a:pt x="80" y="186"/>
                  </a:cubicBezTo>
                  <a:cubicBezTo>
                    <a:pt x="79" y="186"/>
                    <a:pt x="80" y="185"/>
                    <a:pt x="79" y="185"/>
                  </a:cubicBezTo>
                  <a:cubicBezTo>
                    <a:pt x="79" y="186"/>
                    <a:pt x="77" y="185"/>
                    <a:pt x="77" y="186"/>
                  </a:cubicBezTo>
                  <a:cubicBezTo>
                    <a:pt x="77" y="186"/>
                    <a:pt x="76" y="188"/>
                    <a:pt x="77" y="188"/>
                  </a:cubicBezTo>
                  <a:cubicBezTo>
                    <a:pt x="79" y="190"/>
                    <a:pt x="79" y="188"/>
                    <a:pt x="82" y="186"/>
                  </a:cubicBezTo>
                  <a:cubicBezTo>
                    <a:pt x="85" y="186"/>
                    <a:pt x="79" y="188"/>
                    <a:pt x="80" y="190"/>
                  </a:cubicBezTo>
                  <a:cubicBezTo>
                    <a:pt x="82" y="190"/>
                    <a:pt x="84" y="188"/>
                    <a:pt x="85" y="188"/>
                  </a:cubicBezTo>
                  <a:close/>
                  <a:moveTo>
                    <a:pt x="87" y="185"/>
                  </a:moveTo>
                  <a:cubicBezTo>
                    <a:pt x="87" y="185"/>
                    <a:pt x="87" y="183"/>
                    <a:pt x="88" y="183"/>
                  </a:cubicBezTo>
                  <a:cubicBezTo>
                    <a:pt x="90" y="183"/>
                    <a:pt x="90" y="182"/>
                    <a:pt x="91" y="180"/>
                  </a:cubicBezTo>
                  <a:cubicBezTo>
                    <a:pt x="91" y="179"/>
                    <a:pt x="91" y="177"/>
                    <a:pt x="90" y="179"/>
                  </a:cubicBezTo>
                  <a:cubicBezTo>
                    <a:pt x="88" y="180"/>
                    <a:pt x="87" y="180"/>
                    <a:pt x="87" y="183"/>
                  </a:cubicBezTo>
                  <a:cubicBezTo>
                    <a:pt x="85" y="183"/>
                    <a:pt x="85" y="183"/>
                    <a:pt x="87" y="185"/>
                  </a:cubicBezTo>
                  <a:close/>
                  <a:moveTo>
                    <a:pt x="93" y="183"/>
                  </a:moveTo>
                  <a:cubicBezTo>
                    <a:pt x="96" y="183"/>
                    <a:pt x="96" y="183"/>
                    <a:pt x="96" y="183"/>
                  </a:cubicBezTo>
                  <a:cubicBezTo>
                    <a:pt x="94" y="185"/>
                    <a:pt x="93" y="183"/>
                    <a:pt x="93" y="183"/>
                  </a:cubicBezTo>
                  <a:close/>
                  <a:moveTo>
                    <a:pt x="91" y="185"/>
                  </a:moveTo>
                  <a:cubicBezTo>
                    <a:pt x="91" y="185"/>
                    <a:pt x="93" y="186"/>
                    <a:pt x="90" y="188"/>
                  </a:cubicBezTo>
                  <a:cubicBezTo>
                    <a:pt x="88" y="190"/>
                    <a:pt x="91" y="186"/>
                    <a:pt x="90" y="186"/>
                  </a:cubicBezTo>
                  <a:cubicBezTo>
                    <a:pt x="88" y="186"/>
                    <a:pt x="91" y="185"/>
                    <a:pt x="90" y="183"/>
                  </a:cubicBezTo>
                  <a:cubicBezTo>
                    <a:pt x="88" y="183"/>
                    <a:pt x="87" y="185"/>
                    <a:pt x="87" y="186"/>
                  </a:cubicBezTo>
                  <a:cubicBezTo>
                    <a:pt x="85" y="188"/>
                    <a:pt x="88" y="190"/>
                    <a:pt x="85" y="190"/>
                  </a:cubicBezTo>
                  <a:cubicBezTo>
                    <a:pt x="84" y="190"/>
                    <a:pt x="85" y="190"/>
                    <a:pt x="84" y="193"/>
                  </a:cubicBezTo>
                  <a:cubicBezTo>
                    <a:pt x="82" y="194"/>
                    <a:pt x="85" y="191"/>
                    <a:pt x="87" y="193"/>
                  </a:cubicBezTo>
                  <a:cubicBezTo>
                    <a:pt x="88" y="194"/>
                    <a:pt x="88" y="191"/>
                    <a:pt x="88" y="191"/>
                  </a:cubicBezTo>
                  <a:cubicBezTo>
                    <a:pt x="90" y="193"/>
                    <a:pt x="90" y="193"/>
                    <a:pt x="90" y="191"/>
                  </a:cubicBezTo>
                  <a:cubicBezTo>
                    <a:pt x="91" y="190"/>
                    <a:pt x="91" y="190"/>
                    <a:pt x="93" y="190"/>
                  </a:cubicBezTo>
                  <a:cubicBezTo>
                    <a:pt x="96" y="188"/>
                    <a:pt x="94" y="185"/>
                    <a:pt x="93" y="185"/>
                  </a:cubicBezTo>
                  <a:cubicBezTo>
                    <a:pt x="93" y="183"/>
                    <a:pt x="93" y="183"/>
                    <a:pt x="91" y="185"/>
                  </a:cubicBezTo>
                  <a:close/>
                  <a:moveTo>
                    <a:pt x="91" y="191"/>
                  </a:moveTo>
                  <a:cubicBezTo>
                    <a:pt x="93" y="190"/>
                    <a:pt x="94" y="190"/>
                    <a:pt x="94" y="190"/>
                  </a:cubicBezTo>
                  <a:cubicBezTo>
                    <a:pt x="93" y="191"/>
                    <a:pt x="91" y="193"/>
                    <a:pt x="91" y="191"/>
                  </a:cubicBezTo>
                  <a:close/>
                  <a:moveTo>
                    <a:pt x="117" y="166"/>
                  </a:moveTo>
                  <a:cubicBezTo>
                    <a:pt x="119" y="165"/>
                    <a:pt x="120" y="166"/>
                    <a:pt x="120" y="166"/>
                  </a:cubicBezTo>
                  <a:cubicBezTo>
                    <a:pt x="119" y="166"/>
                    <a:pt x="117" y="166"/>
                    <a:pt x="117" y="166"/>
                  </a:cubicBezTo>
                  <a:close/>
                  <a:moveTo>
                    <a:pt x="74" y="193"/>
                  </a:moveTo>
                  <a:cubicBezTo>
                    <a:pt x="76" y="193"/>
                    <a:pt x="76" y="193"/>
                    <a:pt x="76" y="193"/>
                  </a:cubicBezTo>
                  <a:cubicBezTo>
                    <a:pt x="76" y="194"/>
                    <a:pt x="74" y="193"/>
                    <a:pt x="74" y="193"/>
                  </a:cubicBezTo>
                  <a:close/>
                  <a:moveTo>
                    <a:pt x="70" y="196"/>
                  </a:moveTo>
                  <a:cubicBezTo>
                    <a:pt x="70" y="196"/>
                    <a:pt x="70" y="197"/>
                    <a:pt x="71" y="196"/>
                  </a:cubicBezTo>
                  <a:cubicBezTo>
                    <a:pt x="71" y="196"/>
                    <a:pt x="71" y="196"/>
                    <a:pt x="73" y="196"/>
                  </a:cubicBezTo>
                  <a:cubicBezTo>
                    <a:pt x="73" y="196"/>
                    <a:pt x="73" y="194"/>
                    <a:pt x="74" y="194"/>
                  </a:cubicBezTo>
                  <a:cubicBezTo>
                    <a:pt x="76" y="194"/>
                    <a:pt x="74" y="194"/>
                    <a:pt x="73" y="193"/>
                  </a:cubicBezTo>
                  <a:cubicBezTo>
                    <a:pt x="71" y="193"/>
                    <a:pt x="71" y="193"/>
                    <a:pt x="70" y="194"/>
                  </a:cubicBezTo>
                  <a:cubicBezTo>
                    <a:pt x="70" y="196"/>
                    <a:pt x="71" y="196"/>
                    <a:pt x="70" y="196"/>
                  </a:cubicBezTo>
                  <a:close/>
                  <a:moveTo>
                    <a:pt x="70" y="196"/>
                  </a:moveTo>
                  <a:cubicBezTo>
                    <a:pt x="71" y="196"/>
                    <a:pt x="68" y="194"/>
                    <a:pt x="68" y="196"/>
                  </a:cubicBezTo>
                  <a:cubicBezTo>
                    <a:pt x="68" y="197"/>
                    <a:pt x="68" y="196"/>
                    <a:pt x="68" y="197"/>
                  </a:cubicBezTo>
                  <a:cubicBezTo>
                    <a:pt x="68" y="197"/>
                    <a:pt x="68" y="197"/>
                    <a:pt x="70" y="196"/>
                  </a:cubicBezTo>
                  <a:close/>
                  <a:moveTo>
                    <a:pt x="65" y="197"/>
                  </a:moveTo>
                  <a:cubicBezTo>
                    <a:pt x="65" y="200"/>
                    <a:pt x="65" y="200"/>
                    <a:pt x="67" y="199"/>
                  </a:cubicBezTo>
                  <a:cubicBezTo>
                    <a:pt x="67" y="197"/>
                    <a:pt x="67" y="197"/>
                    <a:pt x="67" y="196"/>
                  </a:cubicBezTo>
                  <a:cubicBezTo>
                    <a:pt x="67" y="196"/>
                    <a:pt x="67" y="196"/>
                    <a:pt x="65" y="197"/>
                  </a:cubicBezTo>
                  <a:close/>
                  <a:moveTo>
                    <a:pt x="87" y="197"/>
                  </a:moveTo>
                  <a:cubicBezTo>
                    <a:pt x="88" y="197"/>
                    <a:pt x="88" y="197"/>
                    <a:pt x="88" y="197"/>
                  </a:cubicBezTo>
                  <a:cubicBezTo>
                    <a:pt x="90" y="197"/>
                    <a:pt x="87" y="197"/>
                    <a:pt x="87" y="197"/>
                  </a:cubicBezTo>
                  <a:close/>
                  <a:moveTo>
                    <a:pt x="64" y="224"/>
                  </a:moveTo>
                  <a:cubicBezTo>
                    <a:pt x="64" y="222"/>
                    <a:pt x="62" y="222"/>
                    <a:pt x="62" y="222"/>
                  </a:cubicBezTo>
                  <a:cubicBezTo>
                    <a:pt x="62" y="224"/>
                    <a:pt x="61" y="225"/>
                    <a:pt x="62" y="225"/>
                  </a:cubicBezTo>
                  <a:cubicBezTo>
                    <a:pt x="62" y="224"/>
                    <a:pt x="64" y="225"/>
                    <a:pt x="64" y="224"/>
                  </a:cubicBezTo>
                  <a:close/>
                  <a:moveTo>
                    <a:pt x="64" y="227"/>
                  </a:moveTo>
                  <a:cubicBezTo>
                    <a:pt x="65" y="225"/>
                    <a:pt x="65" y="225"/>
                    <a:pt x="64" y="225"/>
                  </a:cubicBezTo>
                  <a:cubicBezTo>
                    <a:pt x="64" y="225"/>
                    <a:pt x="62" y="225"/>
                    <a:pt x="62" y="227"/>
                  </a:cubicBezTo>
                  <a:cubicBezTo>
                    <a:pt x="62" y="227"/>
                    <a:pt x="62" y="227"/>
                    <a:pt x="64" y="227"/>
                  </a:cubicBezTo>
                  <a:close/>
                  <a:moveTo>
                    <a:pt x="59" y="235"/>
                  </a:moveTo>
                  <a:cubicBezTo>
                    <a:pt x="59" y="236"/>
                    <a:pt x="58" y="236"/>
                    <a:pt x="59" y="236"/>
                  </a:cubicBezTo>
                  <a:cubicBezTo>
                    <a:pt x="61" y="236"/>
                    <a:pt x="59" y="235"/>
                    <a:pt x="61" y="235"/>
                  </a:cubicBezTo>
                  <a:cubicBezTo>
                    <a:pt x="62" y="235"/>
                    <a:pt x="62" y="235"/>
                    <a:pt x="62" y="233"/>
                  </a:cubicBezTo>
                  <a:cubicBezTo>
                    <a:pt x="61" y="231"/>
                    <a:pt x="61" y="231"/>
                    <a:pt x="61" y="233"/>
                  </a:cubicBezTo>
                  <a:cubicBezTo>
                    <a:pt x="61" y="233"/>
                    <a:pt x="59" y="233"/>
                    <a:pt x="59" y="235"/>
                  </a:cubicBezTo>
                  <a:close/>
                  <a:moveTo>
                    <a:pt x="56" y="230"/>
                  </a:moveTo>
                  <a:cubicBezTo>
                    <a:pt x="56" y="230"/>
                    <a:pt x="58" y="228"/>
                    <a:pt x="59" y="230"/>
                  </a:cubicBezTo>
                  <a:cubicBezTo>
                    <a:pt x="59" y="230"/>
                    <a:pt x="56" y="231"/>
                    <a:pt x="56" y="230"/>
                  </a:cubicBezTo>
                  <a:close/>
                  <a:moveTo>
                    <a:pt x="59" y="238"/>
                  </a:moveTo>
                  <a:cubicBezTo>
                    <a:pt x="58" y="238"/>
                    <a:pt x="59" y="238"/>
                    <a:pt x="61" y="238"/>
                  </a:cubicBezTo>
                  <a:cubicBezTo>
                    <a:pt x="62" y="236"/>
                    <a:pt x="61" y="236"/>
                    <a:pt x="59" y="236"/>
                  </a:cubicBezTo>
                  <a:cubicBezTo>
                    <a:pt x="59" y="238"/>
                    <a:pt x="59" y="236"/>
                    <a:pt x="59" y="238"/>
                  </a:cubicBezTo>
                  <a:close/>
                  <a:moveTo>
                    <a:pt x="55" y="238"/>
                  </a:moveTo>
                  <a:cubicBezTo>
                    <a:pt x="56" y="238"/>
                    <a:pt x="58" y="238"/>
                    <a:pt x="58" y="238"/>
                  </a:cubicBezTo>
                  <a:cubicBezTo>
                    <a:pt x="56" y="238"/>
                    <a:pt x="55" y="238"/>
                    <a:pt x="55" y="238"/>
                  </a:cubicBezTo>
                  <a:close/>
                  <a:moveTo>
                    <a:pt x="53" y="245"/>
                  </a:moveTo>
                  <a:cubicBezTo>
                    <a:pt x="55" y="245"/>
                    <a:pt x="55" y="245"/>
                    <a:pt x="53" y="245"/>
                  </a:cubicBezTo>
                  <a:cubicBezTo>
                    <a:pt x="53" y="245"/>
                    <a:pt x="53" y="244"/>
                    <a:pt x="52" y="244"/>
                  </a:cubicBezTo>
                  <a:cubicBezTo>
                    <a:pt x="52" y="245"/>
                    <a:pt x="52" y="245"/>
                    <a:pt x="53" y="245"/>
                  </a:cubicBezTo>
                  <a:close/>
                  <a:moveTo>
                    <a:pt x="53" y="244"/>
                  </a:moveTo>
                  <a:cubicBezTo>
                    <a:pt x="53" y="244"/>
                    <a:pt x="55" y="244"/>
                    <a:pt x="53" y="244"/>
                  </a:cubicBezTo>
                  <a:cubicBezTo>
                    <a:pt x="53" y="244"/>
                    <a:pt x="52" y="242"/>
                    <a:pt x="53" y="244"/>
                  </a:cubicBezTo>
                  <a:close/>
                  <a:moveTo>
                    <a:pt x="50" y="244"/>
                  </a:moveTo>
                  <a:cubicBezTo>
                    <a:pt x="52" y="242"/>
                    <a:pt x="52" y="244"/>
                    <a:pt x="52" y="244"/>
                  </a:cubicBezTo>
                  <a:cubicBezTo>
                    <a:pt x="50" y="244"/>
                    <a:pt x="50" y="244"/>
                    <a:pt x="50" y="244"/>
                  </a:cubicBezTo>
                  <a:close/>
                  <a:moveTo>
                    <a:pt x="64" y="222"/>
                  </a:moveTo>
                  <a:cubicBezTo>
                    <a:pt x="65" y="221"/>
                    <a:pt x="65" y="221"/>
                    <a:pt x="65" y="221"/>
                  </a:cubicBezTo>
                  <a:cubicBezTo>
                    <a:pt x="67" y="222"/>
                    <a:pt x="65" y="222"/>
                    <a:pt x="64" y="222"/>
                  </a:cubicBezTo>
                  <a:close/>
                  <a:moveTo>
                    <a:pt x="26" y="261"/>
                  </a:moveTo>
                  <a:cubicBezTo>
                    <a:pt x="24" y="261"/>
                    <a:pt x="29" y="259"/>
                    <a:pt x="29" y="261"/>
                  </a:cubicBezTo>
                  <a:cubicBezTo>
                    <a:pt x="29" y="261"/>
                    <a:pt x="27" y="262"/>
                    <a:pt x="26" y="261"/>
                  </a:cubicBezTo>
                  <a:close/>
                  <a:moveTo>
                    <a:pt x="33" y="256"/>
                  </a:moveTo>
                  <a:cubicBezTo>
                    <a:pt x="35" y="256"/>
                    <a:pt x="33" y="255"/>
                    <a:pt x="33" y="255"/>
                  </a:cubicBezTo>
                  <a:cubicBezTo>
                    <a:pt x="32" y="256"/>
                    <a:pt x="29" y="256"/>
                    <a:pt x="29" y="258"/>
                  </a:cubicBezTo>
                  <a:cubicBezTo>
                    <a:pt x="30" y="258"/>
                    <a:pt x="32" y="258"/>
                    <a:pt x="33" y="256"/>
                  </a:cubicBezTo>
                  <a:close/>
                  <a:moveTo>
                    <a:pt x="32" y="259"/>
                  </a:moveTo>
                  <a:cubicBezTo>
                    <a:pt x="35" y="259"/>
                    <a:pt x="36" y="259"/>
                    <a:pt x="36" y="259"/>
                  </a:cubicBezTo>
                  <a:cubicBezTo>
                    <a:pt x="36" y="258"/>
                    <a:pt x="35" y="259"/>
                    <a:pt x="35" y="258"/>
                  </a:cubicBezTo>
                  <a:cubicBezTo>
                    <a:pt x="35" y="256"/>
                    <a:pt x="32" y="258"/>
                    <a:pt x="32" y="258"/>
                  </a:cubicBezTo>
                  <a:cubicBezTo>
                    <a:pt x="30" y="259"/>
                    <a:pt x="29" y="259"/>
                    <a:pt x="29" y="259"/>
                  </a:cubicBezTo>
                  <a:cubicBezTo>
                    <a:pt x="29" y="261"/>
                    <a:pt x="30" y="261"/>
                    <a:pt x="32" y="259"/>
                  </a:cubicBezTo>
                  <a:close/>
                  <a:moveTo>
                    <a:pt x="27" y="264"/>
                  </a:moveTo>
                  <a:cubicBezTo>
                    <a:pt x="26" y="262"/>
                    <a:pt x="27" y="262"/>
                    <a:pt x="29" y="264"/>
                  </a:cubicBezTo>
                  <a:cubicBezTo>
                    <a:pt x="27" y="264"/>
                    <a:pt x="27" y="264"/>
                    <a:pt x="27" y="264"/>
                  </a:cubicBezTo>
                  <a:close/>
                  <a:moveTo>
                    <a:pt x="24" y="266"/>
                  </a:moveTo>
                  <a:cubicBezTo>
                    <a:pt x="26" y="266"/>
                    <a:pt x="24" y="264"/>
                    <a:pt x="24" y="266"/>
                  </a:cubicBezTo>
                  <a:cubicBezTo>
                    <a:pt x="23" y="266"/>
                    <a:pt x="23" y="264"/>
                    <a:pt x="23" y="266"/>
                  </a:cubicBezTo>
                  <a:cubicBezTo>
                    <a:pt x="21" y="267"/>
                    <a:pt x="24" y="267"/>
                    <a:pt x="24" y="266"/>
                  </a:cubicBezTo>
                  <a:close/>
                  <a:moveTo>
                    <a:pt x="17" y="270"/>
                  </a:moveTo>
                  <a:cubicBezTo>
                    <a:pt x="15" y="270"/>
                    <a:pt x="18" y="269"/>
                    <a:pt x="18" y="270"/>
                  </a:cubicBezTo>
                  <a:cubicBezTo>
                    <a:pt x="17" y="270"/>
                    <a:pt x="17" y="270"/>
                    <a:pt x="17" y="270"/>
                  </a:cubicBezTo>
                  <a:close/>
                  <a:moveTo>
                    <a:pt x="10" y="273"/>
                  </a:moveTo>
                  <a:cubicBezTo>
                    <a:pt x="12" y="275"/>
                    <a:pt x="10" y="276"/>
                    <a:pt x="9" y="276"/>
                  </a:cubicBezTo>
                  <a:cubicBezTo>
                    <a:pt x="9" y="275"/>
                    <a:pt x="10" y="273"/>
                    <a:pt x="10" y="273"/>
                  </a:cubicBezTo>
                  <a:close/>
                  <a:moveTo>
                    <a:pt x="7" y="276"/>
                  </a:moveTo>
                  <a:cubicBezTo>
                    <a:pt x="7" y="275"/>
                    <a:pt x="9" y="275"/>
                    <a:pt x="9" y="276"/>
                  </a:cubicBezTo>
                  <a:cubicBezTo>
                    <a:pt x="7" y="276"/>
                    <a:pt x="7" y="276"/>
                    <a:pt x="7" y="276"/>
                  </a:cubicBezTo>
                  <a:close/>
                  <a:moveTo>
                    <a:pt x="1" y="283"/>
                  </a:moveTo>
                  <a:cubicBezTo>
                    <a:pt x="1" y="281"/>
                    <a:pt x="3" y="281"/>
                    <a:pt x="4" y="281"/>
                  </a:cubicBezTo>
                  <a:cubicBezTo>
                    <a:pt x="4" y="281"/>
                    <a:pt x="3" y="283"/>
                    <a:pt x="1" y="283"/>
                  </a:cubicBezTo>
                  <a:close/>
                  <a:moveTo>
                    <a:pt x="1" y="292"/>
                  </a:moveTo>
                  <a:cubicBezTo>
                    <a:pt x="1" y="292"/>
                    <a:pt x="1" y="290"/>
                    <a:pt x="3" y="290"/>
                  </a:cubicBezTo>
                  <a:cubicBezTo>
                    <a:pt x="3" y="290"/>
                    <a:pt x="3" y="292"/>
                    <a:pt x="1" y="292"/>
                  </a:cubicBezTo>
                  <a:close/>
                  <a:moveTo>
                    <a:pt x="6" y="308"/>
                  </a:moveTo>
                  <a:cubicBezTo>
                    <a:pt x="6" y="306"/>
                    <a:pt x="6" y="306"/>
                    <a:pt x="7" y="308"/>
                  </a:cubicBezTo>
                  <a:cubicBezTo>
                    <a:pt x="7" y="308"/>
                    <a:pt x="7" y="306"/>
                    <a:pt x="9" y="306"/>
                  </a:cubicBezTo>
                  <a:cubicBezTo>
                    <a:pt x="9" y="304"/>
                    <a:pt x="6" y="304"/>
                    <a:pt x="6" y="306"/>
                  </a:cubicBezTo>
                  <a:cubicBezTo>
                    <a:pt x="4" y="308"/>
                    <a:pt x="6" y="309"/>
                    <a:pt x="7" y="309"/>
                  </a:cubicBezTo>
                  <a:cubicBezTo>
                    <a:pt x="7" y="309"/>
                    <a:pt x="7" y="308"/>
                    <a:pt x="6" y="308"/>
                  </a:cubicBezTo>
                  <a:close/>
                  <a:moveTo>
                    <a:pt x="4" y="317"/>
                  </a:moveTo>
                  <a:cubicBezTo>
                    <a:pt x="6" y="317"/>
                    <a:pt x="4" y="312"/>
                    <a:pt x="4" y="314"/>
                  </a:cubicBezTo>
                  <a:cubicBezTo>
                    <a:pt x="4" y="315"/>
                    <a:pt x="3" y="317"/>
                    <a:pt x="4" y="317"/>
                  </a:cubicBezTo>
                  <a:close/>
                  <a:moveTo>
                    <a:pt x="4" y="311"/>
                  </a:moveTo>
                  <a:cubicBezTo>
                    <a:pt x="4" y="312"/>
                    <a:pt x="4" y="309"/>
                    <a:pt x="4" y="309"/>
                  </a:cubicBezTo>
                  <a:cubicBezTo>
                    <a:pt x="6" y="309"/>
                    <a:pt x="6" y="311"/>
                    <a:pt x="6" y="309"/>
                  </a:cubicBezTo>
                  <a:cubicBezTo>
                    <a:pt x="6" y="309"/>
                    <a:pt x="6" y="309"/>
                    <a:pt x="4" y="308"/>
                  </a:cubicBezTo>
                  <a:cubicBezTo>
                    <a:pt x="4" y="308"/>
                    <a:pt x="4" y="309"/>
                    <a:pt x="4" y="311"/>
                  </a:cubicBezTo>
                  <a:close/>
                  <a:moveTo>
                    <a:pt x="3" y="303"/>
                  </a:moveTo>
                  <a:cubicBezTo>
                    <a:pt x="3" y="300"/>
                    <a:pt x="3" y="300"/>
                    <a:pt x="3" y="300"/>
                  </a:cubicBezTo>
                  <a:cubicBezTo>
                    <a:pt x="3" y="301"/>
                    <a:pt x="4" y="304"/>
                    <a:pt x="3" y="303"/>
                  </a:cubicBezTo>
                  <a:close/>
                  <a:moveTo>
                    <a:pt x="4" y="300"/>
                  </a:moveTo>
                  <a:cubicBezTo>
                    <a:pt x="4" y="301"/>
                    <a:pt x="3" y="300"/>
                    <a:pt x="3" y="298"/>
                  </a:cubicBezTo>
                  <a:cubicBezTo>
                    <a:pt x="4" y="300"/>
                    <a:pt x="4" y="300"/>
                    <a:pt x="4" y="300"/>
                  </a:cubicBezTo>
                  <a:close/>
                  <a:moveTo>
                    <a:pt x="3" y="298"/>
                  </a:moveTo>
                  <a:cubicBezTo>
                    <a:pt x="4" y="298"/>
                    <a:pt x="3" y="297"/>
                    <a:pt x="3" y="297"/>
                  </a:cubicBezTo>
                  <a:cubicBezTo>
                    <a:pt x="1" y="295"/>
                    <a:pt x="1" y="297"/>
                    <a:pt x="3" y="298"/>
                  </a:cubicBezTo>
                  <a:close/>
                </a:path>
              </a:pathLst>
            </a:custGeom>
            <a:solidFill>
              <a:schemeClr val="tx2"/>
            </a:solidFill>
            <a:ln w="6350" cmpd="sng">
              <a:solidFill>
                <a:schemeClr val="bg1"/>
              </a:solidFill>
              <a:round/>
              <a:headEnd/>
              <a:tailEnd/>
            </a:ln>
          </p:spPr>
          <p:txBody>
            <a:bodyPr/>
            <a:lstStyle/>
            <a:p>
              <a:endParaRPr lang="en-GB" sz="1633" dirty="0"/>
            </a:p>
          </p:txBody>
        </p:sp>
        <p:sp>
          <p:nvSpPr>
            <p:cNvPr id="245" name="Freeform 201"/>
            <p:cNvSpPr>
              <a:spLocks noEditPoints="1"/>
            </p:cNvSpPr>
            <p:nvPr/>
          </p:nvSpPr>
          <p:spPr bwMode="auto">
            <a:xfrm>
              <a:off x="5315245" y="3084074"/>
              <a:ext cx="257085" cy="420969"/>
            </a:xfrm>
            <a:custGeom>
              <a:avLst/>
              <a:gdLst/>
              <a:ahLst/>
              <a:cxnLst>
                <a:cxn ang="0">
                  <a:pos x="32" y="78"/>
                </a:cxn>
                <a:cxn ang="0">
                  <a:pos x="29" y="67"/>
                </a:cxn>
                <a:cxn ang="0">
                  <a:pos x="25" y="62"/>
                </a:cxn>
                <a:cxn ang="0">
                  <a:pos x="23" y="64"/>
                </a:cxn>
                <a:cxn ang="0">
                  <a:pos x="23" y="55"/>
                </a:cxn>
                <a:cxn ang="0">
                  <a:pos x="20" y="52"/>
                </a:cxn>
                <a:cxn ang="0">
                  <a:pos x="22" y="44"/>
                </a:cxn>
                <a:cxn ang="0">
                  <a:pos x="25" y="34"/>
                </a:cxn>
                <a:cxn ang="0">
                  <a:pos x="32" y="30"/>
                </a:cxn>
                <a:cxn ang="0">
                  <a:pos x="35" y="39"/>
                </a:cxn>
                <a:cxn ang="0">
                  <a:pos x="52" y="42"/>
                </a:cxn>
                <a:cxn ang="0">
                  <a:pos x="46" y="59"/>
                </a:cxn>
                <a:cxn ang="0">
                  <a:pos x="53" y="67"/>
                </a:cxn>
                <a:cxn ang="0">
                  <a:pos x="67" y="89"/>
                </a:cxn>
                <a:cxn ang="0">
                  <a:pos x="69" y="101"/>
                </a:cxn>
                <a:cxn ang="0">
                  <a:pos x="75" y="114"/>
                </a:cxn>
                <a:cxn ang="0">
                  <a:pos x="79" y="118"/>
                </a:cxn>
                <a:cxn ang="0">
                  <a:pos x="60" y="126"/>
                </a:cxn>
                <a:cxn ang="0">
                  <a:pos x="46" y="128"/>
                </a:cxn>
                <a:cxn ang="0">
                  <a:pos x="28" y="134"/>
                </a:cxn>
                <a:cxn ang="0">
                  <a:pos x="29" y="128"/>
                </a:cxn>
                <a:cxn ang="0">
                  <a:pos x="43" y="121"/>
                </a:cxn>
                <a:cxn ang="0">
                  <a:pos x="38" y="118"/>
                </a:cxn>
                <a:cxn ang="0">
                  <a:pos x="26" y="112"/>
                </a:cxn>
                <a:cxn ang="0">
                  <a:pos x="31" y="101"/>
                </a:cxn>
                <a:cxn ang="0">
                  <a:pos x="40" y="95"/>
                </a:cxn>
                <a:cxn ang="0">
                  <a:pos x="44" y="90"/>
                </a:cxn>
                <a:cxn ang="0">
                  <a:pos x="40" y="78"/>
                </a:cxn>
                <a:cxn ang="0">
                  <a:pos x="23" y="83"/>
                </a:cxn>
                <a:cxn ang="0">
                  <a:pos x="23" y="78"/>
                </a:cxn>
                <a:cxn ang="0">
                  <a:pos x="14" y="72"/>
                </a:cxn>
                <a:cxn ang="0">
                  <a:pos x="11" y="84"/>
                </a:cxn>
                <a:cxn ang="0">
                  <a:pos x="22" y="84"/>
                </a:cxn>
                <a:cxn ang="0">
                  <a:pos x="31" y="95"/>
                </a:cxn>
                <a:cxn ang="0">
                  <a:pos x="25" y="66"/>
                </a:cxn>
                <a:cxn ang="0">
                  <a:pos x="55" y="128"/>
                </a:cxn>
                <a:cxn ang="0">
                  <a:pos x="13" y="38"/>
                </a:cxn>
                <a:cxn ang="0">
                  <a:pos x="16" y="38"/>
                </a:cxn>
                <a:cxn ang="0">
                  <a:pos x="17" y="33"/>
                </a:cxn>
                <a:cxn ang="0">
                  <a:pos x="11" y="42"/>
                </a:cxn>
                <a:cxn ang="0">
                  <a:pos x="9" y="48"/>
                </a:cxn>
                <a:cxn ang="0">
                  <a:pos x="16" y="45"/>
                </a:cxn>
                <a:cxn ang="0">
                  <a:pos x="22" y="47"/>
                </a:cxn>
                <a:cxn ang="0">
                  <a:pos x="16" y="42"/>
                </a:cxn>
                <a:cxn ang="0">
                  <a:pos x="19" y="58"/>
                </a:cxn>
                <a:cxn ang="0">
                  <a:pos x="17" y="55"/>
                </a:cxn>
                <a:cxn ang="0">
                  <a:pos x="17" y="67"/>
                </a:cxn>
                <a:cxn ang="0">
                  <a:pos x="16" y="66"/>
                </a:cxn>
                <a:cxn ang="0">
                  <a:pos x="20" y="64"/>
                </a:cxn>
                <a:cxn ang="0">
                  <a:pos x="44" y="25"/>
                </a:cxn>
                <a:cxn ang="0">
                  <a:pos x="43" y="22"/>
                </a:cxn>
                <a:cxn ang="0">
                  <a:pos x="44" y="27"/>
                </a:cxn>
                <a:cxn ang="0">
                  <a:pos x="46" y="21"/>
                </a:cxn>
                <a:cxn ang="0">
                  <a:pos x="46" y="22"/>
                </a:cxn>
                <a:cxn ang="0">
                  <a:pos x="58" y="11"/>
                </a:cxn>
                <a:cxn ang="0">
                  <a:pos x="58" y="5"/>
                </a:cxn>
                <a:cxn ang="0">
                  <a:pos x="53" y="8"/>
                </a:cxn>
                <a:cxn ang="0">
                  <a:pos x="58" y="11"/>
                </a:cxn>
                <a:cxn ang="0">
                  <a:pos x="58" y="3"/>
                </a:cxn>
                <a:cxn ang="0">
                  <a:pos x="60" y="2"/>
                </a:cxn>
              </a:cxnLst>
              <a:rect l="0" t="0" r="r" b="b"/>
              <a:pathLst>
                <a:path w="82" h="135">
                  <a:moveTo>
                    <a:pt x="40" y="75"/>
                  </a:moveTo>
                  <a:cubicBezTo>
                    <a:pt x="38" y="78"/>
                    <a:pt x="38" y="75"/>
                    <a:pt x="37" y="76"/>
                  </a:cubicBezTo>
                  <a:cubicBezTo>
                    <a:pt x="35" y="80"/>
                    <a:pt x="32" y="75"/>
                    <a:pt x="32" y="76"/>
                  </a:cubicBezTo>
                  <a:cubicBezTo>
                    <a:pt x="34" y="78"/>
                    <a:pt x="32" y="80"/>
                    <a:pt x="32" y="78"/>
                  </a:cubicBezTo>
                  <a:cubicBezTo>
                    <a:pt x="31" y="76"/>
                    <a:pt x="28" y="75"/>
                    <a:pt x="28" y="78"/>
                  </a:cubicBezTo>
                  <a:cubicBezTo>
                    <a:pt x="29" y="81"/>
                    <a:pt x="26" y="76"/>
                    <a:pt x="26" y="75"/>
                  </a:cubicBezTo>
                  <a:cubicBezTo>
                    <a:pt x="28" y="73"/>
                    <a:pt x="28" y="76"/>
                    <a:pt x="28" y="73"/>
                  </a:cubicBezTo>
                  <a:cubicBezTo>
                    <a:pt x="28" y="70"/>
                    <a:pt x="32" y="70"/>
                    <a:pt x="29" y="67"/>
                  </a:cubicBezTo>
                  <a:cubicBezTo>
                    <a:pt x="28" y="64"/>
                    <a:pt x="29" y="64"/>
                    <a:pt x="31" y="62"/>
                  </a:cubicBezTo>
                  <a:cubicBezTo>
                    <a:pt x="28" y="59"/>
                    <a:pt x="29" y="64"/>
                    <a:pt x="28" y="64"/>
                  </a:cubicBezTo>
                  <a:cubicBezTo>
                    <a:pt x="26" y="62"/>
                    <a:pt x="28" y="64"/>
                    <a:pt x="26" y="64"/>
                  </a:cubicBezTo>
                  <a:cubicBezTo>
                    <a:pt x="25" y="62"/>
                    <a:pt x="26" y="61"/>
                    <a:pt x="25" y="62"/>
                  </a:cubicBezTo>
                  <a:cubicBezTo>
                    <a:pt x="23" y="62"/>
                    <a:pt x="26" y="64"/>
                    <a:pt x="25" y="66"/>
                  </a:cubicBezTo>
                  <a:cubicBezTo>
                    <a:pt x="23" y="67"/>
                    <a:pt x="23" y="72"/>
                    <a:pt x="22" y="72"/>
                  </a:cubicBezTo>
                  <a:cubicBezTo>
                    <a:pt x="20" y="70"/>
                    <a:pt x="25" y="64"/>
                    <a:pt x="23" y="66"/>
                  </a:cubicBezTo>
                  <a:cubicBezTo>
                    <a:pt x="23" y="66"/>
                    <a:pt x="23" y="66"/>
                    <a:pt x="23" y="64"/>
                  </a:cubicBezTo>
                  <a:cubicBezTo>
                    <a:pt x="23" y="62"/>
                    <a:pt x="22" y="62"/>
                    <a:pt x="23" y="61"/>
                  </a:cubicBezTo>
                  <a:cubicBezTo>
                    <a:pt x="23" y="59"/>
                    <a:pt x="22" y="59"/>
                    <a:pt x="23" y="58"/>
                  </a:cubicBezTo>
                  <a:cubicBezTo>
                    <a:pt x="25" y="58"/>
                    <a:pt x="23" y="56"/>
                    <a:pt x="25" y="55"/>
                  </a:cubicBezTo>
                  <a:cubicBezTo>
                    <a:pt x="26" y="53"/>
                    <a:pt x="26" y="53"/>
                    <a:pt x="23" y="55"/>
                  </a:cubicBezTo>
                  <a:cubicBezTo>
                    <a:pt x="22" y="56"/>
                    <a:pt x="23" y="55"/>
                    <a:pt x="22" y="55"/>
                  </a:cubicBezTo>
                  <a:cubicBezTo>
                    <a:pt x="20" y="55"/>
                    <a:pt x="19" y="55"/>
                    <a:pt x="20" y="55"/>
                  </a:cubicBezTo>
                  <a:cubicBezTo>
                    <a:pt x="22" y="53"/>
                    <a:pt x="23" y="53"/>
                    <a:pt x="20" y="53"/>
                  </a:cubicBezTo>
                  <a:cubicBezTo>
                    <a:pt x="17" y="53"/>
                    <a:pt x="19" y="52"/>
                    <a:pt x="20" y="52"/>
                  </a:cubicBezTo>
                  <a:cubicBezTo>
                    <a:pt x="20" y="53"/>
                    <a:pt x="22" y="52"/>
                    <a:pt x="22" y="52"/>
                  </a:cubicBezTo>
                  <a:cubicBezTo>
                    <a:pt x="19" y="50"/>
                    <a:pt x="23" y="50"/>
                    <a:pt x="22" y="48"/>
                  </a:cubicBezTo>
                  <a:cubicBezTo>
                    <a:pt x="22" y="48"/>
                    <a:pt x="22" y="48"/>
                    <a:pt x="23" y="47"/>
                  </a:cubicBezTo>
                  <a:cubicBezTo>
                    <a:pt x="23" y="45"/>
                    <a:pt x="22" y="47"/>
                    <a:pt x="22" y="44"/>
                  </a:cubicBezTo>
                  <a:cubicBezTo>
                    <a:pt x="20" y="41"/>
                    <a:pt x="23" y="42"/>
                    <a:pt x="22" y="39"/>
                  </a:cubicBezTo>
                  <a:cubicBezTo>
                    <a:pt x="20" y="38"/>
                    <a:pt x="23" y="38"/>
                    <a:pt x="25" y="39"/>
                  </a:cubicBezTo>
                  <a:cubicBezTo>
                    <a:pt x="25" y="39"/>
                    <a:pt x="25" y="38"/>
                    <a:pt x="25" y="36"/>
                  </a:cubicBezTo>
                  <a:cubicBezTo>
                    <a:pt x="23" y="34"/>
                    <a:pt x="28" y="36"/>
                    <a:pt x="25" y="34"/>
                  </a:cubicBezTo>
                  <a:cubicBezTo>
                    <a:pt x="23" y="31"/>
                    <a:pt x="29" y="36"/>
                    <a:pt x="26" y="33"/>
                  </a:cubicBezTo>
                  <a:cubicBezTo>
                    <a:pt x="25" y="31"/>
                    <a:pt x="28" y="33"/>
                    <a:pt x="28" y="30"/>
                  </a:cubicBezTo>
                  <a:cubicBezTo>
                    <a:pt x="26" y="28"/>
                    <a:pt x="28" y="28"/>
                    <a:pt x="29" y="30"/>
                  </a:cubicBezTo>
                  <a:cubicBezTo>
                    <a:pt x="31" y="30"/>
                    <a:pt x="31" y="28"/>
                    <a:pt x="32" y="30"/>
                  </a:cubicBezTo>
                  <a:cubicBezTo>
                    <a:pt x="34" y="30"/>
                    <a:pt x="37" y="28"/>
                    <a:pt x="40" y="28"/>
                  </a:cubicBezTo>
                  <a:cubicBezTo>
                    <a:pt x="41" y="30"/>
                    <a:pt x="38" y="28"/>
                    <a:pt x="41" y="28"/>
                  </a:cubicBezTo>
                  <a:cubicBezTo>
                    <a:pt x="44" y="28"/>
                    <a:pt x="43" y="30"/>
                    <a:pt x="43" y="30"/>
                  </a:cubicBezTo>
                  <a:cubicBezTo>
                    <a:pt x="44" y="31"/>
                    <a:pt x="37" y="38"/>
                    <a:pt x="35" y="39"/>
                  </a:cubicBezTo>
                  <a:cubicBezTo>
                    <a:pt x="34" y="39"/>
                    <a:pt x="38" y="38"/>
                    <a:pt x="37" y="39"/>
                  </a:cubicBezTo>
                  <a:cubicBezTo>
                    <a:pt x="35" y="41"/>
                    <a:pt x="34" y="42"/>
                    <a:pt x="35" y="42"/>
                  </a:cubicBezTo>
                  <a:cubicBezTo>
                    <a:pt x="38" y="42"/>
                    <a:pt x="38" y="39"/>
                    <a:pt x="43" y="41"/>
                  </a:cubicBezTo>
                  <a:cubicBezTo>
                    <a:pt x="49" y="41"/>
                    <a:pt x="52" y="39"/>
                    <a:pt x="52" y="42"/>
                  </a:cubicBezTo>
                  <a:cubicBezTo>
                    <a:pt x="53" y="44"/>
                    <a:pt x="52" y="44"/>
                    <a:pt x="50" y="50"/>
                  </a:cubicBezTo>
                  <a:cubicBezTo>
                    <a:pt x="47" y="56"/>
                    <a:pt x="46" y="56"/>
                    <a:pt x="44" y="56"/>
                  </a:cubicBezTo>
                  <a:cubicBezTo>
                    <a:pt x="43" y="56"/>
                    <a:pt x="46" y="56"/>
                    <a:pt x="44" y="58"/>
                  </a:cubicBezTo>
                  <a:cubicBezTo>
                    <a:pt x="44" y="58"/>
                    <a:pt x="49" y="58"/>
                    <a:pt x="46" y="59"/>
                  </a:cubicBezTo>
                  <a:cubicBezTo>
                    <a:pt x="44" y="61"/>
                    <a:pt x="44" y="59"/>
                    <a:pt x="43" y="61"/>
                  </a:cubicBezTo>
                  <a:cubicBezTo>
                    <a:pt x="43" y="62"/>
                    <a:pt x="38" y="62"/>
                    <a:pt x="41" y="62"/>
                  </a:cubicBezTo>
                  <a:cubicBezTo>
                    <a:pt x="46" y="64"/>
                    <a:pt x="43" y="59"/>
                    <a:pt x="47" y="62"/>
                  </a:cubicBezTo>
                  <a:cubicBezTo>
                    <a:pt x="52" y="64"/>
                    <a:pt x="50" y="66"/>
                    <a:pt x="53" y="67"/>
                  </a:cubicBezTo>
                  <a:cubicBezTo>
                    <a:pt x="55" y="69"/>
                    <a:pt x="53" y="70"/>
                    <a:pt x="57" y="75"/>
                  </a:cubicBezTo>
                  <a:cubicBezTo>
                    <a:pt x="58" y="81"/>
                    <a:pt x="58" y="80"/>
                    <a:pt x="61" y="80"/>
                  </a:cubicBezTo>
                  <a:cubicBezTo>
                    <a:pt x="64" y="81"/>
                    <a:pt x="63" y="84"/>
                    <a:pt x="66" y="84"/>
                  </a:cubicBezTo>
                  <a:cubicBezTo>
                    <a:pt x="67" y="86"/>
                    <a:pt x="64" y="86"/>
                    <a:pt x="67" y="89"/>
                  </a:cubicBezTo>
                  <a:cubicBezTo>
                    <a:pt x="70" y="92"/>
                    <a:pt x="69" y="92"/>
                    <a:pt x="66" y="90"/>
                  </a:cubicBezTo>
                  <a:cubicBezTo>
                    <a:pt x="64" y="89"/>
                    <a:pt x="64" y="90"/>
                    <a:pt x="67" y="92"/>
                  </a:cubicBezTo>
                  <a:cubicBezTo>
                    <a:pt x="69" y="94"/>
                    <a:pt x="72" y="98"/>
                    <a:pt x="70" y="98"/>
                  </a:cubicBezTo>
                  <a:cubicBezTo>
                    <a:pt x="69" y="100"/>
                    <a:pt x="67" y="101"/>
                    <a:pt x="69" y="101"/>
                  </a:cubicBezTo>
                  <a:cubicBezTo>
                    <a:pt x="70" y="101"/>
                    <a:pt x="70" y="103"/>
                    <a:pt x="72" y="100"/>
                  </a:cubicBezTo>
                  <a:cubicBezTo>
                    <a:pt x="72" y="98"/>
                    <a:pt x="81" y="100"/>
                    <a:pt x="81" y="104"/>
                  </a:cubicBezTo>
                  <a:cubicBezTo>
                    <a:pt x="82" y="112"/>
                    <a:pt x="76" y="112"/>
                    <a:pt x="78" y="114"/>
                  </a:cubicBezTo>
                  <a:cubicBezTo>
                    <a:pt x="79" y="114"/>
                    <a:pt x="76" y="112"/>
                    <a:pt x="75" y="114"/>
                  </a:cubicBezTo>
                  <a:cubicBezTo>
                    <a:pt x="73" y="115"/>
                    <a:pt x="76" y="114"/>
                    <a:pt x="75" y="117"/>
                  </a:cubicBezTo>
                  <a:cubicBezTo>
                    <a:pt x="75" y="117"/>
                    <a:pt x="70" y="117"/>
                    <a:pt x="72" y="117"/>
                  </a:cubicBezTo>
                  <a:cubicBezTo>
                    <a:pt x="73" y="118"/>
                    <a:pt x="72" y="118"/>
                    <a:pt x="73" y="118"/>
                  </a:cubicBezTo>
                  <a:cubicBezTo>
                    <a:pt x="75" y="120"/>
                    <a:pt x="79" y="117"/>
                    <a:pt x="79" y="118"/>
                  </a:cubicBezTo>
                  <a:cubicBezTo>
                    <a:pt x="78" y="120"/>
                    <a:pt x="79" y="121"/>
                    <a:pt x="76" y="123"/>
                  </a:cubicBezTo>
                  <a:cubicBezTo>
                    <a:pt x="73" y="123"/>
                    <a:pt x="76" y="125"/>
                    <a:pt x="73" y="125"/>
                  </a:cubicBezTo>
                  <a:cubicBezTo>
                    <a:pt x="72" y="125"/>
                    <a:pt x="70" y="128"/>
                    <a:pt x="67" y="126"/>
                  </a:cubicBezTo>
                  <a:cubicBezTo>
                    <a:pt x="64" y="125"/>
                    <a:pt x="61" y="128"/>
                    <a:pt x="60" y="126"/>
                  </a:cubicBezTo>
                  <a:cubicBezTo>
                    <a:pt x="60" y="125"/>
                    <a:pt x="60" y="126"/>
                    <a:pt x="58" y="126"/>
                  </a:cubicBezTo>
                  <a:cubicBezTo>
                    <a:pt x="55" y="125"/>
                    <a:pt x="58" y="126"/>
                    <a:pt x="53" y="126"/>
                  </a:cubicBezTo>
                  <a:cubicBezTo>
                    <a:pt x="50" y="128"/>
                    <a:pt x="53" y="129"/>
                    <a:pt x="50" y="128"/>
                  </a:cubicBezTo>
                  <a:cubicBezTo>
                    <a:pt x="47" y="128"/>
                    <a:pt x="49" y="131"/>
                    <a:pt x="46" y="128"/>
                  </a:cubicBezTo>
                  <a:cubicBezTo>
                    <a:pt x="44" y="125"/>
                    <a:pt x="41" y="129"/>
                    <a:pt x="40" y="128"/>
                  </a:cubicBezTo>
                  <a:cubicBezTo>
                    <a:pt x="40" y="128"/>
                    <a:pt x="40" y="134"/>
                    <a:pt x="37" y="132"/>
                  </a:cubicBezTo>
                  <a:cubicBezTo>
                    <a:pt x="35" y="131"/>
                    <a:pt x="35" y="131"/>
                    <a:pt x="32" y="131"/>
                  </a:cubicBezTo>
                  <a:cubicBezTo>
                    <a:pt x="29" y="131"/>
                    <a:pt x="29" y="132"/>
                    <a:pt x="28" y="134"/>
                  </a:cubicBezTo>
                  <a:cubicBezTo>
                    <a:pt x="26" y="134"/>
                    <a:pt x="28" y="135"/>
                    <a:pt x="26" y="135"/>
                  </a:cubicBezTo>
                  <a:cubicBezTo>
                    <a:pt x="25" y="135"/>
                    <a:pt x="25" y="134"/>
                    <a:pt x="23" y="134"/>
                  </a:cubicBezTo>
                  <a:cubicBezTo>
                    <a:pt x="22" y="135"/>
                    <a:pt x="22" y="132"/>
                    <a:pt x="25" y="132"/>
                  </a:cubicBezTo>
                  <a:cubicBezTo>
                    <a:pt x="26" y="132"/>
                    <a:pt x="26" y="129"/>
                    <a:pt x="29" y="128"/>
                  </a:cubicBezTo>
                  <a:cubicBezTo>
                    <a:pt x="31" y="128"/>
                    <a:pt x="29" y="128"/>
                    <a:pt x="31" y="126"/>
                  </a:cubicBezTo>
                  <a:cubicBezTo>
                    <a:pt x="32" y="125"/>
                    <a:pt x="29" y="123"/>
                    <a:pt x="32" y="123"/>
                  </a:cubicBezTo>
                  <a:cubicBezTo>
                    <a:pt x="35" y="123"/>
                    <a:pt x="32" y="120"/>
                    <a:pt x="35" y="120"/>
                  </a:cubicBezTo>
                  <a:cubicBezTo>
                    <a:pt x="40" y="120"/>
                    <a:pt x="38" y="121"/>
                    <a:pt x="43" y="121"/>
                  </a:cubicBezTo>
                  <a:cubicBezTo>
                    <a:pt x="46" y="120"/>
                    <a:pt x="41" y="120"/>
                    <a:pt x="47" y="117"/>
                  </a:cubicBezTo>
                  <a:cubicBezTo>
                    <a:pt x="47" y="115"/>
                    <a:pt x="47" y="115"/>
                    <a:pt x="49" y="114"/>
                  </a:cubicBezTo>
                  <a:cubicBezTo>
                    <a:pt x="46" y="115"/>
                    <a:pt x="46" y="117"/>
                    <a:pt x="44" y="117"/>
                  </a:cubicBezTo>
                  <a:cubicBezTo>
                    <a:pt x="43" y="117"/>
                    <a:pt x="41" y="121"/>
                    <a:pt x="38" y="118"/>
                  </a:cubicBezTo>
                  <a:cubicBezTo>
                    <a:pt x="35" y="115"/>
                    <a:pt x="32" y="118"/>
                    <a:pt x="34" y="117"/>
                  </a:cubicBezTo>
                  <a:cubicBezTo>
                    <a:pt x="34" y="115"/>
                    <a:pt x="32" y="114"/>
                    <a:pt x="29" y="115"/>
                  </a:cubicBezTo>
                  <a:cubicBezTo>
                    <a:pt x="28" y="117"/>
                    <a:pt x="26" y="115"/>
                    <a:pt x="26" y="114"/>
                  </a:cubicBezTo>
                  <a:cubicBezTo>
                    <a:pt x="28" y="112"/>
                    <a:pt x="25" y="114"/>
                    <a:pt x="26" y="112"/>
                  </a:cubicBezTo>
                  <a:cubicBezTo>
                    <a:pt x="28" y="109"/>
                    <a:pt x="28" y="112"/>
                    <a:pt x="32" y="109"/>
                  </a:cubicBezTo>
                  <a:cubicBezTo>
                    <a:pt x="37" y="106"/>
                    <a:pt x="34" y="104"/>
                    <a:pt x="35" y="103"/>
                  </a:cubicBezTo>
                  <a:cubicBezTo>
                    <a:pt x="37" y="101"/>
                    <a:pt x="34" y="103"/>
                    <a:pt x="35" y="101"/>
                  </a:cubicBezTo>
                  <a:cubicBezTo>
                    <a:pt x="35" y="98"/>
                    <a:pt x="32" y="103"/>
                    <a:pt x="31" y="101"/>
                  </a:cubicBezTo>
                  <a:cubicBezTo>
                    <a:pt x="31" y="101"/>
                    <a:pt x="29" y="103"/>
                    <a:pt x="31" y="101"/>
                  </a:cubicBezTo>
                  <a:cubicBezTo>
                    <a:pt x="31" y="100"/>
                    <a:pt x="32" y="100"/>
                    <a:pt x="34" y="97"/>
                  </a:cubicBezTo>
                  <a:cubicBezTo>
                    <a:pt x="35" y="95"/>
                    <a:pt x="35" y="97"/>
                    <a:pt x="37" y="95"/>
                  </a:cubicBezTo>
                  <a:cubicBezTo>
                    <a:pt x="37" y="95"/>
                    <a:pt x="37" y="97"/>
                    <a:pt x="40" y="95"/>
                  </a:cubicBezTo>
                  <a:cubicBezTo>
                    <a:pt x="41" y="94"/>
                    <a:pt x="43" y="97"/>
                    <a:pt x="43" y="95"/>
                  </a:cubicBezTo>
                  <a:cubicBezTo>
                    <a:pt x="41" y="94"/>
                    <a:pt x="43" y="94"/>
                    <a:pt x="44" y="95"/>
                  </a:cubicBezTo>
                  <a:cubicBezTo>
                    <a:pt x="44" y="97"/>
                    <a:pt x="44" y="95"/>
                    <a:pt x="44" y="94"/>
                  </a:cubicBezTo>
                  <a:cubicBezTo>
                    <a:pt x="41" y="90"/>
                    <a:pt x="44" y="90"/>
                    <a:pt x="44" y="90"/>
                  </a:cubicBezTo>
                  <a:cubicBezTo>
                    <a:pt x="41" y="89"/>
                    <a:pt x="46" y="87"/>
                    <a:pt x="44" y="87"/>
                  </a:cubicBezTo>
                  <a:cubicBezTo>
                    <a:pt x="44" y="86"/>
                    <a:pt x="46" y="84"/>
                    <a:pt x="44" y="84"/>
                  </a:cubicBezTo>
                  <a:cubicBezTo>
                    <a:pt x="43" y="84"/>
                    <a:pt x="43" y="87"/>
                    <a:pt x="41" y="86"/>
                  </a:cubicBezTo>
                  <a:cubicBezTo>
                    <a:pt x="40" y="83"/>
                    <a:pt x="37" y="83"/>
                    <a:pt x="40" y="78"/>
                  </a:cubicBezTo>
                  <a:cubicBezTo>
                    <a:pt x="43" y="73"/>
                    <a:pt x="40" y="78"/>
                    <a:pt x="41" y="75"/>
                  </a:cubicBezTo>
                  <a:cubicBezTo>
                    <a:pt x="43" y="75"/>
                    <a:pt x="40" y="75"/>
                    <a:pt x="40" y="75"/>
                  </a:cubicBezTo>
                  <a:close/>
                  <a:moveTo>
                    <a:pt x="22" y="84"/>
                  </a:moveTo>
                  <a:cubicBezTo>
                    <a:pt x="22" y="83"/>
                    <a:pt x="23" y="84"/>
                    <a:pt x="23" y="83"/>
                  </a:cubicBezTo>
                  <a:cubicBezTo>
                    <a:pt x="22" y="83"/>
                    <a:pt x="22" y="83"/>
                    <a:pt x="22" y="83"/>
                  </a:cubicBezTo>
                  <a:cubicBezTo>
                    <a:pt x="23" y="81"/>
                    <a:pt x="23" y="80"/>
                    <a:pt x="23" y="81"/>
                  </a:cubicBezTo>
                  <a:cubicBezTo>
                    <a:pt x="23" y="83"/>
                    <a:pt x="25" y="83"/>
                    <a:pt x="25" y="81"/>
                  </a:cubicBezTo>
                  <a:cubicBezTo>
                    <a:pt x="23" y="78"/>
                    <a:pt x="23" y="78"/>
                    <a:pt x="23" y="78"/>
                  </a:cubicBezTo>
                  <a:cubicBezTo>
                    <a:pt x="22" y="80"/>
                    <a:pt x="20" y="80"/>
                    <a:pt x="22" y="78"/>
                  </a:cubicBezTo>
                  <a:cubicBezTo>
                    <a:pt x="23" y="78"/>
                    <a:pt x="23" y="76"/>
                    <a:pt x="22" y="76"/>
                  </a:cubicBezTo>
                  <a:cubicBezTo>
                    <a:pt x="20" y="76"/>
                    <a:pt x="20" y="73"/>
                    <a:pt x="19" y="72"/>
                  </a:cubicBezTo>
                  <a:cubicBezTo>
                    <a:pt x="19" y="70"/>
                    <a:pt x="16" y="72"/>
                    <a:pt x="14" y="72"/>
                  </a:cubicBezTo>
                  <a:cubicBezTo>
                    <a:pt x="11" y="72"/>
                    <a:pt x="13" y="73"/>
                    <a:pt x="9" y="73"/>
                  </a:cubicBezTo>
                  <a:cubicBezTo>
                    <a:pt x="6" y="75"/>
                    <a:pt x="9" y="78"/>
                    <a:pt x="6" y="78"/>
                  </a:cubicBezTo>
                  <a:cubicBezTo>
                    <a:pt x="3" y="78"/>
                    <a:pt x="8" y="80"/>
                    <a:pt x="5" y="81"/>
                  </a:cubicBezTo>
                  <a:cubicBezTo>
                    <a:pt x="0" y="83"/>
                    <a:pt x="11" y="87"/>
                    <a:pt x="11" y="84"/>
                  </a:cubicBezTo>
                  <a:cubicBezTo>
                    <a:pt x="11" y="83"/>
                    <a:pt x="13" y="81"/>
                    <a:pt x="13" y="83"/>
                  </a:cubicBezTo>
                  <a:cubicBezTo>
                    <a:pt x="14" y="86"/>
                    <a:pt x="14" y="84"/>
                    <a:pt x="14" y="86"/>
                  </a:cubicBezTo>
                  <a:cubicBezTo>
                    <a:pt x="16" y="87"/>
                    <a:pt x="16" y="86"/>
                    <a:pt x="17" y="86"/>
                  </a:cubicBezTo>
                  <a:cubicBezTo>
                    <a:pt x="20" y="86"/>
                    <a:pt x="19" y="89"/>
                    <a:pt x="22" y="84"/>
                  </a:cubicBezTo>
                  <a:close/>
                  <a:moveTo>
                    <a:pt x="32" y="83"/>
                  </a:moveTo>
                  <a:cubicBezTo>
                    <a:pt x="34" y="83"/>
                    <a:pt x="32" y="87"/>
                    <a:pt x="31" y="86"/>
                  </a:cubicBezTo>
                  <a:cubicBezTo>
                    <a:pt x="28" y="86"/>
                    <a:pt x="32" y="81"/>
                    <a:pt x="32" y="83"/>
                  </a:cubicBezTo>
                  <a:close/>
                  <a:moveTo>
                    <a:pt x="31" y="95"/>
                  </a:moveTo>
                  <a:cubicBezTo>
                    <a:pt x="32" y="92"/>
                    <a:pt x="35" y="95"/>
                    <a:pt x="34" y="97"/>
                  </a:cubicBezTo>
                  <a:cubicBezTo>
                    <a:pt x="32" y="98"/>
                    <a:pt x="31" y="97"/>
                    <a:pt x="31" y="95"/>
                  </a:cubicBezTo>
                  <a:close/>
                  <a:moveTo>
                    <a:pt x="26" y="69"/>
                  </a:moveTo>
                  <a:cubicBezTo>
                    <a:pt x="25" y="69"/>
                    <a:pt x="25" y="67"/>
                    <a:pt x="25" y="66"/>
                  </a:cubicBezTo>
                  <a:cubicBezTo>
                    <a:pt x="26" y="64"/>
                    <a:pt x="28" y="69"/>
                    <a:pt x="26" y="69"/>
                  </a:cubicBezTo>
                  <a:close/>
                  <a:moveTo>
                    <a:pt x="55" y="128"/>
                  </a:moveTo>
                  <a:cubicBezTo>
                    <a:pt x="57" y="126"/>
                    <a:pt x="58" y="126"/>
                    <a:pt x="58" y="128"/>
                  </a:cubicBezTo>
                  <a:cubicBezTo>
                    <a:pt x="60" y="128"/>
                    <a:pt x="58" y="129"/>
                    <a:pt x="55" y="128"/>
                  </a:cubicBezTo>
                  <a:close/>
                  <a:moveTo>
                    <a:pt x="14" y="34"/>
                  </a:moveTo>
                  <a:cubicBezTo>
                    <a:pt x="13" y="36"/>
                    <a:pt x="13" y="33"/>
                    <a:pt x="13" y="34"/>
                  </a:cubicBezTo>
                  <a:cubicBezTo>
                    <a:pt x="11" y="34"/>
                    <a:pt x="11" y="36"/>
                    <a:pt x="11" y="36"/>
                  </a:cubicBezTo>
                  <a:cubicBezTo>
                    <a:pt x="13" y="38"/>
                    <a:pt x="9" y="36"/>
                    <a:pt x="13" y="38"/>
                  </a:cubicBezTo>
                  <a:cubicBezTo>
                    <a:pt x="14" y="38"/>
                    <a:pt x="9" y="38"/>
                    <a:pt x="11" y="39"/>
                  </a:cubicBezTo>
                  <a:cubicBezTo>
                    <a:pt x="13" y="41"/>
                    <a:pt x="13" y="39"/>
                    <a:pt x="14" y="39"/>
                  </a:cubicBezTo>
                  <a:cubicBezTo>
                    <a:pt x="14" y="39"/>
                    <a:pt x="14" y="39"/>
                    <a:pt x="14" y="38"/>
                  </a:cubicBezTo>
                  <a:cubicBezTo>
                    <a:pt x="16" y="38"/>
                    <a:pt x="17" y="38"/>
                    <a:pt x="16" y="38"/>
                  </a:cubicBezTo>
                  <a:cubicBezTo>
                    <a:pt x="16" y="36"/>
                    <a:pt x="17" y="36"/>
                    <a:pt x="17" y="36"/>
                  </a:cubicBezTo>
                  <a:cubicBezTo>
                    <a:pt x="16" y="36"/>
                    <a:pt x="17" y="36"/>
                    <a:pt x="17" y="34"/>
                  </a:cubicBezTo>
                  <a:cubicBezTo>
                    <a:pt x="17" y="33"/>
                    <a:pt x="17" y="34"/>
                    <a:pt x="19" y="34"/>
                  </a:cubicBezTo>
                  <a:cubicBezTo>
                    <a:pt x="20" y="33"/>
                    <a:pt x="17" y="34"/>
                    <a:pt x="17" y="33"/>
                  </a:cubicBezTo>
                  <a:cubicBezTo>
                    <a:pt x="19" y="33"/>
                    <a:pt x="19" y="31"/>
                    <a:pt x="19" y="30"/>
                  </a:cubicBezTo>
                  <a:cubicBezTo>
                    <a:pt x="19" y="30"/>
                    <a:pt x="16" y="31"/>
                    <a:pt x="14" y="33"/>
                  </a:cubicBezTo>
                  <a:cubicBezTo>
                    <a:pt x="13" y="33"/>
                    <a:pt x="14" y="34"/>
                    <a:pt x="14" y="34"/>
                  </a:cubicBezTo>
                  <a:close/>
                  <a:moveTo>
                    <a:pt x="11" y="42"/>
                  </a:moveTo>
                  <a:cubicBezTo>
                    <a:pt x="13" y="41"/>
                    <a:pt x="11" y="41"/>
                    <a:pt x="11" y="41"/>
                  </a:cubicBezTo>
                  <a:cubicBezTo>
                    <a:pt x="9" y="41"/>
                    <a:pt x="9" y="41"/>
                    <a:pt x="8" y="41"/>
                  </a:cubicBezTo>
                  <a:cubicBezTo>
                    <a:pt x="8" y="42"/>
                    <a:pt x="11" y="44"/>
                    <a:pt x="11" y="42"/>
                  </a:cubicBezTo>
                  <a:close/>
                  <a:moveTo>
                    <a:pt x="9" y="48"/>
                  </a:moveTo>
                  <a:cubicBezTo>
                    <a:pt x="11" y="48"/>
                    <a:pt x="9" y="47"/>
                    <a:pt x="9" y="47"/>
                  </a:cubicBezTo>
                  <a:cubicBezTo>
                    <a:pt x="11" y="45"/>
                    <a:pt x="11" y="45"/>
                    <a:pt x="9" y="45"/>
                  </a:cubicBezTo>
                  <a:cubicBezTo>
                    <a:pt x="8" y="44"/>
                    <a:pt x="8" y="48"/>
                    <a:pt x="9" y="48"/>
                  </a:cubicBezTo>
                  <a:close/>
                  <a:moveTo>
                    <a:pt x="16" y="45"/>
                  </a:moveTo>
                  <a:cubicBezTo>
                    <a:pt x="17" y="45"/>
                    <a:pt x="16" y="45"/>
                    <a:pt x="17" y="47"/>
                  </a:cubicBezTo>
                  <a:cubicBezTo>
                    <a:pt x="17" y="48"/>
                    <a:pt x="19" y="47"/>
                    <a:pt x="20" y="47"/>
                  </a:cubicBezTo>
                  <a:cubicBezTo>
                    <a:pt x="22" y="47"/>
                    <a:pt x="19" y="48"/>
                    <a:pt x="20" y="50"/>
                  </a:cubicBezTo>
                  <a:cubicBezTo>
                    <a:pt x="22" y="47"/>
                    <a:pt x="22" y="47"/>
                    <a:pt x="22" y="47"/>
                  </a:cubicBezTo>
                  <a:cubicBezTo>
                    <a:pt x="23" y="45"/>
                    <a:pt x="22" y="47"/>
                    <a:pt x="20" y="45"/>
                  </a:cubicBezTo>
                  <a:cubicBezTo>
                    <a:pt x="19" y="45"/>
                    <a:pt x="19" y="41"/>
                    <a:pt x="17" y="41"/>
                  </a:cubicBezTo>
                  <a:cubicBezTo>
                    <a:pt x="17" y="41"/>
                    <a:pt x="17" y="42"/>
                    <a:pt x="17" y="44"/>
                  </a:cubicBezTo>
                  <a:cubicBezTo>
                    <a:pt x="16" y="42"/>
                    <a:pt x="16" y="42"/>
                    <a:pt x="16" y="42"/>
                  </a:cubicBezTo>
                  <a:cubicBezTo>
                    <a:pt x="14" y="42"/>
                    <a:pt x="16" y="44"/>
                    <a:pt x="16" y="44"/>
                  </a:cubicBezTo>
                  <a:cubicBezTo>
                    <a:pt x="16" y="44"/>
                    <a:pt x="13" y="44"/>
                    <a:pt x="14" y="45"/>
                  </a:cubicBezTo>
                  <a:cubicBezTo>
                    <a:pt x="16" y="45"/>
                    <a:pt x="16" y="44"/>
                    <a:pt x="16" y="45"/>
                  </a:cubicBezTo>
                  <a:close/>
                  <a:moveTo>
                    <a:pt x="19" y="58"/>
                  </a:moveTo>
                  <a:cubicBezTo>
                    <a:pt x="19" y="58"/>
                    <a:pt x="17" y="58"/>
                    <a:pt x="17" y="59"/>
                  </a:cubicBezTo>
                  <a:cubicBezTo>
                    <a:pt x="17" y="59"/>
                    <a:pt x="20" y="58"/>
                    <a:pt x="22" y="58"/>
                  </a:cubicBezTo>
                  <a:cubicBezTo>
                    <a:pt x="23" y="58"/>
                    <a:pt x="22" y="56"/>
                    <a:pt x="20" y="56"/>
                  </a:cubicBezTo>
                  <a:cubicBezTo>
                    <a:pt x="19" y="55"/>
                    <a:pt x="19" y="53"/>
                    <a:pt x="17" y="55"/>
                  </a:cubicBezTo>
                  <a:cubicBezTo>
                    <a:pt x="17" y="56"/>
                    <a:pt x="17" y="56"/>
                    <a:pt x="19" y="56"/>
                  </a:cubicBezTo>
                  <a:cubicBezTo>
                    <a:pt x="20" y="56"/>
                    <a:pt x="19" y="56"/>
                    <a:pt x="19" y="58"/>
                  </a:cubicBezTo>
                  <a:close/>
                  <a:moveTo>
                    <a:pt x="17" y="66"/>
                  </a:moveTo>
                  <a:cubicBezTo>
                    <a:pt x="19" y="67"/>
                    <a:pt x="17" y="67"/>
                    <a:pt x="17" y="67"/>
                  </a:cubicBezTo>
                  <a:cubicBezTo>
                    <a:pt x="17" y="69"/>
                    <a:pt x="19" y="67"/>
                    <a:pt x="19" y="67"/>
                  </a:cubicBezTo>
                  <a:cubicBezTo>
                    <a:pt x="20" y="66"/>
                    <a:pt x="19" y="66"/>
                    <a:pt x="19" y="64"/>
                  </a:cubicBezTo>
                  <a:cubicBezTo>
                    <a:pt x="19" y="62"/>
                    <a:pt x="17" y="64"/>
                    <a:pt x="17" y="64"/>
                  </a:cubicBezTo>
                  <a:cubicBezTo>
                    <a:pt x="17" y="62"/>
                    <a:pt x="14" y="66"/>
                    <a:pt x="16" y="66"/>
                  </a:cubicBezTo>
                  <a:cubicBezTo>
                    <a:pt x="17" y="67"/>
                    <a:pt x="17" y="64"/>
                    <a:pt x="17" y="66"/>
                  </a:cubicBezTo>
                  <a:close/>
                  <a:moveTo>
                    <a:pt x="20" y="64"/>
                  </a:moveTo>
                  <a:cubicBezTo>
                    <a:pt x="19" y="62"/>
                    <a:pt x="20" y="61"/>
                    <a:pt x="22" y="61"/>
                  </a:cubicBezTo>
                  <a:cubicBezTo>
                    <a:pt x="23" y="59"/>
                    <a:pt x="20" y="66"/>
                    <a:pt x="20" y="64"/>
                  </a:cubicBezTo>
                  <a:close/>
                  <a:moveTo>
                    <a:pt x="41" y="27"/>
                  </a:moveTo>
                  <a:cubicBezTo>
                    <a:pt x="41" y="27"/>
                    <a:pt x="40" y="25"/>
                    <a:pt x="41" y="25"/>
                  </a:cubicBezTo>
                  <a:cubicBezTo>
                    <a:pt x="41" y="25"/>
                    <a:pt x="43" y="27"/>
                    <a:pt x="41" y="27"/>
                  </a:cubicBezTo>
                  <a:close/>
                  <a:moveTo>
                    <a:pt x="44" y="25"/>
                  </a:moveTo>
                  <a:cubicBezTo>
                    <a:pt x="44" y="27"/>
                    <a:pt x="46" y="25"/>
                    <a:pt x="46" y="24"/>
                  </a:cubicBezTo>
                  <a:cubicBezTo>
                    <a:pt x="46" y="24"/>
                    <a:pt x="44" y="25"/>
                    <a:pt x="44" y="24"/>
                  </a:cubicBezTo>
                  <a:cubicBezTo>
                    <a:pt x="44" y="24"/>
                    <a:pt x="43" y="25"/>
                    <a:pt x="43" y="24"/>
                  </a:cubicBezTo>
                  <a:cubicBezTo>
                    <a:pt x="44" y="22"/>
                    <a:pt x="43" y="22"/>
                    <a:pt x="43" y="22"/>
                  </a:cubicBezTo>
                  <a:cubicBezTo>
                    <a:pt x="41" y="22"/>
                    <a:pt x="40" y="24"/>
                    <a:pt x="41" y="24"/>
                  </a:cubicBezTo>
                  <a:cubicBezTo>
                    <a:pt x="43" y="25"/>
                    <a:pt x="43" y="24"/>
                    <a:pt x="44" y="25"/>
                  </a:cubicBezTo>
                  <a:close/>
                  <a:moveTo>
                    <a:pt x="44" y="27"/>
                  </a:moveTo>
                  <a:cubicBezTo>
                    <a:pt x="44" y="25"/>
                    <a:pt x="44" y="27"/>
                    <a:pt x="44" y="27"/>
                  </a:cubicBezTo>
                  <a:cubicBezTo>
                    <a:pt x="43" y="27"/>
                    <a:pt x="43" y="27"/>
                    <a:pt x="44" y="27"/>
                  </a:cubicBezTo>
                  <a:close/>
                  <a:moveTo>
                    <a:pt x="46" y="21"/>
                  </a:moveTo>
                  <a:cubicBezTo>
                    <a:pt x="47" y="21"/>
                    <a:pt x="47" y="19"/>
                    <a:pt x="47" y="21"/>
                  </a:cubicBezTo>
                  <a:cubicBezTo>
                    <a:pt x="46" y="21"/>
                    <a:pt x="46" y="19"/>
                    <a:pt x="46" y="21"/>
                  </a:cubicBezTo>
                  <a:cubicBezTo>
                    <a:pt x="46" y="22"/>
                    <a:pt x="46" y="21"/>
                    <a:pt x="46" y="21"/>
                  </a:cubicBezTo>
                  <a:close/>
                  <a:moveTo>
                    <a:pt x="46" y="22"/>
                  </a:moveTo>
                  <a:cubicBezTo>
                    <a:pt x="46" y="21"/>
                    <a:pt x="47" y="22"/>
                    <a:pt x="47" y="22"/>
                  </a:cubicBezTo>
                  <a:cubicBezTo>
                    <a:pt x="46" y="24"/>
                    <a:pt x="46" y="24"/>
                    <a:pt x="46" y="22"/>
                  </a:cubicBezTo>
                  <a:close/>
                  <a:moveTo>
                    <a:pt x="43" y="19"/>
                  </a:moveTo>
                  <a:cubicBezTo>
                    <a:pt x="44" y="19"/>
                    <a:pt x="44" y="21"/>
                    <a:pt x="44" y="21"/>
                  </a:cubicBezTo>
                  <a:cubicBezTo>
                    <a:pt x="44" y="21"/>
                    <a:pt x="43" y="21"/>
                    <a:pt x="43" y="19"/>
                  </a:cubicBezTo>
                  <a:close/>
                  <a:moveTo>
                    <a:pt x="58" y="11"/>
                  </a:moveTo>
                  <a:cubicBezTo>
                    <a:pt x="58" y="10"/>
                    <a:pt x="58" y="10"/>
                    <a:pt x="58" y="8"/>
                  </a:cubicBezTo>
                  <a:cubicBezTo>
                    <a:pt x="58" y="8"/>
                    <a:pt x="58" y="8"/>
                    <a:pt x="60" y="5"/>
                  </a:cubicBezTo>
                  <a:cubicBezTo>
                    <a:pt x="60" y="3"/>
                    <a:pt x="58" y="7"/>
                    <a:pt x="58" y="5"/>
                  </a:cubicBezTo>
                  <a:cubicBezTo>
                    <a:pt x="58" y="5"/>
                    <a:pt x="58" y="3"/>
                    <a:pt x="58" y="5"/>
                  </a:cubicBezTo>
                  <a:cubicBezTo>
                    <a:pt x="57" y="7"/>
                    <a:pt x="57" y="5"/>
                    <a:pt x="57" y="3"/>
                  </a:cubicBezTo>
                  <a:cubicBezTo>
                    <a:pt x="58" y="2"/>
                    <a:pt x="53" y="5"/>
                    <a:pt x="55" y="5"/>
                  </a:cubicBezTo>
                  <a:cubicBezTo>
                    <a:pt x="55" y="5"/>
                    <a:pt x="57" y="5"/>
                    <a:pt x="57" y="7"/>
                  </a:cubicBezTo>
                  <a:cubicBezTo>
                    <a:pt x="57" y="7"/>
                    <a:pt x="53" y="7"/>
                    <a:pt x="53" y="8"/>
                  </a:cubicBezTo>
                  <a:cubicBezTo>
                    <a:pt x="53" y="10"/>
                    <a:pt x="55" y="8"/>
                    <a:pt x="55" y="8"/>
                  </a:cubicBezTo>
                  <a:cubicBezTo>
                    <a:pt x="57" y="10"/>
                    <a:pt x="57" y="8"/>
                    <a:pt x="57" y="8"/>
                  </a:cubicBezTo>
                  <a:cubicBezTo>
                    <a:pt x="58" y="10"/>
                    <a:pt x="55" y="11"/>
                    <a:pt x="57" y="13"/>
                  </a:cubicBezTo>
                  <a:cubicBezTo>
                    <a:pt x="58" y="14"/>
                    <a:pt x="58" y="11"/>
                    <a:pt x="58" y="11"/>
                  </a:cubicBezTo>
                  <a:close/>
                  <a:moveTo>
                    <a:pt x="60" y="3"/>
                  </a:moveTo>
                  <a:cubicBezTo>
                    <a:pt x="60" y="2"/>
                    <a:pt x="60" y="2"/>
                    <a:pt x="60" y="2"/>
                  </a:cubicBezTo>
                  <a:cubicBezTo>
                    <a:pt x="58" y="2"/>
                    <a:pt x="58" y="2"/>
                    <a:pt x="58" y="2"/>
                  </a:cubicBezTo>
                  <a:cubicBezTo>
                    <a:pt x="58" y="3"/>
                    <a:pt x="58" y="3"/>
                    <a:pt x="58" y="3"/>
                  </a:cubicBezTo>
                  <a:cubicBezTo>
                    <a:pt x="60" y="5"/>
                    <a:pt x="58" y="3"/>
                    <a:pt x="60" y="3"/>
                  </a:cubicBezTo>
                  <a:close/>
                  <a:moveTo>
                    <a:pt x="60" y="2"/>
                  </a:moveTo>
                  <a:cubicBezTo>
                    <a:pt x="60" y="0"/>
                    <a:pt x="60" y="0"/>
                    <a:pt x="61" y="0"/>
                  </a:cubicBezTo>
                  <a:cubicBezTo>
                    <a:pt x="61" y="0"/>
                    <a:pt x="61" y="2"/>
                    <a:pt x="60" y="2"/>
                  </a:cubicBezTo>
                  <a:close/>
                </a:path>
              </a:pathLst>
            </a:custGeom>
            <a:solidFill>
              <a:schemeClr val="accent5"/>
            </a:solidFill>
            <a:ln w="6350" cmpd="sng">
              <a:solidFill>
                <a:schemeClr val="bg1"/>
              </a:solidFill>
              <a:round/>
              <a:headEnd/>
              <a:tailEnd/>
            </a:ln>
          </p:spPr>
          <p:txBody>
            <a:bodyPr/>
            <a:lstStyle/>
            <a:p>
              <a:endParaRPr lang="en-GB" sz="1633" dirty="0"/>
            </a:p>
          </p:txBody>
        </p:sp>
        <p:sp>
          <p:nvSpPr>
            <p:cNvPr id="246" name="Freeform 202"/>
            <p:cNvSpPr>
              <a:spLocks/>
            </p:cNvSpPr>
            <p:nvPr/>
          </p:nvSpPr>
          <p:spPr bwMode="auto">
            <a:xfrm>
              <a:off x="5340953" y="3027837"/>
              <a:ext cx="12854" cy="9640"/>
            </a:xfrm>
            <a:custGeom>
              <a:avLst/>
              <a:gdLst/>
              <a:ahLst/>
              <a:cxnLst>
                <a:cxn ang="0">
                  <a:pos x="1" y="3"/>
                </a:cxn>
                <a:cxn ang="0">
                  <a:pos x="1" y="0"/>
                </a:cxn>
                <a:cxn ang="0">
                  <a:pos x="3" y="1"/>
                </a:cxn>
                <a:cxn ang="0">
                  <a:pos x="1" y="3"/>
                </a:cxn>
              </a:cxnLst>
              <a:rect l="0" t="0" r="r" b="b"/>
              <a:pathLst>
                <a:path w="4" h="3">
                  <a:moveTo>
                    <a:pt x="1" y="3"/>
                  </a:moveTo>
                  <a:cubicBezTo>
                    <a:pt x="1" y="1"/>
                    <a:pt x="0" y="0"/>
                    <a:pt x="1" y="0"/>
                  </a:cubicBezTo>
                  <a:cubicBezTo>
                    <a:pt x="1" y="0"/>
                    <a:pt x="1" y="0"/>
                    <a:pt x="3" y="1"/>
                  </a:cubicBezTo>
                  <a:cubicBezTo>
                    <a:pt x="4" y="1"/>
                    <a:pt x="3" y="3"/>
                    <a:pt x="1" y="3"/>
                  </a:cubicBezTo>
                </a:path>
              </a:pathLst>
            </a:custGeom>
            <a:grpFill/>
            <a:ln w="6350" cmpd="sng">
              <a:solidFill>
                <a:schemeClr val="bg1"/>
              </a:solidFill>
              <a:round/>
              <a:headEnd/>
              <a:tailEnd/>
            </a:ln>
          </p:spPr>
          <p:txBody>
            <a:bodyPr/>
            <a:lstStyle/>
            <a:p>
              <a:endParaRPr lang="en-GB" sz="1633" dirty="0"/>
            </a:p>
          </p:txBody>
        </p:sp>
        <p:sp>
          <p:nvSpPr>
            <p:cNvPr id="247" name="Freeform 203"/>
            <p:cNvSpPr>
              <a:spLocks/>
            </p:cNvSpPr>
            <p:nvPr/>
          </p:nvSpPr>
          <p:spPr bwMode="auto">
            <a:xfrm>
              <a:off x="5357021" y="3037478"/>
              <a:ext cx="6427" cy="9640"/>
            </a:xfrm>
            <a:custGeom>
              <a:avLst/>
              <a:gdLst/>
              <a:ahLst/>
              <a:cxnLst>
                <a:cxn ang="0">
                  <a:pos x="0" y="1"/>
                </a:cxn>
                <a:cxn ang="0">
                  <a:pos x="2" y="3"/>
                </a:cxn>
                <a:cxn ang="0">
                  <a:pos x="0" y="3"/>
                </a:cxn>
                <a:cxn ang="0">
                  <a:pos x="0" y="1"/>
                </a:cxn>
              </a:cxnLst>
              <a:rect l="0" t="0" r="r" b="b"/>
              <a:pathLst>
                <a:path w="2" h="3">
                  <a:moveTo>
                    <a:pt x="0" y="1"/>
                  </a:moveTo>
                  <a:cubicBezTo>
                    <a:pt x="0" y="0"/>
                    <a:pt x="2" y="1"/>
                    <a:pt x="2" y="3"/>
                  </a:cubicBezTo>
                  <a:cubicBezTo>
                    <a:pt x="2" y="3"/>
                    <a:pt x="2" y="3"/>
                    <a:pt x="0" y="3"/>
                  </a:cubicBezTo>
                  <a:cubicBezTo>
                    <a:pt x="0" y="1"/>
                    <a:pt x="0" y="1"/>
                    <a:pt x="0" y="1"/>
                  </a:cubicBezTo>
                </a:path>
              </a:pathLst>
            </a:custGeom>
            <a:grpFill/>
            <a:ln w="6350" cmpd="sng">
              <a:solidFill>
                <a:schemeClr val="bg1"/>
              </a:solidFill>
              <a:round/>
              <a:headEnd/>
              <a:tailEnd/>
            </a:ln>
          </p:spPr>
          <p:txBody>
            <a:bodyPr/>
            <a:lstStyle/>
            <a:p>
              <a:endParaRPr lang="en-GB" sz="1633" dirty="0"/>
            </a:p>
          </p:txBody>
        </p:sp>
        <p:sp>
          <p:nvSpPr>
            <p:cNvPr id="248" name="Freeform 204"/>
            <p:cNvSpPr>
              <a:spLocks/>
            </p:cNvSpPr>
            <p:nvPr/>
          </p:nvSpPr>
          <p:spPr bwMode="auto">
            <a:xfrm>
              <a:off x="5353808" y="3053546"/>
              <a:ext cx="9641" cy="11247"/>
            </a:xfrm>
            <a:custGeom>
              <a:avLst/>
              <a:gdLst/>
              <a:ahLst/>
              <a:cxnLst>
                <a:cxn ang="0">
                  <a:pos x="0" y="0"/>
                </a:cxn>
                <a:cxn ang="0">
                  <a:pos x="1" y="0"/>
                </a:cxn>
                <a:cxn ang="0">
                  <a:pos x="3" y="3"/>
                </a:cxn>
                <a:cxn ang="0">
                  <a:pos x="1" y="3"/>
                </a:cxn>
                <a:cxn ang="0">
                  <a:pos x="0" y="0"/>
                </a:cxn>
              </a:cxnLst>
              <a:rect l="0" t="0" r="r" b="b"/>
              <a:pathLst>
                <a:path w="3" h="4">
                  <a:moveTo>
                    <a:pt x="0" y="0"/>
                  </a:moveTo>
                  <a:cubicBezTo>
                    <a:pt x="1" y="0"/>
                    <a:pt x="0" y="0"/>
                    <a:pt x="1" y="0"/>
                  </a:cubicBezTo>
                  <a:cubicBezTo>
                    <a:pt x="3" y="1"/>
                    <a:pt x="1" y="3"/>
                    <a:pt x="3" y="3"/>
                  </a:cubicBezTo>
                  <a:cubicBezTo>
                    <a:pt x="3" y="3"/>
                    <a:pt x="3" y="4"/>
                    <a:pt x="1" y="3"/>
                  </a:cubicBezTo>
                  <a:cubicBezTo>
                    <a:pt x="1" y="1"/>
                    <a:pt x="0" y="0"/>
                    <a:pt x="0" y="0"/>
                  </a:cubicBezTo>
                </a:path>
              </a:pathLst>
            </a:custGeom>
            <a:grpFill/>
            <a:ln w="6350" cmpd="sng">
              <a:solidFill>
                <a:schemeClr val="bg1"/>
              </a:solidFill>
              <a:round/>
              <a:headEnd/>
              <a:tailEnd/>
            </a:ln>
          </p:spPr>
          <p:txBody>
            <a:bodyPr/>
            <a:lstStyle/>
            <a:p>
              <a:endParaRPr lang="en-GB" sz="1633" dirty="0"/>
            </a:p>
          </p:txBody>
        </p:sp>
        <p:sp>
          <p:nvSpPr>
            <p:cNvPr id="249" name="Freeform 205"/>
            <p:cNvSpPr>
              <a:spLocks/>
            </p:cNvSpPr>
            <p:nvPr/>
          </p:nvSpPr>
          <p:spPr bwMode="auto">
            <a:xfrm>
              <a:off x="5350594" y="3021411"/>
              <a:ext cx="12854" cy="19281"/>
            </a:xfrm>
            <a:custGeom>
              <a:avLst/>
              <a:gdLst/>
              <a:ahLst/>
              <a:cxnLst>
                <a:cxn ang="0">
                  <a:pos x="0" y="2"/>
                </a:cxn>
                <a:cxn ang="0">
                  <a:pos x="0" y="0"/>
                </a:cxn>
                <a:cxn ang="0">
                  <a:pos x="1" y="2"/>
                </a:cxn>
                <a:cxn ang="0">
                  <a:pos x="3" y="3"/>
                </a:cxn>
                <a:cxn ang="0">
                  <a:pos x="3" y="5"/>
                </a:cxn>
                <a:cxn ang="0">
                  <a:pos x="0" y="2"/>
                </a:cxn>
              </a:cxnLst>
              <a:rect l="0" t="0" r="r" b="b"/>
              <a:pathLst>
                <a:path w="4" h="6">
                  <a:moveTo>
                    <a:pt x="0" y="2"/>
                  </a:moveTo>
                  <a:cubicBezTo>
                    <a:pt x="0" y="2"/>
                    <a:pt x="0" y="2"/>
                    <a:pt x="0" y="0"/>
                  </a:cubicBezTo>
                  <a:cubicBezTo>
                    <a:pt x="0" y="0"/>
                    <a:pt x="0" y="0"/>
                    <a:pt x="1" y="2"/>
                  </a:cubicBezTo>
                  <a:cubicBezTo>
                    <a:pt x="1" y="3"/>
                    <a:pt x="1" y="2"/>
                    <a:pt x="3" y="3"/>
                  </a:cubicBezTo>
                  <a:cubicBezTo>
                    <a:pt x="4" y="5"/>
                    <a:pt x="4" y="6"/>
                    <a:pt x="3" y="5"/>
                  </a:cubicBezTo>
                  <a:cubicBezTo>
                    <a:pt x="1" y="2"/>
                    <a:pt x="1" y="3"/>
                    <a:pt x="0" y="2"/>
                  </a:cubicBezTo>
                </a:path>
              </a:pathLst>
            </a:custGeom>
            <a:grpFill/>
            <a:ln w="6350" cmpd="sng">
              <a:solidFill>
                <a:schemeClr val="bg1"/>
              </a:solidFill>
              <a:round/>
              <a:headEnd/>
              <a:tailEnd/>
            </a:ln>
          </p:spPr>
          <p:txBody>
            <a:bodyPr/>
            <a:lstStyle/>
            <a:p>
              <a:endParaRPr lang="en-GB" sz="1633" dirty="0"/>
            </a:p>
          </p:txBody>
        </p:sp>
        <p:sp>
          <p:nvSpPr>
            <p:cNvPr id="250" name="Freeform 206"/>
            <p:cNvSpPr>
              <a:spLocks/>
            </p:cNvSpPr>
            <p:nvPr/>
          </p:nvSpPr>
          <p:spPr bwMode="auto">
            <a:xfrm>
              <a:off x="5353808" y="3021411"/>
              <a:ext cx="12854" cy="9640"/>
            </a:xfrm>
            <a:custGeom>
              <a:avLst/>
              <a:gdLst/>
              <a:ahLst/>
              <a:cxnLst>
                <a:cxn ang="0">
                  <a:pos x="1" y="3"/>
                </a:cxn>
                <a:cxn ang="0">
                  <a:pos x="0" y="0"/>
                </a:cxn>
                <a:cxn ang="0">
                  <a:pos x="0" y="0"/>
                </a:cxn>
                <a:cxn ang="0">
                  <a:pos x="1" y="0"/>
                </a:cxn>
                <a:cxn ang="0">
                  <a:pos x="3" y="2"/>
                </a:cxn>
                <a:cxn ang="0">
                  <a:pos x="3" y="2"/>
                </a:cxn>
                <a:cxn ang="0">
                  <a:pos x="1" y="3"/>
                </a:cxn>
              </a:cxnLst>
              <a:rect l="0" t="0" r="r" b="b"/>
              <a:pathLst>
                <a:path w="4" h="3">
                  <a:moveTo>
                    <a:pt x="1" y="3"/>
                  </a:moveTo>
                  <a:cubicBezTo>
                    <a:pt x="1" y="2"/>
                    <a:pt x="0" y="2"/>
                    <a:pt x="0" y="0"/>
                  </a:cubicBezTo>
                  <a:cubicBezTo>
                    <a:pt x="0" y="0"/>
                    <a:pt x="0" y="0"/>
                    <a:pt x="0" y="0"/>
                  </a:cubicBezTo>
                  <a:cubicBezTo>
                    <a:pt x="1" y="0"/>
                    <a:pt x="0" y="0"/>
                    <a:pt x="1" y="0"/>
                  </a:cubicBezTo>
                  <a:cubicBezTo>
                    <a:pt x="3" y="0"/>
                    <a:pt x="1" y="2"/>
                    <a:pt x="3" y="2"/>
                  </a:cubicBezTo>
                  <a:cubicBezTo>
                    <a:pt x="4" y="2"/>
                    <a:pt x="3" y="2"/>
                    <a:pt x="3" y="2"/>
                  </a:cubicBezTo>
                  <a:cubicBezTo>
                    <a:pt x="4" y="3"/>
                    <a:pt x="3" y="3"/>
                    <a:pt x="1" y="3"/>
                  </a:cubicBezTo>
                </a:path>
              </a:pathLst>
            </a:custGeom>
            <a:grpFill/>
            <a:ln w="6350" cmpd="sng">
              <a:solidFill>
                <a:schemeClr val="bg1"/>
              </a:solidFill>
              <a:round/>
              <a:headEnd/>
              <a:tailEnd/>
            </a:ln>
          </p:spPr>
          <p:txBody>
            <a:bodyPr/>
            <a:lstStyle/>
            <a:p>
              <a:endParaRPr lang="en-GB" sz="1633" dirty="0"/>
            </a:p>
          </p:txBody>
        </p:sp>
        <p:sp>
          <p:nvSpPr>
            <p:cNvPr id="251" name="Freeform 207"/>
            <p:cNvSpPr>
              <a:spLocks/>
            </p:cNvSpPr>
            <p:nvPr/>
          </p:nvSpPr>
          <p:spPr bwMode="auto">
            <a:xfrm>
              <a:off x="5363449" y="3018197"/>
              <a:ext cx="8034" cy="9640"/>
            </a:xfrm>
            <a:custGeom>
              <a:avLst/>
              <a:gdLst/>
              <a:ahLst/>
              <a:cxnLst>
                <a:cxn ang="0">
                  <a:pos x="1" y="3"/>
                </a:cxn>
                <a:cxn ang="0">
                  <a:pos x="1" y="1"/>
                </a:cxn>
                <a:cxn ang="0">
                  <a:pos x="1" y="1"/>
                </a:cxn>
                <a:cxn ang="0">
                  <a:pos x="1" y="3"/>
                </a:cxn>
                <a:cxn ang="0">
                  <a:pos x="1" y="3"/>
                </a:cxn>
              </a:cxnLst>
              <a:rect l="0" t="0" r="r" b="b"/>
              <a:pathLst>
                <a:path w="3" h="3">
                  <a:moveTo>
                    <a:pt x="1" y="3"/>
                  </a:moveTo>
                  <a:cubicBezTo>
                    <a:pt x="0" y="3"/>
                    <a:pt x="1" y="1"/>
                    <a:pt x="1" y="1"/>
                  </a:cubicBezTo>
                  <a:cubicBezTo>
                    <a:pt x="0" y="0"/>
                    <a:pt x="1" y="1"/>
                    <a:pt x="1" y="1"/>
                  </a:cubicBezTo>
                  <a:cubicBezTo>
                    <a:pt x="1" y="3"/>
                    <a:pt x="3" y="3"/>
                    <a:pt x="1" y="3"/>
                  </a:cubicBezTo>
                  <a:cubicBezTo>
                    <a:pt x="1" y="3"/>
                    <a:pt x="1" y="3"/>
                    <a:pt x="1" y="3"/>
                  </a:cubicBezTo>
                </a:path>
              </a:pathLst>
            </a:custGeom>
            <a:grpFill/>
            <a:ln w="6350" cmpd="sng">
              <a:solidFill>
                <a:schemeClr val="bg1"/>
              </a:solidFill>
              <a:round/>
              <a:headEnd/>
              <a:tailEnd/>
            </a:ln>
          </p:spPr>
          <p:txBody>
            <a:bodyPr/>
            <a:lstStyle/>
            <a:p>
              <a:endParaRPr lang="en-GB" sz="1633" dirty="0"/>
            </a:p>
          </p:txBody>
        </p:sp>
        <p:sp>
          <p:nvSpPr>
            <p:cNvPr id="252" name="Freeform 208"/>
            <p:cNvSpPr>
              <a:spLocks/>
            </p:cNvSpPr>
            <p:nvPr/>
          </p:nvSpPr>
          <p:spPr bwMode="auto">
            <a:xfrm>
              <a:off x="5363449" y="3018197"/>
              <a:ext cx="3213" cy="9640"/>
            </a:xfrm>
            <a:custGeom>
              <a:avLst/>
              <a:gdLst/>
              <a:ahLst/>
              <a:cxnLst>
                <a:cxn ang="0">
                  <a:pos x="0" y="1"/>
                </a:cxn>
                <a:cxn ang="0">
                  <a:pos x="0" y="0"/>
                </a:cxn>
                <a:cxn ang="0">
                  <a:pos x="0" y="1"/>
                </a:cxn>
              </a:cxnLst>
              <a:rect l="0" t="0" r="r" b="b"/>
              <a:pathLst>
                <a:path w="1" h="3">
                  <a:moveTo>
                    <a:pt x="0" y="1"/>
                  </a:moveTo>
                  <a:cubicBezTo>
                    <a:pt x="0" y="3"/>
                    <a:pt x="0" y="1"/>
                    <a:pt x="0" y="0"/>
                  </a:cubicBezTo>
                  <a:cubicBezTo>
                    <a:pt x="0" y="0"/>
                    <a:pt x="1" y="1"/>
                    <a:pt x="0" y="1"/>
                  </a:cubicBezTo>
                </a:path>
              </a:pathLst>
            </a:custGeom>
            <a:grpFill/>
            <a:ln w="6350" cmpd="sng">
              <a:solidFill>
                <a:schemeClr val="bg1"/>
              </a:solidFill>
              <a:round/>
              <a:headEnd/>
              <a:tailEnd/>
            </a:ln>
          </p:spPr>
          <p:txBody>
            <a:bodyPr/>
            <a:lstStyle/>
            <a:p>
              <a:endParaRPr lang="en-GB" sz="1633" dirty="0"/>
            </a:p>
          </p:txBody>
        </p:sp>
        <p:sp>
          <p:nvSpPr>
            <p:cNvPr id="253" name="Freeform 209"/>
            <p:cNvSpPr>
              <a:spLocks noEditPoints="1"/>
            </p:cNvSpPr>
            <p:nvPr/>
          </p:nvSpPr>
          <p:spPr bwMode="auto">
            <a:xfrm>
              <a:off x="5291144" y="3729988"/>
              <a:ext cx="342245" cy="273148"/>
            </a:xfrm>
            <a:custGeom>
              <a:avLst/>
              <a:gdLst/>
              <a:ahLst/>
              <a:cxnLst>
                <a:cxn ang="0">
                  <a:pos x="3" y="16"/>
                </a:cxn>
                <a:cxn ang="0">
                  <a:pos x="2" y="11"/>
                </a:cxn>
                <a:cxn ang="0">
                  <a:pos x="8" y="6"/>
                </a:cxn>
                <a:cxn ang="0">
                  <a:pos x="11" y="2"/>
                </a:cxn>
                <a:cxn ang="0">
                  <a:pos x="22" y="3"/>
                </a:cxn>
                <a:cxn ang="0">
                  <a:pos x="32" y="3"/>
                </a:cxn>
                <a:cxn ang="0">
                  <a:pos x="49" y="5"/>
                </a:cxn>
                <a:cxn ang="0">
                  <a:pos x="57" y="5"/>
                </a:cxn>
                <a:cxn ang="0">
                  <a:pos x="61" y="5"/>
                </a:cxn>
                <a:cxn ang="0">
                  <a:pos x="64" y="8"/>
                </a:cxn>
                <a:cxn ang="0">
                  <a:pos x="71" y="11"/>
                </a:cxn>
                <a:cxn ang="0">
                  <a:pos x="75" y="12"/>
                </a:cxn>
                <a:cxn ang="0">
                  <a:pos x="80" y="12"/>
                </a:cxn>
                <a:cxn ang="0">
                  <a:pos x="87" y="14"/>
                </a:cxn>
                <a:cxn ang="0">
                  <a:pos x="89" y="16"/>
                </a:cxn>
                <a:cxn ang="0">
                  <a:pos x="95" y="16"/>
                </a:cxn>
                <a:cxn ang="0">
                  <a:pos x="100" y="16"/>
                </a:cxn>
                <a:cxn ang="0">
                  <a:pos x="101" y="20"/>
                </a:cxn>
                <a:cxn ang="0">
                  <a:pos x="93" y="28"/>
                </a:cxn>
                <a:cxn ang="0">
                  <a:pos x="81" y="33"/>
                </a:cxn>
                <a:cxn ang="0">
                  <a:pos x="81" y="37"/>
                </a:cxn>
                <a:cxn ang="0">
                  <a:pos x="74" y="52"/>
                </a:cxn>
                <a:cxn ang="0">
                  <a:pos x="77" y="58"/>
                </a:cxn>
                <a:cxn ang="0">
                  <a:pos x="69" y="69"/>
                </a:cxn>
                <a:cxn ang="0">
                  <a:pos x="66" y="70"/>
                </a:cxn>
                <a:cxn ang="0">
                  <a:pos x="57" y="78"/>
                </a:cxn>
                <a:cxn ang="0">
                  <a:pos x="46" y="80"/>
                </a:cxn>
                <a:cxn ang="0">
                  <a:pos x="40" y="81"/>
                </a:cxn>
                <a:cxn ang="0">
                  <a:pos x="34" y="83"/>
                </a:cxn>
                <a:cxn ang="0">
                  <a:pos x="31" y="86"/>
                </a:cxn>
                <a:cxn ang="0">
                  <a:pos x="28" y="86"/>
                </a:cxn>
                <a:cxn ang="0">
                  <a:pos x="23" y="78"/>
                </a:cxn>
                <a:cxn ang="0">
                  <a:pos x="16" y="73"/>
                </a:cxn>
                <a:cxn ang="0">
                  <a:pos x="19" y="66"/>
                </a:cxn>
                <a:cxn ang="0">
                  <a:pos x="19" y="62"/>
                </a:cxn>
                <a:cxn ang="0">
                  <a:pos x="19" y="56"/>
                </a:cxn>
                <a:cxn ang="0">
                  <a:pos x="17" y="52"/>
                </a:cxn>
                <a:cxn ang="0">
                  <a:pos x="17" y="47"/>
                </a:cxn>
                <a:cxn ang="0">
                  <a:pos x="20" y="42"/>
                </a:cxn>
                <a:cxn ang="0">
                  <a:pos x="20" y="33"/>
                </a:cxn>
                <a:cxn ang="0">
                  <a:pos x="25" y="25"/>
                </a:cxn>
                <a:cxn ang="0">
                  <a:pos x="20" y="20"/>
                </a:cxn>
                <a:cxn ang="0">
                  <a:pos x="14" y="22"/>
                </a:cxn>
                <a:cxn ang="0">
                  <a:pos x="10" y="22"/>
                </a:cxn>
                <a:cxn ang="0">
                  <a:pos x="11" y="19"/>
                </a:cxn>
                <a:cxn ang="0">
                  <a:pos x="5" y="22"/>
                </a:cxn>
                <a:cxn ang="0">
                  <a:pos x="3" y="16"/>
                </a:cxn>
                <a:cxn ang="0">
                  <a:pos x="97" y="48"/>
                </a:cxn>
                <a:cxn ang="0">
                  <a:pos x="98" y="52"/>
                </a:cxn>
                <a:cxn ang="0">
                  <a:pos x="103" y="47"/>
                </a:cxn>
                <a:cxn ang="0">
                  <a:pos x="101" y="45"/>
                </a:cxn>
                <a:cxn ang="0">
                  <a:pos x="95" y="48"/>
                </a:cxn>
                <a:cxn ang="0">
                  <a:pos x="97" y="48"/>
                </a:cxn>
                <a:cxn ang="0">
                  <a:pos x="109" y="44"/>
                </a:cxn>
                <a:cxn ang="0">
                  <a:pos x="109" y="44"/>
                </a:cxn>
                <a:cxn ang="0">
                  <a:pos x="106" y="44"/>
                </a:cxn>
                <a:cxn ang="0">
                  <a:pos x="109" y="44"/>
                </a:cxn>
                <a:cxn ang="0">
                  <a:pos x="87" y="53"/>
                </a:cxn>
                <a:cxn ang="0">
                  <a:pos x="84" y="56"/>
                </a:cxn>
                <a:cxn ang="0">
                  <a:pos x="87" y="53"/>
                </a:cxn>
              </a:cxnLst>
              <a:rect l="0" t="0" r="r" b="b"/>
              <a:pathLst>
                <a:path w="110" h="88">
                  <a:moveTo>
                    <a:pt x="3" y="16"/>
                  </a:moveTo>
                  <a:cubicBezTo>
                    <a:pt x="2" y="12"/>
                    <a:pt x="3" y="11"/>
                    <a:pt x="2" y="11"/>
                  </a:cubicBezTo>
                  <a:cubicBezTo>
                    <a:pt x="0" y="9"/>
                    <a:pt x="3" y="6"/>
                    <a:pt x="8" y="6"/>
                  </a:cubicBezTo>
                  <a:cubicBezTo>
                    <a:pt x="11" y="6"/>
                    <a:pt x="8" y="3"/>
                    <a:pt x="11" y="2"/>
                  </a:cubicBezTo>
                  <a:cubicBezTo>
                    <a:pt x="16" y="0"/>
                    <a:pt x="16" y="3"/>
                    <a:pt x="22" y="3"/>
                  </a:cubicBezTo>
                  <a:cubicBezTo>
                    <a:pt x="28" y="3"/>
                    <a:pt x="28" y="2"/>
                    <a:pt x="32" y="3"/>
                  </a:cubicBezTo>
                  <a:cubicBezTo>
                    <a:pt x="40" y="6"/>
                    <a:pt x="43" y="3"/>
                    <a:pt x="49" y="5"/>
                  </a:cubicBezTo>
                  <a:cubicBezTo>
                    <a:pt x="54" y="6"/>
                    <a:pt x="52" y="3"/>
                    <a:pt x="57" y="5"/>
                  </a:cubicBezTo>
                  <a:cubicBezTo>
                    <a:pt x="58" y="6"/>
                    <a:pt x="60" y="5"/>
                    <a:pt x="61" y="5"/>
                  </a:cubicBezTo>
                  <a:cubicBezTo>
                    <a:pt x="63" y="6"/>
                    <a:pt x="64" y="5"/>
                    <a:pt x="64" y="8"/>
                  </a:cubicBezTo>
                  <a:cubicBezTo>
                    <a:pt x="64" y="9"/>
                    <a:pt x="69" y="8"/>
                    <a:pt x="71" y="11"/>
                  </a:cubicBezTo>
                  <a:cubicBezTo>
                    <a:pt x="71" y="12"/>
                    <a:pt x="74" y="11"/>
                    <a:pt x="75" y="12"/>
                  </a:cubicBezTo>
                  <a:cubicBezTo>
                    <a:pt x="77" y="14"/>
                    <a:pt x="77" y="11"/>
                    <a:pt x="80" y="12"/>
                  </a:cubicBezTo>
                  <a:cubicBezTo>
                    <a:pt x="83" y="12"/>
                    <a:pt x="78" y="8"/>
                    <a:pt x="87" y="14"/>
                  </a:cubicBezTo>
                  <a:cubicBezTo>
                    <a:pt x="87" y="16"/>
                    <a:pt x="89" y="16"/>
                    <a:pt x="89" y="16"/>
                  </a:cubicBezTo>
                  <a:cubicBezTo>
                    <a:pt x="93" y="17"/>
                    <a:pt x="93" y="16"/>
                    <a:pt x="95" y="16"/>
                  </a:cubicBezTo>
                  <a:cubicBezTo>
                    <a:pt x="98" y="17"/>
                    <a:pt x="97" y="16"/>
                    <a:pt x="100" y="16"/>
                  </a:cubicBezTo>
                  <a:cubicBezTo>
                    <a:pt x="104" y="19"/>
                    <a:pt x="100" y="17"/>
                    <a:pt x="101" y="20"/>
                  </a:cubicBezTo>
                  <a:cubicBezTo>
                    <a:pt x="103" y="23"/>
                    <a:pt x="93" y="25"/>
                    <a:pt x="93" y="28"/>
                  </a:cubicBezTo>
                  <a:cubicBezTo>
                    <a:pt x="92" y="30"/>
                    <a:pt x="83" y="30"/>
                    <a:pt x="81" y="33"/>
                  </a:cubicBezTo>
                  <a:cubicBezTo>
                    <a:pt x="81" y="36"/>
                    <a:pt x="86" y="34"/>
                    <a:pt x="81" y="37"/>
                  </a:cubicBezTo>
                  <a:cubicBezTo>
                    <a:pt x="78" y="37"/>
                    <a:pt x="72" y="47"/>
                    <a:pt x="74" y="52"/>
                  </a:cubicBezTo>
                  <a:cubicBezTo>
                    <a:pt x="74" y="56"/>
                    <a:pt x="77" y="56"/>
                    <a:pt x="77" y="58"/>
                  </a:cubicBezTo>
                  <a:cubicBezTo>
                    <a:pt x="77" y="58"/>
                    <a:pt x="68" y="62"/>
                    <a:pt x="69" y="69"/>
                  </a:cubicBezTo>
                  <a:cubicBezTo>
                    <a:pt x="69" y="70"/>
                    <a:pt x="69" y="70"/>
                    <a:pt x="66" y="70"/>
                  </a:cubicBezTo>
                  <a:cubicBezTo>
                    <a:pt x="60" y="70"/>
                    <a:pt x="60" y="81"/>
                    <a:pt x="57" y="78"/>
                  </a:cubicBezTo>
                  <a:cubicBezTo>
                    <a:pt x="55" y="77"/>
                    <a:pt x="51" y="81"/>
                    <a:pt x="46" y="80"/>
                  </a:cubicBezTo>
                  <a:cubicBezTo>
                    <a:pt x="43" y="78"/>
                    <a:pt x="40" y="80"/>
                    <a:pt x="40" y="81"/>
                  </a:cubicBezTo>
                  <a:cubicBezTo>
                    <a:pt x="38" y="83"/>
                    <a:pt x="35" y="81"/>
                    <a:pt x="34" y="83"/>
                  </a:cubicBezTo>
                  <a:cubicBezTo>
                    <a:pt x="32" y="86"/>
                    <a:pt x="32" y="86"/>
                    <a:pt x="31" y="86"/>
                  </a:cubicBezTo>
                  <a:cubicBezTo>
                    <a:pt x="31" y="88"/>
                    <a:pt x="31" y="88"/>
                    <a:pt x="28" y="86"/>
                  </a:cubicBezTo>
                  <a:cubicBezTo>
                    <a:pt x="25" y="83"/>
                    <a:pt x="23" y="81"/>
                    <a:pt x="23" y="78"/>
                  </a:cubicBezTo>
                  <a:cubicBezTo>
                    <a:pt x="23" y="77"/>
                    <a:pt x="20" y="72"/>
                    <a:pt x="16" y="73"/>
                  </a:cubicBezTo>
                  <a:cubicBezTo>
                    <a:pt x="16" y="72"/>
                    <a:pt x="16" y="67"/>
                    <a:pt x="19" y="66"/>
                  </a:cubicBezTo>
                  <a:cubicBezTo>
                    <a:pt x="22" y="62"/>
                    <a:pt x="20" y="62"/>
                    <a:pt x="19" y="62"/>
                  </a:cubicBezTo>
                  <a:cubicBezTo>
                    <a:pt x="17" y="62"/>
                    <a:pt x="16" y="61"/>
                    <a:pt x="19" y="56"/>
                  </a:cubicBezTo>
                  <a:cubicBezTo>
                    <a:pt x="22" y="52"/>
                    <a:pt x="19" y="55"/>
                    <a:pt x="17" y="52"/>
                  </a:cubicBezTo>
                  <a:cubicBezTo>
                    <a:pt x="17" y="47"/>
                    <a:pt x="14" y="47"/>
                    <a:pt x="17" y="47"/>
                  </a:cubicBezTo>
                  <a:cubicBezTo>
                    <a:pt x="20" y="47"/>
                    <a:pt x="20" y="45"/>
                    <a:pt x="20" y="42"/>
                  </a:cubicBezTo>
                  <a:cubicBezTo>
                    <a:pt x="19" y="41"/>
                    <a:pt x="22" y="41"/>
                    <a:pt x="20" y="33"/>
                  </a:cubicBezTo>
                  <a:cubicBezTo>
                    <a:pt x="20" y="31"/>
                    <a:pt x="29" y="25"/>
                    <a:pt x="25" y="25"/>
                  </a:cubicBezTo>
                  <a:cubicBezTo>
                    <a:pt x="22" y="23"/>
                    <a:pt x="25" y="22"/>
                    <a:pt x="20" y="20"/>
                  </a:cubicBezTo>
                  <a:cubicBezTo>
                    <a:pt x="16" y="20"/>
                    <a:pt x="19" y="23"/>
                    <a:pt x="14" y="22"/>
                  </a:cubicBezTo>
                  <a:cubicBezTo>
                    <a:pt x="11" y="20"/>
                    <a:pt x="11" y="23"/>
                    <a:pt x="10" y="22"/>
                  </a:cubicBezTo>
                  <a:cubicBezTo>
                    <a:pt x="8" y="22"/>
                    <a:pt x="13" y="20"/>
                    <a:pt x="11" y="19"/>
                  </a:cubicBezTo>
                  <a:cubicBezTo>
                    <a:pt x="10" y="19"/>
                    <a:pt x="10" y="19"/>
                    <a:pt x="5" y="22"/>
                  </a:cubicBezTo>
                  <a:cubicBezTo>
                    <a:pt x="3" y="20"/>
                    <a:pt x="5" y="17"/>
                    <a:pt x="3" y="16"/>
                  </a:cubicBezTo>
                  <a:close/>
                  <a:moveTo>
                    <a:pt x="97" y="48"/>
                  </a:moveTo>
                  <a:cubicBezTo>
                    <a:pt x="98" y="48"/>
                    <a:pt x="97" y="50"/>
                    <a:pt x="98" y="52"/>
                  </a:cubicBezTo>
                  <a:cubicBezTo>
                    <a:pt x="101" y="52"/>
                    <a:pt x="101" y="48"/>
                    <a:pt x="103" y="47"/>
                  </a:cubicBezTo>
                  <a:cubicBezTo>
                    <a:pt x="104" y="44"/>
                    <a:pt x="101" y="47"/>
                    <a:pt x="101" y="45"/>
                  </a:cubicBezTo>
                  <a:cubicBezTo>
                    <a:pt x="100" y="42"/>
                    <a:pt x="93" y="47"/>
                    <a:pt x="95" y="48"/>
                  </a:cubicBezTo>
                  <a:cubicBezTo>
                    <a:pt x="95" y="48"/>
                    <a:pt x="93" y="48"/>
                    <a:pt x="97" y="48"/>
                  </a:cubicBezTo>
                  <a:close/>
                  <a:moveTo>
                    <a:pt x="109" y="44"/>
                  </a:moveTo>
                  <a:cubicBezTo>
                    <a:pt x="109" y="45"/>
                    <a:pt x="110" y="45"/>
                    <a:pt x="109" y="44"/>
                  </a:cubicBezTo>
                  <a:cubicBezTo>
                    <a:pt x="109" y="42"/>
                    <a:pt x="106" y="42"/>
                    <a:pt x="106" y="44"/>
                  </a:cubicBezTo>
                  <a:cubicBezTo>
                    <a:pt x="106" y="44"/>
                    <a:pt x="107" y="44"/>
                    <a:pt x="109" y="44"/>
                  </a:cubicBezTo>
                  <a:close/>
                  <a:moveTo>
                    <a:pt x="87" y="53"/>
                  </a:moveTo>
                  <a:cubicBezTo>
                    <a:pt x="89" y="55"/>
                    <a:pt x="86" y="56"/>
                    <a:pt x="84" y="56"/>
                  </a:cubicBezTo>
                  <a:cubicBezTo>
                    <a:pt x="84" y="55"/>
                    <a:pt x="86" y="52"/>
                    <a:pt x="87" y="53"/>
                  </a:cubicBezTo>
                  <a:close/>
                </a:path>
              </a:pathLst>
            </a:custGeom>
            <a:solidFill>
              <a:schemeClr val="tx2"/>
            </a:solidFill>
            <a:ln w="6350" cmpd="sng">
              <a:solidFill>
                <a:schemeClr val="bg1"/>
              </a:solidFill>
              <a:round/>
              <a:headEnd/>
              <a:tailEnd/>
            </a:ln>
          </p:spPr>
          <p:txBody>
            <a:bodyPr/>
            <a:lstStyle/>
            <a:p>
              <a:endParaRPr lang="en-GB" sz="1633" dirty="0"/>
            </a:p>
          </p:txBody>
        </p:sp>
        <p:sp>
          <p:nvSpPr>
            <p:cNvPr id="254" name="Freeform 210"/>
            <p:cNvSpPr>
              <a:spLocks noEditPoints="1"/>
            </p:cNvSpPr>
            <p:nvPr/>
          </p:nvSpPr>
          <p:spPr bwMode="auto">
            <a:xfrm>
              <a:off x="8419548" y="4559073"/>
              <a:ext cx="241017" cy="457924"/>
            </a:xfrm>
            <a:custGeom>
              <a:avLst/>
              <a:gdLst/>
              <a:ahLst/>
              <a:cxnLst>
                <a:cxn ang="0">
                  <a:pos x="38" y="38"/>
                </a:cxn>
                <a:cxn ang="0">
                  <a:pos x="56" y="52"/>
                </a:cxn>
                <a:cxn ang="0">
                  <a:pos x="59" y="78"/>
                </a:cxn>
                <a:cxn ang="0">
                  <a:pos x="62" y="84"/>
                </a:cxn>
                <a:cxn ang="0">
                  <a:pos x="64" y="81"/>
                </a:cxn>
                <a:cxn ang="0">
                  <a:pos x="58" y="72"/>
                </a:cxn>
                <a:cxn ang="0">
                  <a:pos x="48" y="95"/>
                </a:cxn>
                <a:cxn ang="0">
                  <a:pos x="47" y="78"/>
                </a:cxn>
                <a:cxn ang="0">
                  <a:pos x="42" y="91"/>
                </a:cxn>
                <a:cxn ang="0">
                  <a:pos x="45" y="80"/>
                </a:cxn>
                <a:cxn ang="0">
                  <a:pos x="53" y="66"/>
                </a:cxn>
                <a:cxn ang="0">
                  <a:pos x="50" y="66"/>
                </a:cxn>
                <a:cxn ang="0">
                  <a:pos x="68" y="80"/>
                </a:cxn>
                <a:cxn ang="0">
                  <a:pos x="53" y="77"/>
                </a:cxn>
                <a:cxn ang="0">
                  <a:pos x="55" y="81"/>
                </a:cxn>
                <a:cxn ang="0">
                  <a:pos x="50" y="87"/>
                </a:cxn>
                <a:cxn ang="0">
                  <a:pos x="59" y="89"/>
                </a:cxn>
                <a:cxn ang="0">
                  <a:pos x="55" y="87"/>
                </a:cxn>
                <a:cxn ang="0">
                  <a:pos x="41" y="114"/>
                </a:cxn>
                <a:cxn ang="0">
                  <a:pos x="47" y="111"/>
                </a:cxn>
                <a:cxn ang="0">
                  <a:pos x="53" y="109"/>
                </a:cxn>
                <a:cxn ang="0">
                  <a:pos x="56" y="123"/>
                </a:cxn>
                <a:cxn ang="0">
                  <a:pos x="67" y="130"/>
                </a:cxn>
                <a:cxn ang="0">
                  <a:pos x="68" y="114"/>
                </a:cxn>
                <a:cxn ang="0">
                  <a:pos x="71" y="119"/>
                </a:cxn>
                <a:cxn ang="0">
                  <a:pos x="74" y="109"/>
                </a:cxn>
                <a:cxn ang="0">
                  <a:pos x="73" y="97"/>
                </a:cxn>
                <a:cxn ang="0">
                  <a:pos x="67" y="94"/>
                </a:cxn>
                <a:cxn ang="0">
                  <a:pos x="58" y="103"/>
                </a:cxn>
                <a:cxn ang="0">
                  <a:pos x="50" y="100"/>
                </a:cxn>
                <a:cxn ang="0">
                  <a:pos x="42" y="106"/>
                </a:cxn>
                <a:cxn ang="0">
                  <a:pos x="41" y="122"/>
                </a:cxn>
                <a:cxn ang="0">
                  <a:pos x="33" y="126"/>
                </a:cxn>
                <a:cxn ang="0">
                  <a:pos x="52" y="97"/>
                </a:cxn>
                <a:cxn ang="0">
                  <a:pos x="61" y="97"/>
                </a:cxn>
                <a:cxn ang="0">
                  <a:pos x="39" y="61"/>
                </a:cxn>
                <a:cxn ang="0">
                  <a:pos x="38" y="53"/>
                </a:cxn>
                <a:cxn ang="0">
                  <a:pos x="42" y="63"/>
                </a:cxn>
                <a:cxn ang="0">
                  <a:pos x="50" y="61"/>
                </a:cxn>
                <a:cxn ang="0">
                  <a:pos x="52" y="61"/>
                </a:cxn>
                <a:cxn ang="0">
                  <a:pos x="23" y="81"/>
                </a:cxn>
                <a:cxn ang="0">
                  <a:pos x="67" y="73"/>
                </a:cxn>
                <a:cxn ang="0">
                  <a:pos x="59" y="67"/>
                </a:cxn>
                <a:cxn ang="0">
                  <a:pos x="68" y="77"/>
                </a:cxn>
                <a:cxn ang="0">
                  <a:pos x="70" y="87"/>
                </a:cxn>
                <a:cxn ang="0">
                  <a:pos x="47" y="77"/>
                </a:cxn>
                <a:cxn ang="0">
                  <a:pos x="39" y="70"/>
                </a:cxn>
                <a:cxn ang="0">
                  <a:pos x="35" y="63"/>
                </a:cxn>
                <a:cxn ang="0">
                  <a:pos x="27" y="56"/>
                </a:cxn>
                <a:cxn ang="0">
                  <a:pos x="11" y="94"/>
                </a:cxn>
                <a:cxn ang="0">
                  <a:pos x="20" y="73"/>
                </a:cxn>
                <a:cxn ang="0">
                  <a:pos x="7" y="94"/>
                </a:cxn>
                <a:cxn ang="0">
                  <a:pos x="53" y="56"/>
                </a:cxn>
                <a:cxn ang="0">
                  <a:pos x="47" y="50"/>
                </a:cxn>
                <a:cxn ang="0">
                  <a:pos x="36" y="41"/>
                </a:cxn>
                <a:cxn ang="0">
                  <a:pos x="42" y="19"/>
                </a:cxn>
                <a:cxn ang="0">
                  <a:pos x="26" y="8"/>
                </a:cxn>
                <a:cxn ang="0">
                  <a:pos x="21" y="28"/>
                </a:cxn>
                <a:cxn ang="0">
                  <a:pos x="29" y="41"/>
                </a:cxn>
                <a:cxn ang="0">
                  <a:pos x="35" y="49"/>
                </a:cxn>
                <a:cxn ang="0">
                  <a:pos x="45" y="52"/>
                </a:cxn>
                <a:cxn ang="0">
                  <a:pos x="56" y="59"/>
                </a:cxn>
                <a:cxn ang="0">
                  <a:pos x="77" y="142"/>
                </a:cxn>
              </a:cxnLst>
              <a:rect l="0" t="0" r="r" b="b"/>
              <a:pathLst>
                <a:path w="77" h="147">
                  <a:moveTo>
                    <a:pt x="38" y="38"/>
                  </a:moveTo>
                  <a:cubicBezTo>
                    <a:pt x="38" y="36"/>
                    <a:pt x="38" y="38"/>
                    <a:pt x="39" y="39"/>
                  </a:cubicBezTo>
                  <a:cubicBezTo>
                    <a:pt x="39" y="41"/>
                    <a:pt x="38" y="42"/>
                    <a:pt x="38" y="41"/>
                  </a:cubicBezTo>
                  <a:cubicBezTo>
                    <a:pt x="38" y="38"/>
                    <a:pt x="36" y="38"/>
                    <a:pt x="38" y="38"/>
                  </a:cubicBezTo>
                  <a:close/>
                  <a:moveTo>
                    <a:pt x="58" y="50"/>
                  </a:moveTo>
                  <a:cubicBezTo>
                    <a:pt x="58" y="49"/>
                    <a:pt x="58" y="49"/>
                    <a:pt x="58" y="49"/>
                  </a:cubicBezTo>
                  <a:cubicBezTo>
                    <a:pt x="56" y="47"/>
                    <a:pt x="55" y="45"/>
                    <a:pt x="56" y="49"/>
                  </a:cubicBezTo>
                  <a:cubicBezTo>
                    <a:pt x="56" y="52"/>
                    <a:pt x="55" y="50"/>
                    <a:pt x="56" y="52"/>
                  </a:cubicBezTo>
                  <a:cubicBezTo>
                    <a:pt x="56" y="53"/>
                    <a:pt x="58" y="52"/>
                    <a:pt x="58" y="50"/>
                  </a:cubicBezTo>
                  <a:close/>
                  <a:moveTo>
                    <a:pt x="58" y="75"/>
                  </a:moveTo>
                  <a:cubicBezTo>
                    <a:pt x="58" y="77"/>
                    <a:pt x="59" y="77"/>
                    <a:pt x="58" y="78"/>
                  </a:cubicBezTo>
                  <a:cubicBezTo>
                    <a:pt x="56" y="78"/>
                    <a:pt x="59" y="80"/>
                    <a:pt x="59" y="78"/>
                  </a:cubicBezTo>
                  <a:cubicBezTo>
                    <a:pt x="59" y="77"/>
                    <a:pt x="62" y="80"/>
                    <a:pt x="61" y="81"/>
                  </a:cubicBezTo>
                  <a:cubicBezTo>
                    <a:pt x="59" y="83"/>
                    <a:pt x="61" y="83"/>
                    <a:pt x="61" y="84"/>
                  </a:cubicBezTo>
                  <a:cubicBezTo>
                    <a:pt x="61" y="86"/>
                    <a:pt x="61" y="86"/>
                    <a:pt x="62" y="86"/>
                  </a:cubicBezTo>
                  <a:cubicBezTo>
                    <a:pt x="64" y="87"/>
                    <a:pt x="62" y="84"/>
                    <a:pt x="62" y="84"/>
                  </a:cubicBezTo>
                  <a:cubicBezTo>
                    <a:pt x="64" y="84"/>
                    <a:pt x="64" y="86"/>
                    <a:pt x="64" y="87"/>
                  </a:cubicBezTo>
                  <a:cubicBezTo>
                    <a:pt x="65" y="89"/>
                    <a:pt x="65" y="87"/>
                    <a:pt x="64" y="86"/>
                  </a:cubicBezTo>
                  <a:cubicBezTo>
                    <a:pt x="64" y="84"/>
                    <a:pt x="67" y="84"/>
                    <a:pt x="65" y="83"/>
                  </a:cubicBezTo>
                  <a:cubicBezTo>
                    <a:pt x="64" y="83"/>
                    <a:pt x="65" y="81"/>
                    <a:pt x="64" y="81"/>
                  </a:cubicBezTo>
                  <a:cubicBezTo>
                    <a:pt x="62" y="80"/>
                    <a:pt x="64" y="75"/>
                    <a:pt x="62" y="75"/>
                  </a:cubicBezTo>
                  <a:cubicBezTo>
                    <a:pt x="62" y="75"/>
                    <a:pt x="64" y="73"/>
                    <a:pt x="62" y="73"/>
                  </a:cubicBezTo>
                  <a:cubicBezTo>
                    <a:pt x="61" y="73"/>
                    <a:pt x="61" y="75"/>
                    <a:pt x="59" y="73"/>
                  </a:cubicBezTo>
                  <a:cubicBezTo>
                    <a:pt x="58" y="72"/>
                    <a:pt x="58" y="72"/>
                    <a:pt x="58" y="72"/>
                  </a:cubicBezTo>
                  <a:cubicBezTo>
                    <a:pt x="56" y="73"/>
                    <a:pt x="58" y="75"/>
                    <a:pt x="58" y="75"/>
                  </a:cubicBezTo>
                  <a:close/>
                  <a:moveTo>
                    <a:pt x="42" y="91"/>
                  </a:moveTo>
                  <a:cubicBezTo>
                    <a:pt x="44" y="94"/>
                    <a:pt x="45" y="92"/>
                    <a:pt x="45" y="95"/>
                  </a:cubicBezTo>
                  <a:cubicBezTo>
                    <a:pt x="47" y="98"/>
                    <a:pt x="48" y="97"/>
                    <a:pt x="48" y="95"/>
                  </a:cubicBezTo>
                  <a:cubicBezTo>
                    <a:pt x="50" y="94"/>
                    <a:pt x="47" y="91"/>
                    <a:pt x="48" y="87"/>
                  </a:cubicBezTo>
                  <a:cubicBezTo>
                    <a:pt x="50" y="86"/>
                    <a:pt x="48" y="86"/>
                    <a:pt x="50" y="83"/>
                  </a:cubicBezTo>
                  <a:cubicBezTo>
                    <a:pt x="52" y="81"/>
                    <a:pt x="52" y="78"/>
                    <a:pt x="50" y="78"/>
                  </a:cubicBezTo>
                  <a:cubicBezTo>
                    <a:pt x="48" y="78"/>
                    <a:pt x="48" y="77"/>
                    <a:pt x="47" y="78"/>
                  </a:cubicBezTo>
                  <a:cubicBezTo>
                    <a:pt x="45" y="80"/>
                    <a:pt x="47" y="81"/>
                    <a:pt x="45" y="81"/>
                  </a:cubicBezTo>
                  <a:cubicBezTo>
                    <a:pt x="44" y="83"/>
                    <a:pt x="47" y="86"/>
                    <a:pt x="45" y="87"/>
                  </a:cubicBezTo>
                  <a:cubicBezTo>
                    <a:pt x="42" y="89"/>
                    <a:pt x="42" y="86"/>
                    <a:pt x="42" y="89"/>
                  </a:cubicBezTo>
                  <a:cubicBezTo>
                    <a:pt x="42" y="91"/>
                    <a:pt x="42" y="91"/>
                    <a:pt x="42" y="91"/>
                  </a:cubicBezTo>
                  <a:close/>
                  <a:moveTo>
                    <a:pt x="45" y="80"/>
                  </a:moveTo>
                  <a:cubicBezTo>
                    <a:pt x="44" y="80"/>
                    <a:pt x="42" y="81"/>
                    <a:pt x="44" y="81"/>
                  </a:cubicBezTo>
                  <a:cubicBezTo>
                    <a:pt x="44" y="83"/>
                    <a:pt x="42" y="83"/>
                    <a:pt x="44" y="83"/>
                  </a:cubicBezTo>
                  <a:cubicBezTo>
                    <a:pt x="44" y="84"/>
                    <a:pt x="45" y="81"/>
                    <a:pt x="45" y="80"/>
                  </a:cubicBezTo>
                  <a:close/>
                  <a:moveTo>
                    <a:pt x="50" y="66"/>
                  </a:moveTo>
                  <a:cubicBezTo>
                    <a:pt x="52" y="64"/>
                    <a:pt x="52" y="69"/>
                    <a:pt x="53" y="69"/>
                  </a:cubicBezTo>
                  <a:cubicBezTo>
                    <a:pt x="55" y="69"/>
                    <a:pt x="56" y="72"/>
                    <a:pt x="56" y="70"/>
                  </a:cubicBezTo>
                  <a:cubicBezTo>
                    <a:pt x="55" y="67"/>
                    <a:pt x="55" y="66"/>
                    <a:pt x="53" y="66"/>
                  </a:cubicBezTo>
                  <a:cubicBezTo>
                    <a:pt x="52" y="64"/>
                    <a:pt x="52" y="63"/>
                    <a:pt x="50" y="63"/>
                  </a:cubicBezTo>
                  <a:cubicBezTo>
                    <a:pt x="50" y="63"/>
                    <a:pt x="48" y="61"/>
                    <a:pt x="48" y="63"/>
                  </a:cubicBezTo>
                  <a:cubicBezTo>
                    <a:pt x="48" y="64"/>
                    <a:pt x="48" y="66"/>
                    <a:pt x="48" y="69"/>
                  </a:cubicBezTo>
                  <a:cubicBezTo>
                    <a:pt x="47" y="69"/>
                    <a:pt x="50" y="67"/>
                    <a:pt x="50" y="66"/>
                  </a:cubicBezTo>
                  <a:close/>
                  <a:moveTo>
                    <a:pt x="59" y="70"/>
                  </a:moveTo>
                  <a:cubicBezTo>
                    <a:pt x="59" y="70"/>
                    <a:pt x="61" y="73"/>
                    <a:pt x="59" y="72"/>
                  </a:cubicBezTo>
                  <a:cubicBezTo>
                    <a:pt x="58" y="72"/>
                    <a:pt x="58" y="70"/>
                    <a:pt x="59" y="70"/>
                  </a:cubicBezTo>
                  <a:close/>
                  <a:moveTo>
                    <a:pt x="68" y="80"/>
                  </a:moveTo>
                  <a:cubicBezTo>
                    <a:pt x="68" y="80"/>
                    <a:pt x="70" y="80"/>
                    <a:pt x="68" y="80"/>
                  </a:cubicBezTo>
                  <a:cubicBezTo>
                    <a:pt x="68" y="81"/>
                    <a:pt x="68" y="80"/>
                    <a:pt x="68" y="80"/>
                  </a:cubicBezTo>
                  <a:close/>
                  <a:moveTo>
                    <a:pt x="53" y="75"/>
                  </a:moveTo>
                  <a:cubicBezTo>
                    <a:pt x="53" y="73"/>
                    <a:pt x="53" y="77"/>
                    <a:pt x="53" y="77"/>
                  </a:cubicBezTo>
                  <a:cubicBezTo>
                    <a:pt x="53" y="77"/>
                    <a:pt x="52" y="75"/>
                    <a:pt x="53" y="75"/>
                  </a:cubicBezTo>
                  <a:close/>
                  <a:moveTo>
                    <a:pt x="52" y="91"/>
                  </a:moveTo>
                  <a:cubicBezTo>
                    <a:pt x="52" y="87"/>
                    <a:pt x="52" y="89"/>
                    <a:pt x="52" y="87"/>
                  </a:cubicBezTo>
                  <a:cubicBezTo>
                    <a:pt x="52" y="84"/>
                    <a:pt x="56" y="84"/>
                    <a:pt x="55" y="81"/>
                  </a:cubicBezTo>
                  <a:cubicBezTo>
                    <a:pt x="55" y="80"/>
                    <a:pt x="56" y="80"/>
                    <a:pt x="56" y="78"/>
                  </a:cubicBezTo>
                  <a:cubicBezTo>
                    <a:pt x="55" y="77"/>
                    <a:pt x="56" y="72"/>
                    <a:pt x="55" y="77"/>
                  </a:cubicBezTo>
                  <a:cubicBezTo>
                    <a:pt x="53" y="80"/>
                    <a:pt x="53" y="78"/>
                    <a:pt x="53" y="81"/>
                  </a:cubicBezTo>
                  <a:cubicBezTo>
                    <a:pt x="52" y="84"/>
                    <a:pt x="50" y="86"/>
                    <a:pt x="50" y="87"/>
                  </a:cubicBezTo>
                  <a:cubicBezTo>
                    <a:pt x="50" y="89"/>
                    <a:pt x="50" y="89"/>
                    <a:pt x="50" y="92"/>
                  </a:cubicBezTo>
                  <a:cubicBezTo>
                    <a:pt x="50" y="94"/>
                    <a:pt x="50" y="92"/>
                    <a:pt x="52" y="91"/>
                  </a:cubicBezTo>
                  <a:close/>
                  <a:moveTo>
                    <a:pt x="58" y="91"/>
                  </a:moveTo>
                  <a:cubicBezTo>
                    <a:pt x="59" y="89"/>
                    <a:pt x="59" y="91"/>
                    <a:pt x="59" y="89"/>
                  </a:cubicBezTo>
                  <a:cubicBezTo>
                    <a:pt x="59" y="87"/>
                    <a:pt x="61" y="86"/>
                    <a:pt x="59" y="86"/>
                  </a:cubicBezTo>
                  <a:cubicBezTo>
                    <a:pt x="59" y="86"/>
                    <a:pt x="59" y="87"/>
                    <a:pt x="58" y="86"/>
                  </a:cubicBezTo>
                  <a:cubicBezTo>
                    <a:pt x="58" y="86"/>
                    <a:pt x="56" y="84"/>
                    <a:pt x="56" y="86"/>
                  </a:cubicBezTo>
                  <a:cubicBezTo>
                    <a:pt x="55" y="87"/>
                    <a:pt x="55" y="87"/>
                    <a:pt x="55" y="87"/>
                  </a:cubicBezTo>
                  <a:cubicBezTo>
                    <a:pt x="53" y="87"/>
                    <a:pt x="53" y="89"/>
                    <a:pt x="53" y="91"/>
                  </a:cubicBezTo>
                  <a:cubicBezTo>
                    <a:pt x="55" y="92"/>
                    <a:pt x="58" y="91"/>
                    <a:pt x="58" y="91"/>
                  </a:cubicBezTo>
                  <a:close/>
                  <a:moveTo>
                    <a:pt x="39" y="117"/>
                  </a:moveTo>
                  <a:cubicBezTo>
                    <a:pt x="41" y="119"/>
                    <a:pt x="41" y="116"/>
                    <a:pt x="41" y="114"/>
                  </a:cubicBezTo>
                  <a:cubicBezTo>
                    <a:pt x="42" y="112"/>
                    <a:pt x="41" y="112"/>
                    <a:pt x="42" y="112"/>
                  </a:cubicBezTo>
                  <a:cubicBezTo>
                    <a:pt x="44" y="111"/>
                    <a:pt x="42" y="111"/>
                    <a:pt x="44" y="109"/>
                  </a:cubicBezTo>
                  <a:cubicBezTo>
                    <a:pt x="45" y="108"/>
                    <a:pt x="45" y="109"/>
                    <a:pt x="45" y="111"/>
                  </a:cubicBezTo>
                  <a:cubicBezTo>
                    <a:pt x="44" y="112"/>
                    <a:pt x="47" y="112"/>
                    <a:pt x="47" y="111"/>
                  </a:cubicBezTo>
                  <a:cubicBezTo>
                    <a:pt x="48" y="108"/>
                    <a:pt x="47" y="112"/>
                    <a:pt x="48" y="112"/>
                  </a:cubicBezTo>
                  <a:cubicBezTo>
                    <a:pt x="50" y="112"/>
                    <a:pt x="52" y="114"/>
                    <a:pt x="50" y="112"/>
                  </a:cubicBezTo>
                  <a:cubicBezTo>
                    <a:pt x="50" y="111"/>
                    <a:pt x="52" y="109"/>
                    <a:pt x="50" y="109"/>
                  </a:cubicBezTo>
                  <a:cubicBezTo>
                    <a:pt x="50" y="109"/>
                    <a:pt x="52" y="108"/>
                    <a:pt x="53" y="109"/>
                  </a:cubicBezTo>
                  <a:cubicBezTo>
                    <a:pt x="53" y="111"/>
                    <a:pt x="55" y="109"/>
                    <a:pt x="56" y="111"/>
                  </a:cubicBezTo>
                  <a:cubicBezTo>
                    <a:pt x="56" y="114"/>
                    <a:pt x="56" y="112"/>
                    <a:pt x="56" y="114"/>
                  </a:cubicBezTo>
                  <a:cubicBezTo>
                    <a:pt x="56" y="114"/>
                    <a:pt x="53" y="116"/>
                    <a:pt x="55" y="119"/>
                  </a:cubicBezTo>
                  <a:cubicBezTo>
                    <a:pt x="55" y="120"/>
                    <a:pt x="55" y="123"/>
                    <a:pt x="56" y="123"/>
                  </a:cubicBezTo>
                  <a:cubicBezTo>
                    <a:pt x="58" y="125"/>
                    <a:pt x="55" y="125"/>
                    <a:pt x="58" y="126"/>
                  </a:cubicBezTo>
                  <a:cubicBezTo>
                    <a:pt x="61" y="128"/>
                    <a:pt x="62" y="130"/>
                    <a:pt x="64" y="126"/>
                  </a:cubicBezTo>
                  <a:cubicBezTo>
                    <a:pt x="64" y="125"/>
                    <a:pt x="65" y="125"/>
                    <a:pt x="65" y="126"/>
                  </a:cubicBezTo>
                  <a:cubicBezTo>
                    <a:pt x="64" y="128"/>
                    <a:pt x="65" y="133"/>
                    <a:pt x="67" y="130"/>
                  </a:cubicBezTo>
                  <a:cubicBezTo>
                    <a:pt x="68" y="128"/>
                    <a:pt x="68" y="125"/>
                    <a:pt x="68" y="123"/>
                  </a:cubicBezTo>
                  <a:cubicBezTo>
                    <a:pt x="67" y="122"/>
                    <a:pt x="67" y="120"/>
                    <a:pt x="67" y="120"/>
                  </a:cubicBezTo>
                  <a:cubicBezTo>
                    <a:pt x="65" y="120"/>
                    <a:pt x="65" y="117"/>
                    <a:pt x="67" y="117"/>
                  </a:cubicBezTo>
                  <a:cubicBezTo>
                    <a:pt x="68" y="116"/>
                    <a:pt x="67" y="114"/>
                    <a:pt x="68" y="114"/>
                  </a:cubicBezTo>
                  <a:cubicBezTo>
                    <a:pt x="70" y="112"/>
                    <a:pt x="68" y="114"/>
                    <a:pt x="70" y="116"/>
                  </a:cubicBezTo>
                  <a:cubicBezTo>
                    <a:pt x="70" y="117"/>
                    <a:pt x="70" y="117"/>
                    <a:pt x="71" y="119"/>
                  </a:cubicBezTo>
                  <a:cubicBezTo>
                    <a:pt x="71" y="120"/>
                    <a:pt x="70" y="119"/>
                    <a:pt x="71" y="123"/>
                  </a:cubicBezTo>
                  <a:cubicBezTo>
                    <a:pt x="73" y="125"/>
                    <a:pt x="73" y="122"/>
                    <a:pt x="71" y="119"/>
                  </a:cubicBezTo>
                  <a:cubicBezTo>
                    <a:pt x="71" y="116"/>
                    <a:pt x="74" y="120"/>
                    <a:pt x="73" y="117"/>
                  </a:cubicBezTo>
                  <a:cubicBezTo>
                    <a:pt x="73" y="116"/>
                    <a:pt x="74" y="119"/>
                    <a:pt x="74" y="116"/>
                  </a:cubicBezTo>
                  <a:cubicBezTo>
                    <a:pt x="76" y="114"/>
                    <a:pt x="76" y="112"/>
                    <a:pt x="74" y="111"/>
                  </a:cubicBezTo>
                  <a:cubicBezTo>
                    <a:pt x="74" y="109"/>
                    <a:pt x="74" y="109"/>
                    <a:pt x="74" y="109"/>
                  </a:cubicBezTo>
                  <a:cubicBezTo>
                    <a:pt x="73" y="108"/>
                    <a:pt x="74" y="105"/>
                    <a:pt x="74" y="105"/>
                  </a:cubicBezTo>
                  <a:cubicBezTo>
                    <a:pt x="73" y="103"/>
                    <a:pt x="74" y="101"/>
                    <a:pt x="73" y="101"/>
                  </a:cubicBezTo>
                  <a:cubicBezTo>
                    <a:pt x="71" y="101"/>
                    <a:pt x="71" y="101"/>
                    <a:pt x="71" y="100"/>
                  </a:cubicBezTo>
                  <a:cubicBezTo>
                    <a:pt x="73" y="100"/>
                    <a:pt x="74" y="98"/>
                    <a:pt x="73" y="97"/>
                  </a:cubicBezTo>
                  <a:cubicBezTo>
                    <a:pt x="71" y="95"/>
                    <a:pt x="73" y="94"/>
                    <a:pt x="71" y="94"/>
                  </a:cubicBezTo>
                  <a:cubicBezTo>
                    <a:pt x="70" y="95"/>
                    <a:pt x="71" y="92"/>
                    <a:pt x="68" y="92"/>
                  </a:cubicBezTo>
                  <a:cubicBezTo>
                    <a:pt x="67" y="91"/>
                    <a:pt x="68" y="91"/>
                    <a:pt x="67" y="89"/>
                  </a:cubicBezTo>
                  <a:cubicBezTo>
                    <a:pt x="65" y="89"/>
                    <a:pt x="65" y="89"/>
                    <a:pt x="67" y="94"/>
                  </a:cubicBezTo>
                  <a:cubicBezTo>
                    <a:pt x="68" y="98"/>
                    <a:pt x="65" y="97"/>
                    <a:pt x="65" y="97"/>
                  </a:cubicBezTo>
                  <a:cubicBezTo>
                    <a:pt x="64" y="95"/>
                    <a:pt x="65" y="100"/>
                    <a:pt x="62" y="98"/>
                  </a:cubicBezTo>
                  <a:cubicBezTo>
                    <a:pt x="61" y="95"/>
                    <a:pt x="61" y="98"/>
                    <a:pt x="61" y="101"/>
                  </a:cubicBezTo>
                  <a:cubicBezTo>
                    <a:pt x="61" y="105"/>
                    <a:pt x="58" y="98"/>
                    <a:pt x="58" y="103"/>
                  </a:cubicBezTo>
                  <a:cubicBezTo>
                    <a:pt x="56" y="106"/>
                    <a:pt x="56" y="105"/>
                    <a:pt x="55" y="106"/>
                  </a:cubicBezTo>
                  <a:cubicBezTo>
                    <a:pt x="52" y="108"/>
                    <a:pt x="55" y="106"/>
                    <a:pt x="53" y="103"/>
                  </a:cubicBezTo>
                  <a:cubicBezTo>
                    <a:pt x="53" y="101"/>
                    <a:pt x="53" y="100"/>
                    <a:pt x="52" y="101"/>
                  </a:cubicBezTo>
                  <a:cubicBezTo>
                    <a:pt x="50" y="101"/>
                    <a:pt x="52" y="100"/>
                    <a:pt x="50" y="100"/>
                  </a:cubicBezTo>
                  <a:cubicBezTo>
                    <a:pt x="50" y="100"/>
                    <a:pt x="50" y="101"/>
                    <a:pt x="48" y="101"/>
                  </a:cubicBezTo>
                  <a:cubicBezTo>
                    <a:pt x="47" y="101"/>
                    <a:pt x="45" y="103"/>
                    <a:pt x="47" y="105"/>
                  </a:cubicBezTo>
                  <a:cubicBezTo>
                    <a:pt x="45" y="106"/>
                    <a:pt x="45" y="106"/>
                    <a:pt x="45" y="106"/>
                  </a:cubicBezTo>
                  <a:cubicBezTo>
                    <a:pt x="44" y="105"/>
                    <a:pt x="44" y="106"/>
                    <a:pt x="42" y="106"/>
                  </a:cubicBezTo>
                  <a:cubicBezTo>
                    <a:pt x="41" y="106"/>
                    <a:pt x="39" y="108"/>
                    <a:pt x="39" y="109"/>
                  </a:cubicBezTo>
                  <a:cubicBezTo>
                    <a:pt x="39" y="111"/>
                    <a:pt x="39" y="112"/>
                    <a:pt x="38" y="114"/>
                  </a:cubicBezTo>
                  <a:cubicBezTo>
                    <a:pt x="38" y="116"/>
                    <a:pt x="38" y="116"/>
                    <a:pt x="39" y="117"/>
                  </a:cubicBezTo>
                  <a:close/>
                  <a:moveTo>
                    <a:pt x="41" y="122"/>
                  </a:moveTo>
                  <a:cubicBezTo>
                    <a:pt x="41" y="122"/>
                    <a:pt x="38" y="123"/>
                    <a:pt x="38" y="122"/>
                  </a:cubicBezTo>
                  <a:cubicBezTo>
                    <a:pt x="38" y="119"/>
                    <a:pt x="41" y="120"/>
                    <a:pt x="41" y="122"/>
                  </a:cubicBezTo>
                  <a:close/>
                  <a:moveTo>
                    <a:pt x="32" y="128"/>
                  </a:moveTo>
                  <a:cubicBezTo>
                    <a:pt x="33" y="128"/>
                    <a:pt x="35" y="126"/>
                    <a:pt x="33" y="126"/>
                  </a:cubicBezTo>
                  <a:cubicBezTo>
                    <a:pt x="33" y="126"/>
                    <a:pt x="32" y="123"/>
                    <a:pt x="30" y="126"/>
                  </a:cubicBezTo>
                  <a:cubicBezTo>
                    <a:pt x="29" y="128"/>
                    <a:pt x="32" y="126"/>
                    <a:pt x="32" y="128"/>
                  </a:cubicBezTo>
                  <a:close/>
                  <a:moveTo>
                    <a:pt x="50" y="95"/>
                  </a:moveTo>
                  <a:cubicBezTo>
                    <a:pt x="52" y="97"/>
                    <a:pt x="52" y="97"/>
                    <a:pt x="52" y="97"/>
                  </a:cubicBezTo>
                  <a:cubicBezTo>
                    <a:pt x="53" y="95"/>
                    <a:pt x="52" y="94"/>
                    <a:pt x="52" y="95"/>
                  </a:cubicBezTo>
                  <a:cubicBezTo>
                    <a:pt x="52" y="95"/>
                    <a:pt x="52" y="95"/>
                    <a:pt x="50" y="95"/>
                  </a:cubicBezTo>
                  <a:close/>
                  <a:moveTo>
                    <a:pt x="59" y="95"/>
                  </a:moveTo>
                  <a:cubicBezTo>
                    <a:pt x="61" y="95"/>
                    <a:pt x="62" y="95"/>
                    <a:pt x="61" y="97"/>
                  </a:cubicBezTo>
                  <a:cubicBezTo>
                    <a:pt x="59" y="95"/>
                    <a:pt x="59" y="95"/>
                    <a:pt x="59" y="95"/>
                  </a:cubicBezTo>
                  <a:close/>
                  <a:moveTo>
                    <a:pt x="38" y="64"/>
                  </a:moveTo>
                  <a:cubicBezTo>
                    <a:pt x="38" y="66"/>
                    <a:pt x="39" y="66"/>
                    <a:pt x="39" y="64"/>
                  </a:cubicBezTo>
                  <a:cubicBezTo>
                    <a:pt x="39" y="61"/>
                    <a:pt x="41" y="61"/>
                    <a:pt x="39" y="61"/>
                  </a:cubicBezTo>
                  <a:cubicBezTo>
                    <a:pt x="38" y="63"/>
                    <a:pt x="39" y="61"/>
                    <a:pt x="38" y="64"/>
                  </a:cubicBezTo>
                  <a:close/>
                  <a:moveTo>
                    <a:pt x="39" y="55"/>
                  </a:moveTo>
                  <a:cubicBezTo>
                    <a:pt x="39" y="55"/>
                    <a:pt x="41" y="53"/>
                    <a:pt x="38" y="52"/>
                  </a:cubicBezTo>
                  <a:cubicBezTo>
                    <a:pt x="38" y="53"/>
                    <a:pt x="38" y="53"/>
                    <a:pt x="38" y="53"/>
                  </a:cubicBezTo>
                  <a:cubicBezTo>
                    <a:pt x="38" y="55"/>
                    <a:pt x="38" y="56"/>
                    <a:pt x="39" y="55"/>
                  </a:cubicBezTo>
                  <a:close/>
                  <a:moveTo>
                    <a:pt x="42" y="64"/>
                  </a:moveTo>
                  <a:cubicBezTo>
                    <a:pt x="44" y="64"/>
                    <a:pt x="44" y="66"/>
                    <a:pt x="44" y="64"/>
                  </a:cubicBezTo>
                  <a:cubicBezTo>
                    <a:pt x="45" y="63"/>
                    <a:pt x="42" y="63"/>
                    <a:pt x="42" y="63"/>
                  </a:cubicBezTo>
                  <a:cubicBezTo>
                    <a:pt x="42" y="64"/>
                    <a:pt x="42" y="64"/>
                    <a:pt x="42" y="64"/>
                  </a:cubicBezTo>
                  <a:close/>
                  <a:moveTo>
                    <a:pt x="47" y="58"/>
                  </a:moveTo>
                  <a:cubicBezTo>
                    <a:pt x="47" y="59"/>
                    <a:pt x="47" y="59"/>
                    <a:pt x="48" y="59"/>
                  </a:cubicBezTo>
                  <a:cubicBezTo>
                    <a:pt x="48" y="59"/>
                    <a:pt x="48" y="59"/>
                    <a:pt x="50" y="61"/>
                  </a:cubicBezTo>
                  <a:cubicBezTo>
                    <a:pt x="48" y="59"/>
                    <a:pt x="48" y="59"/>
                    <a:pt x="48" y="59"/>
                  </a:cubicBezTo>
                  <a:cubicBezTo>
                    <a:pt x="48" y="58"/>
                    <a:pt x="47" y="56"/>
                    <a:pt x="47" y="56"/>
                  </a:cubicBezTo>
                  <a:cubicBezTo>
                    <a:pt x="45" y="56"/>
                    <a:pt x="45" y="58"/>
                    <a:pt x="47" y="58"/>
                  </a:cubicBezTo>
                  <a:close/>
                  <a:moveTo>
                    <a:pt x="52" y="61"/>
                  </a:moveTo>
                  <a:cubicBezTo>
                    <a:pt x="53" y="64"/>
                    <a:pt x="53" y="64"/>
                    <a:pt x="53" y="64"/>
                  </a:cubicBezTo>
                  <a:cubicBezTo>
                    <a:pt x="52" y="61"/>
                    <a:pt x="52" y="61"/>
                    <a:pt x="52" y="61"/>
                  </a:cubicBezTo>
                  <a:close/>
                  <a:moveTo>
                    <a:pt x="21" y="83"/>
                  </a:moveTo>
                  <a:cubicBezTo>
                    <a:pt x="23" y="80"/>
                    <a:pt x="24" y="81"/>
                    <a:pt x="23" y="81"/>
                  </a:cubicBezTo>
                  <a:cubicBezTo>
                    <a:pt x="23" y="83"/>
                    <a:pt x="21" y="84"/>
                    <a:pt x="21" y="83"/>
                  </a:cubicBezTo>
                  <a:close/>
                  <a:moveTo>
                    <a:pt x="68" y="77"/>
                  </a:moveTo>
                  <a:cubicBezTo>
                    <a:pt x="70" y="78"/>
                    <a:pt x="68" y="77"/>
                    <a:pt x="68" y="75"/>
                  </a:cubicBezTo>
                  <a:cubicBezTo>
                    <a:pt x="67" y="75"/>
                    <a:pt x="68" y="73"/>
                    <a:pt x="67" y="73"/>
                  </a:cubicBezTo>
                  <a:cubicBezTo>
                    <a:pt x="65" y="72"/>
                    <a:pt x="67" y="66"/>
                    <a:pt x="65" y="64"/>
                  </a:cubicBezTo>
                  <a:cubicBezTo>
                    <a:pt x="65" y="64"/>
                    <a:pt x="65" y="63"/>
                    <a:pt x="64" y="63"/>
                  </a:cubicBezTo>
                  <a:cubicBezTo>
                    <a:pt x="62" y="61"/>
                    <a:pt x="61" y="63"/>
                    <a:pt x="58" y="63"/>
                  </a:cubicBezTo>
                  <a:cubicBezTo>
                    <a:pt x="56" y="61"/>
                    <a:pt x="58" y="66"/>
                    <a:pt x="59" y="67"/>
                  </a:cubicBezTo>
                  <a:cubicBezTo>
                    <a:pt x="62" y="69"/>
                    <a:pt x="61" y="69"/>
                    <a:pt x="62" y="70"/>
                  </a:cubicBezTo>
                  <a:cubicBezTo>
                    <a:pt x="64" y="70"/>
                    <a:pt x="62" y="70"/>
                    <a:pt x="62" y="72"/>
                  </a:cubicBezTo>
                  <a:cubicBezTo>
                    <a:pt x="61" y="72"/>
                    <a:pt x="64" y="73"/>
                    <a:pt x="64" y="77"/>
                  </a:cubicBezTo>
                  <a:cubicBezTo>
                    <a:pt x="64" y="78"/>
                    <a:pt x="67" y="75"/>
                    <a:pt x="68" y="77"/>
                  </a:cubicBezTo>
                  <a:close/>
                  <a:moveTo>
                    <a:pt x="67" y="87"/>
                  </a:moveTo>
                  <a:cubicBezTo>
                    <a:pt x="65" y="86"/>
                    <a:pt x="68" y="81"/>
                    <a:pt x="68" y="83"/>
                  </a:cubicBezTo>
                  <a:cubicBezTo>
                    <a:pt x="68" y="86"/>
                    <a:pt x="70" y="91"/>
                    <a:pt x="67" y="87"/>
                  </a:cubicBezTo>
                  <a:close/>
                  <a:moveTo>
                    <a:pt x="70" y="87"/>
                  </a:moveTo>
                  <a:cubicBezTo>
                    <a:pt x="71" y="86"/>
                    <a:pt x="71" y="86"/>
                    <a:pt x="71" y="87"/>
                  </a:cubicBezTo>
                  <a:cubicBezTo>
                    <a:pt x="73" y="91"/>
                    <a:pt x="70" y="91"/>
                    <a:pt x="70" y="87"/>
                  </a:cubicBezTo>
                  <a:close/>
                  <a:moveTo>
                    <a:pt x="42" y="81"/>
                  </a:moveTo>
                  <a:cubicBezTo>
                    <a:pt x="44" y="81"/>
                    <a:pt x="45" y="78"/>
                    <a:pt x="47" y="77"/>
                  </a:cubicBezTo>
                  <a:cubicBezTo>
                    <a:pt x="48" y="75"/>
                    <a:pt x="48" y="72"/>
                    <a:pt x="47" y="72"/>
                  </a:cubicBezTo>
                  <a:cubicBezTo>
                    <a:pt x="45" y="73"/>
                    <a:pt x="45" y="70"/>
                    <a:pt x="44" y="72"/>
                  </a:cubicBezTo>
                  <a:cubicBezTo>
                    <a:pt x="44" y="73"/>
                    <a:pt x="41" y="69"/>
                    <a:pt x="39" y="69"/>
                  </a:cubicBezTo>
                  <a:cubicBezTo>
                    <a:pt x="38" y="67"/>
                    <a:pt x="36" y="69"/>
                    <a:pt x="39" y="70"/>
                  </a:cubicBezTo>
                  <a:cubicBezTo>
                    <a:pt x="41" y="72"/>
                    <a:pt x="39" y="73"/>
                    <a:pt x="39" y="77"/>
                  </a:cubicBezTo>
                  <a:cubicBezTo>
                    <a:pt x="39" y="78"/>
                    <a:pt x="38" y="77"/>
                    <a:pt x="38" y="81"/>
                  </a:cubicBezTo>
                  <a:cubicBezTo>
                    <a:pt x="38" y="86"/>
                    <a:pt x="39" y="81"/>
                    <a:pt x="42" y="81"/>
                  </a:cubicBezTo>
                  <a:close/>
                  <a:moveTo>
                    <a:pt x="35" y="63"/>
                  </a:moveTo>
                  <a:cubicBezTo>
                    <a:pt x="36" y="59"/>
                    <a:pt x="35" y="61"/>
                    <a:pt x="35" y="58"/>
                  </a:cubicBezTo>
                  <a:cubicBezTo>
                    <a:pt x="36" y="55"/>
                    <a:pt x="33" y="53"/>
                    <a:pt x="29" y="53"/>
                  </a:cubicBezTo>
                  <a:cubicBezTo>
                    <a:pt x="26" y="52"/>
                    <a:pt x="24" y="53"/>
                    <a:pt x="26" y="53"/>
                  </a:cubicBezTo>
                  <a:cubicBezTo>
                    <a:pt x="27" y="55"/>
                    <a:pt x="27" y="55"/>
                    <a:pt x="27" y="56"/>
                  </a:cubicBezTo>
                  <a:cubicBezTo>
                    <a:pt x="29" y="56"/>
                    <a:pt x="30" y="61"/>
                    <a:pt x="32" y="64"/>
                  </a:cubicBezTo>
                  <a:cubicBezTo>
                    <a:pt x="32" y="67"/>
                    <a:pt x="33" y="66"/>
                    <a:pt x="35" y="63"/>
                  </a:cubicBezTo>
                  <a:close/>
                  <a:moveTo>
                    <a:pt x="4" y="101"/>
                  </a:moveTo>
                  <a:cubicBezTo>
                    <a:pt x="4" y="100"/>
                    <a:pt x="6" y="98"/>
                    <a:pt x="11" y="94"/>
                  </a:cubicBezTo>
                  <a:cubicBezTo>
                    <a:pt x="17" y="89"/>
                    <a:pt x="12" y="89"/>
                    <a:pt x="15" y="87"/>
                  </a:cubicBezTo>
                  <a:cubicBezTo>
                    <a:pt x="18" y="87"/>
                    <a:pt x="17" y="84"/>
                    <a:pt x="18" y="84"/>
                  </a:cubicBezTo>
                  <a:cubicBezTo>
                    <a:pt x="20" y="84"/>
                    <a:pt x="21" y="83"/>
                    <a:pt x="20" y="80"/>
                  </a:cubicBezTo>
                  <a:cubicBezTo>
                    <a:pt x="20" y="78"/>
                    <a:pt x="21" y="73"/>
                    <a:pt x="20" y="73"/>
                  </a:cubicBezTo>
                  <a:cubicBezTo>
                    <a:pt x="18" y="73"/>
                    <a:pt x="18" y="78"/>
                    <a:pt x="17" y="78"/>
                  </a:cubicBezTo>
                  <a:cubicBezTo>
                    <a:pt x="15" y="78"/>
                    <a:pt x="18" y="80"/>
                    <a:pt x="17" y="83"/>
                  </a:cubicBezTo>
                  <a:cubicBezTo>
                    <a:pt x="17" y="84"/>
                    <a:pt x="17" y="81"/>
                    <a:pt x="15" y="84"/>
                  </a:cubicBezTo>
                  <a:cubicBezTo>
                    <a:pt x="14" y="87"/>
                    <a:pt x="9" y="92"/>
                    <a:pt x="7" y="94"/>
                  </a:cubicBezTo>
                  <a:cubicBezTo>
                    <a:pt x="6" y="95"/>
                    <a:pt x="3" y="98"/>
                    <a:pt x="1" y="103"/>
                  </a:cubicBezTo>
                  <a:cubicBezTo>
                    <a:pt x="0" y="105"/>
                    <a:pt x="3" y="103"/>
                    <a:pt x="4" y="101"/>
                  </a:cubicBezTo>
                  <a:close/>
                  <a:moveTo>
                    <a:pt x="56" y="59"/>
                  </a:moveTo>
                  <a:cubicBezTo>
                    <a:pt x="56" y="58"/>
                    <a:pt x="56" y="56"/>
                    <a:pt x="53" y="56"/>
                  </a:cubicBezTo>
                  <a:cubicBezTo>
                    <a:pt x="50" y="56"/>
                    <a:pt x="55" y="56"/>
                    <a:pt x="52" y="53"/>
                  </a:cubicBezTo>
                  <a:cubicBezTo>
                    <a:pt x="48" y="50"/>
                    <a:pt x="53" y="52"/>
                    <a:pt x="55" y="52"/>
                  </a:cubicBezTo>
                  <a:cubicBezTo>
                    <a:pt x="55" y="50"/>
                    <a:pt x="53" y="50"/>
                    <a:pt x="50" y="49"/>
                  </a:cubicBezTo>
                  <a:cubicBezTo>
                    <a:pt x="47" y="45"/>
                    <a:pt x="48" y="52"/>
                    <a:pt x="47" y="50"/>
                  </a:cubicBezTo>
                  <a:cubicBezTo>
                    <a:pt x="45" y="50"/>
                    <a:pt x="48" y="47"/>
                    <a:pt x="44" y="45"/>
                  </a:cubicBezTo>
                  <a:cubicBezTo>
                    <a:pt x="41" y="44"/>
                    <a:pt x="42" y="47"/>
                    <a:pt x="41" y="45"/>
                  </a:cubicBezTo>
                  <a:cubicBezTo>
                    <a:pt x="38" y="45"/>
                    <a:pt x="41" y="49"/>
                    <a:pt x="39" y="49"/>
                  </a:cubicBezTo>
                  <a:cubicBezTo>
                    <a:pt x="36" y="47"/>
                    <a:pt x="35" y="42"/>
                    <a:pt x="36" y="41"/>
                  </a:cubicBezTo>
                  <a:cubicBezTo>
                    <a:pt x="36" y="39"/>
                    <a:pt x="33" y="36"/>
                    <a:pt x="35" y="33"/>
                  </a:cubicBezTo>
                  <a:cubicBezTo>
                    <a:pt x="36" y="30"/>
                    <a:pt x="35" y="30"/>
                    <a:pt x="36" y="27"/>
                  </a:cubicBezTo>
                  <a:cubicBezTo>
                    <a:pt x="39" y="25"/>
                    <a:pt x="38" y="28"/>
                    <a:pt x="39" y="28"/>
                  </a:cubicBezTo>
                  <a:cubicBezTo>
                    <a:pt x="41" y="27"/>
                    <a:pt x="42" y="20"/>
                    <a:pt x="42" y="19"/>
                  </a:cubicBezTo>
                  <a:cubicBezTo>
                    <a:pt x="42" y="16"/>
                    <a:pt x="38" y="14"/>
                    <a:pt x="41" y="8"/>
                  </a:cubicBezTo>
                  <a:cubicBezTo>
                    <a:pt x="42" y="3"/>
                    <a:pt x="41" y="2"/>
                    <a:pt x="39" y="5"/>
                  </a:cubicBezTo>
                  <a:cubicBezTo>
                    <a:pt x="36" y="8"/>
                    <a:pt x="33" y="0"/>
                    <a:pt x="29" y="2"/>
                  </a:cubicBezTo>
                  <a:cubicBezTo>
                    <a:pt x="26" y="3"/>
                    <a:pt x="27" y="3"/>
                    <a:pt x="26" y="8"/>
                  </a:cubicBezTo>
                  <a:cubicBezTo>
                    <a:pt x="24" y="13"/>
                    <a:pt x="27" y="14"/>
                    <a:pt x="26" y="20"/>
                  </a:cubicBezTo>
                  <a:cubicBezTo>
                    <a:pt x="23" y="25"/>
                    <a:pt x="27" y="24"/>
                    <a:pt x="26" y="27"/>
                  </a:cubicBezTo>
                  <a:cubicBezTo>
                    <a:pt x="24" y="31"/>
                    <a:pt x="23" y="24"/>
                    <a:pt x="21" y="25"/>
                  </a:cubicBezTo>
                  <a:cubicBezTo>
                    <a:pt x="20" y="25"/>
                    <a:pt x="20" y="28"/>
                    <a:pt x="21" y="28"/>
                  </a:cubicBezTo>
                  <a:cubicBezTo>
                    <a:pt x="23" y="30"/>
                    <a:pt x="21" y="28"/>
                    <a:pt x="23" y="36"/>
                  </a:cubicBezTo>
                  <a:cubicBezTo>
                    <a:pt x="23" y="44"/>
                    <a:pt x="24" y="39"/>
                    <a:pt x="26" y="42"/>
                  </a:cubicBezTo>
                  <a:cubicBezTo>
                    <a:pt x="26" y="45"/>
                    <a:pt x="27" y="44"/>
                    <a:pt x="27" y="42"/>
                  </a:cubicBezTo>
                  <a:cubicBezTo>
                    <a:pt x="27" y="39"/>
                    <a:pt x="27" y="39"/>
                    <a:pt x="29" y="41"/>
                  </a:cubicBezTo>
                  <a:cubicBezTo>
                    <a:pt x="30" y="42"/>
                    <a:pt x="30" y="44"/>
                    <a:pt x="29" y="44"/>
                  </a:cubicBezTo>
                  <a:cubicBezTo>
                    <a:pt x="27" y="45"/>
                    <a:pt x="26" y="50"/>
                    <a:pt x="29" y="50"/>
                  </a:cubicBezTo>
                  <a:cubicBezTo>
                    <a:pt x="30" y="49"/>
                    <a:pt x="30" y="52"/>
                    <a:pt x="33" y="52"/>
                  </a:cubicBezTo>
                  <a:cubicBezTo>
                    <a:pt x="35" y="52"/>
                    <a:pt x="33" y="50"/>
                    <a:pt x="35" y="49"/>
                  </a:cubicBezTo>
                  <a:cubicBezTo>
                    <a:pt x="36" y="49"/>
                    <a:pt x="36" y="49"/>
                    <a:pt x="39" y="52"/>
                  </a:cubicBezTo>
                  <a:cubicBezTo>
                    <a:pt x="42" y="53"/>
                    <a:pt x="41" y="56"/>
                    <a:pt x="44" y="56"/>
                  </a:cubicBezTo>
                  <a:cubicBezTo>
                    <a:pt x="45" y="56"/>
                    <a:pt x="42" y="53"/>
                    <a:pt x="42" y="50"/>
                  </a:cubicBezTo>
                  <a:cubicBezTo>
                    <a:pt x="42" y="49"/>
                    <a:pt x="45" y="50"/>
                    <a:pt x="45" y="52"/>
                  </a:cubicBezTo>
                  <a:cubicBezTo>
                    <a:pt x="45" y="53"/>
                    <a:pt x="47" y="53"/>
                    <a:pt x="48" y="55"/>
                  </a:cubicBezTo>
                  <a:cubicBezTo>
                    <a:pt x="48" y="56"/>
                    <a:pt x="47" y="58"/>
                    <a:pt x="50" y="59"/>
                  </a:cubicBezTo>
                  <a:cubicBezTo>
                    <a:pt x="55" y="61"/>
                    <a:pt x="53" y="61"/>
                    <a:pt x="55" y="63"/>
                  </a:cubicBezTo>
                  <a:cubicBezTo>
                    <a:pt x="55" y="64"/>
                    <a:pt x="56" y="63"/>
                    <a:pt x="56" y="59"/>
                  </a:cubicBezTo>
                  <a:close/>
                  <a:moveTo>
                    <a:pt x="76" y="144"/>
                  </a:moveTo>
                  <a:cubicBezTo>
                    <a:pt x="76" y="144"/>
                    <a:pt x="77" y="144"/>
                    <a:pt x="76" y="145"/>
                  </a:cubicBezTo>
                  <a:cubicBezTo>
                    <a:pt x="74" y="147"/>
                    <a:pt x="77" y="147"/>
                    <a:pt x="77" y="145"/>
                  </a:cubicBezTo>
                  <a:cubicBezTo>
                    <a:pt x="77" y="144"/>
                    <a:pt x="77" y="144"/>
                    <a:pt x="77" y="142"/>
                  </a:cubicBezTo>
                  <a:cubicBezTo>
                    <a:pt x="77" y="142"/>
                    <a:pt x="77" y="140"/>
                    <a:pt x="76" y="140"/>
                  </a:cubicBezTo>
                  <a:cubicBezTo>
                    <a:pt x="76" y="140"/>
                    <a:pt x="76" y="142"/>
                    <a:pt x="76" y="144"/>
                  </a:cubicBezTo>
                  <a:close/>
                </a:path>
              </a:pathLst>
            </a:custGeom>
            <a:solidFill>
              <a:schemeClr val="accent5"/>
            </a:solidFill>
            <a:ln w="6350" cmpd="sng">
              <a:solidFill>
                <a:schemeClr val="bg1"/>
              </a:solidFill>
              <a:round/>
              <a:headEnd/>
              <a:tailEnd/>
            </a:ln>
          </p:spPr>
          <p:txBody>
            <a:bodyPr/>
            <a:lstStyle/>
            <a:p>
              <a:endParaRPr lang="en-GB" sz="1633" dirty="0"/>
            </a:p>
          </p:txBody>
        </p:sp>
        <p:sp>
          <p:nvSpPr>
            <p:cNvPr id="255" name="Freeform 213"/>
            <p:cNvSpPr>
              <a:spLocks/>
            </p:cNvSpPr>
            <p:nvPr/>
          </p:nvSpPr>
          <p:spPr bwMode="auto">
            <a:xfrm>
              <a:off x="8229947" y="4922198"/>
              <a:ext cx="245837" cy="194416"/>
            </a:xfrm>
            <a:custGeom>
              <a:avLst/>
              <a:gdLst/>
              <a:ahLst/>
              <a:cxnLst>
                <a:cxn ang="0">
                  <a:pos x="44" y="20"/>
                </a:cxn>
                <a:cxn ang="0">
                  <a:pos x="42" y="22"/>
                </a:cxn>
                <a:cxn ang="0">
                  <a:pos x="42" y="25"/>
                </a:cxn>
                <a:cxn ang="0">
                  <a:pos x="41" y="29"/>
                </a:cxn>
                <a:cxn ang="0">
                  <a:pos x="39" y="26"/>
                </a:cxn>
                <a:cxn ang="0">
                  <a:pos x="36" y="23"/>
                </a:cxn>
                <a:cxn ang="0">
                  <a:pos x="36" y="26"/>
                </a:cxn>
                <a:cxn ang="0">
                  <a:pos x="29" y="37"/>
                </a:cxn>
                <a:cxn ang="0">
                  <a:pos x="17" y="42"/>
                </a:cxn>
                <a:cxn ang="0">
                  <a:pos x="15" y="45"/>
                </a:cxn>
                <a:cxn ang="0">
                  <a:pos x="14" y="48"/>
                </a:cxn>
                <a:cxn ang="0">
                  <a:pos x="14" y="50"/>
                </a:cxn>
                <a:cxn ang="0">
                  <a:pos x="14" y="54"/>
                </a:cxn>
                <a:cxn ang="0">
                  <a:pos x="12" y="54"/>
                </a:cxn>
                <a:cxn ang="0">
                  <a:pos x="9" y="53"/>
                </a:cxn>
                <a:cxn ang="0">
                  <a:pos x="8" y="51"/>
                </a:cxn>
                <a:cxn ang="0">
                  <a:pos x="6" y="51"/>
                </a:cxn>
                <a:cxn ang="0">
                  <a:pos x="1" y="48"/>
                </a:cxn>
                <a:cxn ang="0">
                  <a:pos x="1" y="51"/>
                </a:cxn>
                <a:cxn ang="0">
                  <a:pos x="3" y="54"/>
                </a:cxn>
                <a:cxn ang="0">
                  <a:pos x="8" y="59"/>
                </a:cxn>
                <a:cxn ang="0">
                  <a:pos x="15" y="59"/>
                </a:cxn>
                <a:cxn ang="0">
                  <a:pos x="21" y="58"/>
                </a:cxn>
                <a:cxn ang="0">
                  <a:pos x="26" y="53"/>
                </a:cxn>
                <a:cxn ang="0">
                  <a:pos x="29" y="54"/>
                </a:cxn>
                <a:cxn ang="0">
                  <a:pos x="35" y="56"/>
                </a:cxn>
                <a:cxn ang="0">
                  <a:pos x="41" y="53"/>
                </a:cxn>
                <a:cxn ang="0">
                  <a:pos x="42" y="48"/>
                </a:cxn>
                <a:cxn ang="0">
                  <a:pos x="45" y="44"/>
                </a:cxn>
                <a:cxn ang="0">
                  <a:pos x="45" y="40"/>
                </a:cxn>
                <a:cxn ang="0">
                  <a:pos x="49" y="37"/>
                </a:cxn>
                <a:cxn ang="0">
                  <a:pos x="50" y="28"/>
                </a:cxn>
                <a:cxn ang="0">
                  <a:pos x="59" y="26"/>
                </a:cxn>
                <a:cxn ang="0">
                  <a:pos x="64" y="28"/>
                </a:cxn>
                <a:cxn ang="0">
                  <a:pos x="67" y="26"/>
                </a:cxn>
                <a:cxn ang="0">
                  <a:pos x="70" y="26"/>
                </a:cxn>
                <a:cxn ang="0">
                  <a:pos x="71" y="23"/>
                </a:cxn>
                <a:cxn ang="0">
                  <a:pos x="70" y="20"/>
                </a:cxn>
                <a:cxn ang="0">
                  <a:pos x="73" y="20"/>
                </a:cxn>
                <a:cxn ang="0">
                  <a:pos x="77" y="15"/>
                </a:cxn>
                <a:cxn ang="0">
                  <a:pos x="74" y="15"/>
                </a:cxn>
                <a:cxn ang="0">
                  <a:pos x="73" y="14"/>
                </a:cxn>
                <a:cxn ang="0">
                  <a:pos x="70" y="12"/>
                </a:cxn>
                <a:cxn ang="0">
                  <a:pos x="67" y="12"/>
                </a:cxn>
                <a:cxn ang="0">
                  <a:pos x="68" y="11"/>
                </a:cxn>
                <a:cxn ang="0">
                  <a:pos x="65" y="9"/>
                </a:cxn>
                <a:cxn ang="0">
                  <a:pos x="65" y="4"/>
                </a:cxn>
                <a:cxn ang="0">
                  <a:pos x="64" y="4"/>
                </a:cxn>
                <a:cxn ang="0">
                  <a:pos x="61" y="0"/>
                </a:cxn>
                <a:cxn ang="0">
                  <a:pos x="59" y="4"/>
                </a:cxn>
                <a:cxn ang="0">
                  <a:pos x="58" y="0"/>
                </a:cxn>
                <a:cxn ang="0">
                  <a:pos x="55" y="6"/>
                </a:cxn>
                <a:cxn ang="0">
                  <a:pos x="53" y="9"/>
                </a:cxn>
                <a:cxn ang="0">
                  <a:pos x="52" y="12"/>
                </a:cxn>
                <a:cxn ang="0">
                  <a:pos x="50" y="14"/>
                </a:cxn>
                <a:cxn ang="0">
                  <a:pos x="47" y="15"/>
                </a:cxn>
                <a:cxn ang="0">
                  <a:pos x="49" y="20"/>
                </a:cxn>
                <a:cxn ang="0">
                  <a:pos x="45" y="20"/>
                </a:cxn>
                <a:cxn ang="0">
                  <a:pos x="47" y="25"/>
                </a:cxn>
                <a:cxn ang="0">
                  <a:pos x="45" y="26"/>
                </a:cxn>
                <a:cxn ang="0">
                  <a:pos x="44" y="22"/>
                </a:cxn>
                <a:cxn ang="0">
                  <a:pos x="44" y="20"/>
                </a:cxn>
              </a:cxnLst>
              <a:rect l="0" t="0" r="r" b="b"/>
              <a:pathLst>
                <a:path w="79" h="62">
                  <a:moveTo>
                    <a:pt x="44" y="20"/>
                  </a:moveTo>
                  <a:cubicBezTo>
                    <a:pt x="44" y="22"/>
                    <a:pt x="42" y="22"/>
                    <a:pt x="42" y="22"/>
                  </a:cubicBezTo>
                  <a:cubicBezTo>
                    <a:pt x="42" y="23"/>
                    <a:pt x="42" y="25"/>
                    <a:pt x="42" y="25"/>
                  </a:cubicBezTo>
                  <a:cubicBezTo>
                    <a:pt x="44" y="25"/>
                    <a:pt x="42" y="29"/>
                    <a:pt x="41" y="29"/>
                  </a:cubicBezTo>
                  <a:cubicBezTo>
                    <a:pt x="39" y="29"/>
                    <a:pt x="41" y="26"/>
                    <a:pt x="39" y="26"/>
                  </a:cubicBezTo>
                  <a:cubicBezTo>
                    <a:pt x="38" y="28"/>
                    <a:pt x="39" y="25"/>
                    <a:pt x="36" y="23"/>
                  </a:cubicBezTo>
                  <a:cubicBezTo>
                    <a:pt x="36" y="23"/>
                    <a:pt x="36" y="23"/>
                    <a:pt x="36" y="26"/>
                  </a:cubicBezTo>
                  <a:cubicBezTo>
                    <a:pt x="36" y="29"/>
                    <a:pt x="30" y="31"/>
                    <a:pt x="29" y="37"/>
                  </a:cubicBezTo>
                  <a:cubicBezTo>
                    <a:pt x="29" y="40"/>
                    <a:pt x="18" y="39"/>
                    <a:pt x="17" y="42"/>
                  </a:cubicBezTo>
                  <a:cubicBezTo>
                    <a:pt x="15" y="44"/>
                    <a:pt x="17" y="47"/>
                    <a:pt x="15" y="45"/>
                  </a:cubicBezTo>
                  <a:cubicBezTo>
                    <a:pt x="14" y="44"/>
                    <a:pt x="14" y="47"/>
                    <a:pt x="14" y="48"/>
                  </a:cubicBezTo>
                  <a:cubicBezTo>
                    <a:pt x="15" y="48"/>
                    <a:pt x="14" y="48"/>
                    <a:pt x="14" y="50"/>
                  </a:cubicBezTo>
                  <a:cubicBezTo>
                    <a:pt x="14" y="53"/>
                    <a:pt x="12" y="53"/>
                    <a:pt x="14" y="54"/>
                  </a:cubicBezTo>
                  <a:cubicBezTo>
                    <a:pt x="15" y="56"/>
                    <a:pt x="14" y="54"/>
                    <a:pt x="12" y="54"/>
                  </a:cubicBezTo>
                  <a:cubicBezTo>
                    <a:pt x="11" y="53"/>
                    <a:pt x="8" y="54"/>
                    <a:pt x="9" y="53"/>
                  </a:cubicBezTo>
                  <a:cubicBezTo>
                    <a:pt x="9" y="51"/>
                    <a:pt x="8" y="53"/>
                    <a:pt x="8" y="51"/>
                  </a:cubicBezTo>
                  <a:cubicBezTo>
                    <a:pt x="6" y="50"/>
                    <a:pt x="8" y="51"/>
                    <a:pt x="6" y="51"/>
                  </a:cubicBezTo>
                  <a:cubicBezTo>
                    <a:pt x="5" y="53"/>
                    <a:pt x="1" y="51"/>
                    <a:pt x="1" y="48"/>
                  </a:cubicBezTo>
                  <a:cubicBezTo>
                    <a:pt x="1" y="48"/>
                    <a:pt x="0" y="51"/>
                    <a:pt x="1" y="51"/>
                  </a:cubicBezTo>
                  <a:cubicBezTo>
                    <a:pt x="3" y="53"/>
                    <a:pt x="1" y="54"/>
                    <a:pt x="3" y="54"/>
                  </a:cubicBezTo>
                  <a:cubicBezTo>
                    <a:pt x="5" y="54"/>
                    <a:pt x="6" y="58"/>
                    <a:pt x="8" y="59"/>
                  </a:cubicBezTo>
                  <a:cubicBezTo>
                    <a:pt x="11" y="62"/>
                    <a:pt x="11" y="58"/>
                    <a:pt x="15" y="59"/>
                  </a:cubicBezTo>
                  <a:cubicBezTo>
                    <a:pt x="20" y="61"/>
                    <a:pt x="18" y="58"/>
                    <a:pt x="21" y="58"/>
                  </a:cubicBezTo>
                  <a:cubicBezTo>
                    <a:pt x="23" y="58"/>
                    <a:pt x="20" y="53"/>
                    <a:pt x="26" y="53"/>
                  </a:cubicBezTo>
                  <a:cubicBezTo>
                    <a:pt x="30" y="53"/>
                    <a:pt x="27" y="54"/>
                    <a:pt x="29" y="54"/>
                  </a:cubicBezTo>
                  <a:cubicBezTo>
                    <a:pt x="30" y="56"/>
                    <a:pt x="33" y="58"/>
                    <a:pt x="35" y="56"/>
                  </a:cubicBezTo>
                  <a:cubicBezTo>
                    <a:pt x="36" y="53"/>
                    <a:pt x="41" y="56"/>
                    <a:pt x="41" y="53"/>
                  </a:cubicBezTo>
                  <a:cubicBezTo>
                    <a:pt x="42" y="51"/>
                    <a:pt x="42" y="50"/>
                    <a:pt x="42" y="48"/>
                  </a:cubicBezTo>
                  <a:cubicBezTo>
                    <a:pt x="42" y="45"/>
                    <a:pt x="47" y="45"/>
                    <a:pt x="45" y="44"/>
                  </a:cubicBezTo>
                  <a:cubicBezTo>
                    <a:pt x="44" y="44"/>
                    <a:pt x="44" y="44"/>
                    <a:pt x="45" y="40"/>
                  </a:cubicBezTo>
                  <a:cubicBezTo>
                    <a:pt x="45" y="37"/>
                    <a:pt x="49" y="40"/>
                    <a:pt x="49" y="37"/>
                  </a:cubicBezTo>
                  <a:cubicBezTo>
                    <a:pt x="49" y="34"/>
                    <a:pt x="49" y="31"/>
                    <a:pt x="50" y="28"/>
                  </a:cubicBezTo>
                  <a:cubicBezTo>
                    <a:pt x="52" y="25"/>
                    <a:pt x="55" y="26"/>
                    <a:pt x="59" y="26"/>
                  </a:cubicBezTo>
                  <a:cubicBezTo>
                    <a:pt x="62" y="26"/>
                    <a:pt x="61" y="25"/>
                    <a:pt x="64" y="28"/>
                  </a:cubicBezTo>
                  <a:cubicBezTo>
                    <a:pt x="67" y="28"/>
                    <a:pt x="64" y="23"/>
                    <a:pt x="67" y="26"/>
                  </a:cubicBezTo>
                  <a:cubicBezTo>
                    <a:pt x="68" y="28"/>
                    <a:pt x="68" y="26"/>
                    <a:pt x="70" y="26"/>
                  </a:cubicBezTo>
                  <a:cubicBezTo>
                    <a:pt x="71" y="26"/>
                    <a:pt x="74" y="26"/>
                    <a:pt x="71" y="23"/>
                  </a:cubicBezTo>
                  <a:cubicBezTo>
                    <a:pt x="68" y="22"/>
                    <a:pt x="68" y="20"/>
                    <a:pt x="70" y="20"/>
                  </a:cubicBezTo>
                  <a:cubicBezTo>
                    <a:pt x="71" y="18"/>
                    <a:pt x="70" y="20"/>
                    <a:pt x="73" y="20"/>
                  </a:cubicBezTo>
                  <a:cubicBezTo>
                    <a:pt x="76" y="18"/>
                    <a:pt x="79" y="18"/>
                    <a:pt x="77" y="15"/>
                  </a:cubicBezTo>
                  <a:cubicBezTo>
                    <a:pt x="77" y="14"/>
                    <a:pt x="76" y="17"/>
                    <a:pt x="74" y="15"/>
                  </a:cubicBezTo>
                  <a:cubicBezTo>
                    <a:pt x="74" y="14"/>
                    <a:pt x="73" y="14"/>
                    <a:pt x="73" y="14"/>
                  </a:cubicBezTo>
                  <a:cubicBezTo>
                    <a:pt x="71" y="12"/>
                    <a:pt x="70" y="11"/>
                    <a:pt x="70" y="12"/>
                  </a:cubicBezTo>
                  <a:cubicBezTo>
                    <a:pt x="68" y="12"/>
                    <a:pt x="68" y="14"/>
                    <a:pt x="67" y="12"/>
                  </a:cubicBezTo>
                  <a:cubicBezTo>
                    <a:pt x="67" y="11"/>
                    <a:pt x="68" y="12"/>
                    <a:pt x="68" y="11"/>
                  </a:cubicBezTo>
                  <a:cubicBezTo>
                    <a:pt x="67" y="8"/>
                    <a:pt x="65" y="11"/>
                    <a:pt x="65" y="9"/>
                  </a:cubicBezTo>
                  <a:cubicBezTo>
                    <a:pt x="64" y="8"/>
                    <a:pt x="67" y="6"/>
                    <a:pt x="65" y="4"/>
                  </a:cubicBezTo>
                  <a:cubicBezTo>
                    <a:pt x="64" y="3"/>
                    <a:pt x="64" y="4"/>
                    <a:pt x="64" y="4"/>
                  </a:cubicBezTo>
                  <a:cubicBezTo>
                    <a:pt x="62" y="4"/>
                    <a:pt x="62" y="0"/>
                    <a:pt x="61" y="0"/>
                  </a:cubicBezTo>
                  <a:cubicBezTo>
                    <a:pt x="59" y="0"/>
                    <a:pt x="61" y="3"/>
                    <a:pt x="59" y="4"/>
                  </a:cubicBezTo>
                  <a:cubicBezTo>
                    <a:pt x="58" y="6"/>
                    <a:pt x="59" y="0"/>
                    <a:pt x="58" y="0"/>
                  </a:cubicBezTo>
                  <a:cubicBezTo>
                    <a:pt x="56" y="0"/>
                    <a:pt x="58" y="1"/>
                    <a:pt x="55" y="6"/>
                  </a:cubicBezTo>
                  <a:cubicBezTo>
                    <a:pt x="53" y="9"/>
                    <a:pt x="53" y="8"/>
                    <a:pt x="53" y="9"/>
                  </a:cubicBezTo>
                  <a:cubicBezTo>
                    <a:pt x="52" y="12"/>
                    <a:pt x="52" y="11"/>
                    <a:pt x="52" y="12"/>
                  </a:cubicBezTo>
                  <a:cubicBezTo>
                    <a:pt x="52" y="15"/>
                    <a:pt x="50" y="15"/>
                    <a:pt x="50" y="14"/>
                  </a:cubicBezTo>
                  <a:cubicBezTo>
                    <a:pt x="49" y="14"/>
                    <a:pt x="47" y="15"/>
                    <a:pt x="47" y="15"/>
                  </a:cubicBezTo>
                  <a:cubicBezTo>
                    <a:pt x="47" y="17"/>
                    <a:pt x="50" y="17"/>
                    <a:pt x="49" y="20"/>
                  </a:cubicBezTo>
                  <a:cubicBezTo>
                    <a:pt x="45" y="22"/>
                    <a:pt x="47" y="18"/>
                    <a:pt x="45" y="20"/>
                  </a:cubicBezTo>
                  <a:cubicBezTo>
                    <a:pt x="47" y="23"/>
                    <a:pt x="45" y="22"/>
                    <a:pt x="47" y="25"/>
                  </a:cubicBezTo>
                  <a:cubicBezTo>
                    <a:pt x="47" y="28"/>
                    <a:pt x="47" y="26"/>
                    <a:pt x="45" y="26"/>
                  </a:cubicBezTo>
                  <a:cubicBezTo>
                    <a:pt x="44" y="26"/>
                    <a:pt x="44" y="25"/>
                    <a:pt x="44" y="22"/>
                  </a:cubicBezTo>
                  <a:cubicBezTo>
                    <a:pt x="44" y="20"/>
                    <a:pt x="44" y="20"/>
                    <a:pt x="44" y="20"/>
                  </a:cubicBezTo>
                  <a:close/>
                </a:path>
              </a:pathLst>
            </a:custGeom>
            <a:solidFill>
              <a:schemeClr val="accent5"/>
            </a:solidFill>
            <a:ln w="6350" cmpd="sng">
              <a:solidFill>
                <a:schemeClr val="bg1"/>
              </a:solidFill>
              <a:round/>
              <a:headEnd/>
              <a:tailEnd/>
            </a:ln>
          </p:spPr>
          <p:txBody>
            <a:bodyPr/>
            <a:lstStyle/>
            <a:p>
              <a:endParaRPr lang="en-GB" sz="1633" dirty="0"/>
            </a:p>
          </p:txBody>
        </p:sp>
        <p:sp>
          <p:nvSpPr>
            <p:cNvPr id="256" name="Freeform 214"/>
            <p:cNvSpPr>
              <a:spLocks/>
            </p:cNvSpPr>
            <p:nvPr/>
          </p:nvSpPr>
          <p:spPr bwMode="auto">
            <a:xfrm>
              <a:off x="8342421" y="4978435"/>
              <a:ext cx="30529" cy="38562"/>
            </a:xfrm>
            <a:custGeom>
              <a:avLst/>
              <a:gdLst/>
              <a:ahLst/>
              <a:cxnLst>
                <a:cxn ang="0">
                  <a:pos x="8" y="2"/>
                </a:cxn>
                <a:cxn ang="0">
                  <a:pos x="8" y="2"/>
                </a:cxn>
                <a:cxn ang="0">
                  <a:pos x="0" y="5"/>
                </a:cxn>
                <a:cxn ang="0">
                  <a:pos x="4" y="8"/>
                </a:cxn>
                <a:cxn ang="0">
                  <a:pos x="5" y="12"/>
                </a:cxn>
                <a:cxn ang="0">
                  <a:pos x="7" y="7"/>
                </a:cxn>
                <a:cxn ang="0">
                  <a:pos x="7" y="4"/>
                </a:cxn>
                <a:cxn ang="0">
                  <a:pos x="8" y="2"/>
                </a:cxn>
              </a:cxnLst>
              <a:rect l="0" t="0" r="r" b="b"/>
              <a:pathLst>
                <a:path w="10" h="12">
                  <a:moveTo>
                    <a:pt x="8" y="2"/>
                  </a:moveTo>
                  <a:cubicBezTo>
                    <a:pt x="10" y="0"/>
                    <a:pt x="8" y="0"/>
                    <a:pt x="8" y="2"/>
                  </a:cubicBezTo>
                  <a:cubicBezTo>
                    <a:pt x="7" y="2"/>
                    <a:pt x="4" y="5"/>
                    <a:pt x="0" y="5"/>
                  </a:cubicBezTo>
                  <a:cubicBezTo>
                    <a:pt x="4" y="7"/>
                    <a:pt x="2" y="10"/>
                    <a:pt x="4" y="8"/>
                  </a:cubicBezTo>
                  <a:cubicBezTo>
                    <a:pt x="5" y="8"/>
                    <a:pt x="4" y="12"/>
                    <a:pt x="5" y="12"/>
                  </a:cubicBezTo>
                  <a:cubicBezTo>
                    <a:pt x="7" y="12"/>
                    <a:pt x="8" y="7"/>
                    <a:pt x="7" y="7"/>
                  </a:cubicBezTo>
                  <a:cubicBezTo>
                    <a:pt x="7" y="7"/>
                    <a:pt x="7" y="5"/>
                    <a:pt x="7" y="4"/>
                  </a:cubicBezTo>
                  <a:cubicBezTo>
                    <a:pt x="7" y="4"/>
                    <a:pt x="8" y="4"/>
                    <a:pt x="8" y="2"/>
                  </a:cubicBezTo>
                </a:path>
              </a:pathLst>
            </a:custGeom>
            <a:solidFill>
              <a:schemeClr val="accent5"/>
            </a:solidFill>
            <a:ln w="6350" cmpd="sng">
              <a:solidFill>
                <a:schemeClr val="bg1"/>
              </a:solidFill>
              <a:round/>
              <a:headEnd/>
              <a:tailEnd/>
            </a:ln>
          </p:spPr>
          <p:txBody>
            <a:bodyPr/>
            <a:lstStyle/>
            <a:p>
              <a:endParaRPr lang="en-GB" sz="1633" dirty="0"/>
            </a:p>
          </p:txBody>
        </p:sp>
        <p:sp>
          <p:nvSpPr>
            <p:cNvPr id="257" name="Freeform 215"/>
            <p:cNvSpPr>
              <a:spLocks/>
            </p:cNvSpPr>
            <p:nvPr/>
          </p:nvSpPr>
          <p:spPr bwMode="auto">
            <a:xfrm>
              <a:off x="8368130" y="4984862"/>
              <a:ext cx="8034" cy="25708"/>
            </a:xfrm>
            <a:custGeom>
              <a:avLst/>
              <a:gdLst/>
              <a:ahLst/>
              <a:cxnLst>
                <a:cxn ang="0">
                  <a:pos x="0" y="1"/>
                </a:cxn>
                <a:cxn ang="0">
                  <a:pos x="2" y="0"/>
                </a:cxn>
                <a:cxn ang="0">
                  <a:pos x="3" y="5"/>
                </a:cxn>
                <a:cxn ang="0">
                  <a:pos x="2" y="6"/>
                </a:cxn>
                <a:cxn ang="0">
                  <a:pos x="0" y="1"/>
                </a:cxn>
              </a:cxnLst>
              <a:rect l="0" t="0" r="r" b="b"/>
              <a:pathLst>
                <a:path w="3" h="8">
                  <a:moveTo>
                    <a:pt x="0" y="1"/>
                  </a:moveTo>
                  <a:cubicBezTo>
                    <a:pt x="2" y="0"/>
                    <a:pt x="2" y="0"/>
                    <a:pt x="2" y="0"/>
                  </a:cubicBezTo>
                  <a:cubicBezTo>
                    <a:pt x="3" y="3"/>
                    <a:pt x="2" y="1"/>
                    <a:pt x="3" y="5"/>
                  </a:cubicBezTo>
                  <a:cubicBezTo>
                    <a:pt x="3" y="8"/>
                    <a:pt x="3" y="6"/>
                    <a:pt x="2" y="6"/>
                  </a:cubicBezTo>
                  <a:cubicBezTo>
                    <a:pt x="0" y="6"/>
                    <a:pt x="0" y="5"/>
                    <a:pt x="0" y="1"/>
                  </a:cubicBezTo>
                </a:path>
              </a:pathLst>
            </a:custGeom>
            <a:grpFill/>
            <a:ln w="6350" cmpd="sng">
              <a:solidFill>
                <a:schemeClr val="bg1"/>
              </a:solidFill>
              <a:round/>
              <a:headEnd/>
              <a:tailEnd/>
            </a:ln>
          </p:spPr>
          <p:txBody>
            <a:bodyPr/>
            <a:lstStyle/>
            <a:p>
              <a:endParaRPr lang="en-GB" sz="1633" dirty="0"/>
            </a:p>
          </p:txBody>
        </p:sp>
        <p:sp>
          <p:nvSpPr>
            <p:cNvPr id="258" name="Freeform 216"/>
            <p:cNvSpPr>
              <a:spLocks noEditPoints="1"/>
            </p:cNvSpPr>
            <p:nvPr/>
          </p:nvSpPr>
          <p:spPr bwMode="auto">
            <a:xfrm>
              <a:off x="8989955" y="5176065"/>
              <a:ext cx="393661" cy="313317"/>
            </a:xfrm>
            <a:custGeom>
              <a:avLst/>
              <a:gdLst/>
              <a:ahLst/>
              <a:cxnLst>
                <a:cxn ang="0">
                  <a:pos x="22" y="20"/>
                </a:cxn>
                <a:cxn ang="0">
                  <a:pos x="45" y="37"/>
                </a:cxn>
                <a:cxn ang="0">
                  <a:pos x="56" y="45"/>
                </a:cxn>
                <a:cxn ang="0">
                  <a:pos x="53" y="54"/>
                </a:cxn>
                <a:cxn ang="0">
                  <a:pos x="70" y="76"/>
                </a:cxn>
                <a:cxn ang="0">
                  <a:pos x="80" y="87"/>
                </a:cxn>
                <a:cxn ang="0">
                  <a:pos x="68" y="87"/>
                </a:cxn>
                <a:cxn ang="0">
                  <a:pos x="41" y="65"/>
                </a:cxn>
                <a:cxn ang="0">
                  <a:pos x="29" y="60"/>
                </a:cxn>
                <a:cxn ang="0">
                  <a:pos x="24" y="70"/>
                </a:cxn>
                <a:cxn ang="0">
                  <a:pos x="17" y="77"/>
                </a:cxn>
                <a:cxn ang="0">
                  <a:pos x="0" y="68"/>
                </a:cxn>
                <a:cxn ang="0">
                  <a:pos x="68" y="46"/>
                </a:cxn>
                <a:cxn ang="0">
                  <a:pos x="90" y="43"/>
                </a:cxn>
                <a:cxn ang="0">
                  <a:pos x="94" y="36"/>
                </a:cxn>
                <a:cxn ang="0">
                  <a:pos x="91" y="28"/>
                </a:cxn>
                <a:cxn ang="0">
                  <a:pos x="82" y="40"/>
                </a:cxn>
                <a:cxn ang="0">
                  <a:pos x="79" y="37"/>
                </a:cxn>
                <a:cxn ang="0">
                  <a:pos x="65" y="42"/>
                </a:cxn>
                <a:cxn ang="0">
                  <a:pos x="55" y="9"/>
                </a:cxn>
                <a:cxn ang="0">
                  <a:pos x="50" y="8"/>
                </a:cxn>
                <a:cxn ang="0">
                  <a:pos x="79" y="11"/>
                </a:cxn>
                <a:cxn ang="0">
                  <a:pos x="79" y="11"/>
                </a:cxn>
                <a:cxn ang="0">
                  <a:pos x="97" y="26"/>
                </a:cxn>
                <a:cxn ang="0">
                  <a:pos x="100" y="25"/>
                </a:cxn>
                <a:cxn ang="0">
                  <a:pos x="85" y="14"/>
                </a:cxn>
                <a:cxn ang="0">
                  <a:pos x="74" y="1"/>
                </a:cxn>
                <a:cxn ang="0">
                  <a:pos x="74" y="1"/>
                </a:cxn>
                <a:cxn ang="0">
                  <a:pos x="117" y="42"/>
                </a:cxn>
                <a:cxn ang="0">
                  <a:pos x="115" y="43"/>
                </a:cxn>
                <a:cxn ang="0">
                  <a:pos x="125" y="54"/>
                </a:cxn>
                <a:cxn ang="0">
                  <a:pos x="61" y="43"/>
                </a:cxn>
                <a:cxn ang="0">
                  <a:pos x="61" y="43"/>
                </a:cxn>
                <a:cxn ang="0">
                  <a:pos x="56" y="40"/>
                </a:cxn>
                <a:cxn ang="0">
                  <a:pos x="47" y="31"/>
                </a:cxn>
                <a:cxn ang="0">
                  <a:pos x="47" y="31"/>
                </a:cxn>
                <a:cxn ang="0">
                  <a:pos x="99" y="76"/>
                </a:cxn>
                <a:cxn ang="0">
                  <a:pos x="102" y="76"/>
                </a:cxn>
                <a:cxn ang="0">
                  <a:pos x="108" y="101"/>
                </a:cxn>
                <a:cxn ang="0">
                  <a:pos x="79" y="79"/>
                </a:cxn>
                <a:cxn ang="0">
                  <a:pos x="79" y="79"/>
                </a:cxn>
                <a:cxn ang="0">
                  <a:pos x="85" y="81"/>
                </a:cxn>
                <a:cxn ang="0">
                  <a:pos x="82" y="82"/>
                </a:cxn>
                <a:cxn ang="0">
                  <a:pos x="88" y="87"/>
                </a:cxn>
                <a:cxn ang="0">
                  <a:pos x="85" y="84"/>
                </a:cxn>
              </a:cxnLst>
              <a:rect l="0" t="0" r="r" b="b"/>
              <a:pathLst>
                <a:path w="126" h="101">
                  <a:moveTo>
                    <a:pt x="0" y="11"/>
                  </a:moveTo>
                  <a:cubicBezTo>
                    <a:pt x="6" y="9"/>
                    <a:pt x="17" y="18"/>
                    <a:pt x="22" y="20"/>
                  </a:cubicBezTo>
                  <a:cubicBezTo>
                    <a:pt x="29" y="21"/>
                    <a:pt x="29" y="25"/>
                    <a:pt x="32" y="25"/>
                  </a:cubicBezTo>
                  <a:cubicBezTo>
                    <a:pt x="35" y="25"/>
                    <a:pt x="45" y="34"/>
                    <a:pt x="45" y="37"/>
                  </a:cubicBezTo>
                  <a:cubicBezTo>
                    <a:pt x="44" y="40"/>
                    <a:pt x="42" y="40"/>
                    <a:pt x="48" y="42"/>
                  </a:cubicBezTo>
                  <a:cubicBezTo>
                    <a:pt x="53" y="43"/>
                    <a:pt x="52" y="46"/>
                    <a:pt x="56" y="45"/>
                  </a:cubicBezTo>
                  <a:cubicBezTo>
                    <a:pt x="59" y="45"/>
                    <a:pt x="62" y="51"/>
                    <a:pt x="61" y="53"/>
                  </a:cubicBezTo>
                  <a:cubicBezTo>
                    <a:pt x="59" y="54"/>
                    <a:pt x="56" y="53"/>
                    <a:pt x="53" y="54"/>
                  </a:cubicBezTo>
                  <a:cubicBezTo>
                    <a:pt x="52" y="54"/>
                    <a:pt x="59" y="64"/>
                    <a:pt x="62" y="65"/>
                  </a:cubicBezTo>
                  <a:cubicBezTo>
                    <a:pt x="65" y="67"/>
                    <a:pt x="64" y="77"/>
                    <a:pt x="70" y="76"/>
                  </a:cubicBezTo>
                  <a:cubicBezTo>
                    <a:pt x="77" y="73"/>
                    <a:pt x="67" y="81"/>
                    <a:pt x="74" y="81"/>
                  </a:cubicBezTo>
                  <a:cubicBezTo>
                    <a:pt x="82" y="81"/>
                    <a:pt x="70" y="84"/>
                    <a:pt x="80" y="87"/>
                  </a:cubicBezTo>
                  <a:cubicBezTo>
                    <a:pt x="87" y="88"/>
                    <a:pt x="84" y="91"/>
                    <a:pt x="80" y="91"/>
                  </a:cubicBezTo>
                  <a:cubicBezTo>
                    <a:pt x="76" y="91"/>
                    <a:pt x="79" y="90"/>
                    <a:pt x="68" y="87"/>
                  </a:cubicBezTo>
                  <a:cubicBezTo>
                    <a:pt x="58" y="85"/>
                    <a:pt x="59" y="85"/>
                    <a:pt x="53" y="77"/>
                  </a:cubicBezTo>
                  <a:cubicBezTo>
                    <a:pt x="47" y="70"/>
                    <a:pt x="48" y="65"/>
                    <a:pt x="41" y="65"/>
                  </a:cubicBezTo>
                  <a:cubicBezTo>
                    <a:pt x="35" y="64"/>
                    <a:pt x="39" y="60"/>
                    <a:pt x="33" y="64"/>
                  </a:cubicBezTo>
                  <a:cubicBezTo>
                    <a:pt x="30" y="64"/>
                    <a:pt x="30" y="64"/>
                    <a:pt x="29" y="60"/>
                  </a:cubicBezTo>
                  <a:cubicBezTo>
                    <a:pt x="30" y="68"/>
                    <a:pt x="27" y="64"/>
                    <a:pt x="27" y="67"/>
                  </a:cubicBezTo>
                  <a:cubicBezTo>
                    <a:pt x="27" y="70"/>
                    <a:pt x="20" y="68"/>
                    <a:pt x="24" y="70"/>
                  </a:cubicBezTo>
                  <a:cubicBezTo>
                    <a:pt x="26" y="71"/>
                    <a:pt x="27" y="76"/>
                    <a:pt x="24" y="76"/>
                  </a:cubicBezTo>
                  <a:cubicBezTo>
                    <a:pt x="22" y="76"/>
                    <a:pt x="21" y="81"/>
                    <a:pt x="17" y="77"/>
                  </a:cubicBezTo>
                  <a:cubicBezTo>
                    <a:pt x="13" y="76"/>
                    <a:pt x="7" y="79"/>
                    <a:pt x="6" y="77"/>
                  </a:cubicBezTo>
                  <a:cubicBezTo>
                    <a:pt x="4" y="74"/>
                    <a:pt x="4" y="71"/>
                    <a:pt x="0" y="68"/>
                  </a:cubicBezTo>
                  <a:cubicBezTo>
                    <a:pt x="0" y="11"/>
                    <a:pt x="0" y="11"/>
                    <a:pt x="0" y="11"/>
                  </a:cubicBezTo>
                  <a:close/>
                  <a:moveTo>
                    <a:pt x="68" y="46"/>
                  </a:moveTo>
                  <a:cubicBezTo>
                    <a:pt x="73" y="49"/>
                    <a:pt x="71" y="45"/>
                    <a:pt x="74" y="48"/>
                  </a:cubicBezTo>
                  <a:cubicBezTo>
                    <a:pt x="77" y="51"/>
                    <a:pt x="88" y="46"/>
                    <a:pt x="90" y="43"/>
                  </a:cubicBezTo>
                  <a:cubicBezTo>
                    <a:pt x="91" y="40"/>
                    <a:pt x="91" y="43"/>
                    <a:pt x="94" y="42"/>
                  </a:cubicBezTo>
                  <a:cubicBezTo>
                    <a:pt x="97" y="39"/>
                    <a:pt x="93" y="36"/>
                    <a:pt x="94" y="36"/>
                  </a:cubicBezTo>
                  <a:cubicBezTo>
                    <a:pt x="97" y="36"/>
                    <a:pt x="99" y="31"/>
                    <a:pt x="97" y="29"/>
                  </a:cubicBezTo>
                  <a:cubicBezTo>
                    <a:pt x="96" y="28"/>
                    <a:pt x="94" y="28"/>
                    <a:pt x="91" y="28"/>
                  </a:cubicBezTo>
                  <a:cubicBezTo>
                    <a:pt x="88" y="28"/>
                    <a:pt x="94" y="37"/>
                    <a:pt x="90" y="36"/>
                  </a:cubicBezTo>
                  <a:cubicBezTo>
                    <a:pt x="87" y="34"/>
                    <a:pt x="87" y="43"/>
                    <a:pt x="82" y="40"/>
                  </a:cubicBezTo>
                  <a:cubicBezTo>
                    <a:pt x="80" y="39"/>
                    <a:pt x="80" y="43"/>
                    <a:pt x="79" y="40"/>
                  </a:cubicBezTo>
                  <a:cubicBezTo>
                    <a:pt x="77" y="37"/>
                    <a:pt x="80" y="37"/>
                    <a:pt x="79" y="37"/>
                  </a:cubicBezTo>
                  <a:cubicBezTo>
                    <a:pt x="79" y="36"/>
                    <a:pt x="77" y="36"/>
                    <a:pt x="77" y="40"/>
                  </a:cubicBezTo>
                  <a:cubicBezTo>
                    <a:pt x="77" y="43"/>
                    <a:pt x="65" y="39"/>
                    <a:pt x="65" y="42"/>
                  </a:cubicBezTo>
                  <a:cubicBezTo>
                    <a:pt x="65" y="45"/>
                    <a:pt x="67" y="43"/>
                    <a:pt x="68" y="46"/>
                  </a:cubicBezTo>
                  <a:close/>
                  <a:moveTo>
                    <a:pt x="55" y="9"/>
                  </a:moveTo>
                  <a:cubicBezTo>
                    <a:pt x="58" y="9"/>
                    <a:pt x="58" y="8"/>
                    <a:pt x="56" y="6"/>
                  </a:cubicBezTo>
                  <a:cubicBezTo>
                    <a:pt x="55" y="6"/>
                    <a:pt x="50" y="6"/>
                    <a:pt x="50" y="8"/>
                  </a:cubicBezTo>
                  <a:cubicBezTo>
                    <a:pt x="50" y="11"/>
                    <a:pt x="52" y="9"/>
                    <a:pt x="55" y="9"/>
                  </a:cubicBezTo>
                  <a:close/>
                  <a:moveTo>
                    <a:pt x="79" y="11"/>
                  </a:moveTo>
                  <a:cubicBezTo>
                    <a:pt x="79" y="9"/>
                    <a:pt x="84" y="12"/>
                    <a:pt x="82" y="12"/>
                  </a:cubicBezTo>
                  <a:cubicBezTo>
                    <a:pt x="80" y="14"/>
                    <a:pt x="77" y="12"/>
                    <a:pt x="79" y="11"/>
                  </a:cubicBezTo>
                  <a:close/>
                  <a:moveTo>
                    <a:pt x="91" y="18"/>
                  </a:moveTo>
                  <a:cubicBezTo>
                    <a:pt x="91" y="20"/>
                    <a:pt x="96" y="21"/>
                    <a:pt x="97" y="26"/>
                  </a:cubicBezTo>
                  <a:cubicBezTo>
                    <a:pt x="100" y="29"/>
                    <a:pt x="99" y="29"/>
                    <a:pt x="100" y="34"/>
                  </a:cubicBezTo>
                  <a:cubicBezTo>
                    <a:pt x="102" y="37"/>
                    <a:pt x="105" y="28"/>
                    <a:pt x="100" y="25"/>
                  </a:cubicBezTo>
                  <a:cubicBezTo>
                    <a:pt x="96" y="23"/>
                    <a:pt x="96" y="20"/>
                    <a:pt x="93" y="18"/>
                  </a:cubicBezTo>
                  <a:cubicBezTo>
                    <a:pt x="87" y="15"/>
                    <a:pt x="85" y="11"/>
                    <a:pt x="85" y="14"/>
                  </a:cubicBezTo>
                  <a:cubicBezTo>
                    <a:pt x="80" y="15"/>
                    <a:pt x="87" y="14"/>
                    <a:pt x="91" y="18"/>
                  </a:cubicBezTo>
                  <a:close/>
                  <a:moveTo>
                    <a:pt x="74" y="1"/>
                  </a:moveTo>
                  <a:cubicBezTo>
                    <a:pt x="76" y="0"/>
                    <a:pt x="77" y="3"/>
                    <a:pt x="76" y="3"/>
                  </a:cubicBezTo>
                  <a:cubicBezTo>
                    <a:pt x="74" y="3"/>
                    <a:pt x="74" y="3"/>
                    <a:pt x="74" y="1"/>
                  </a:cubicBezTo>
                  <a:close/>
                  <a:moveTo>
                    <a:pt x="123" y="48"/>
                  </a:moveTo>
                  <a:cubicBezTo>
                    <a:pt x="120" y="46"/>
                    <a:pt x="120" y="42"/>
                    <a:pt x="117" y="42"/>
                  </a:cubicBezTo>
                  <a:cubicBezTo>
                    <a:pt x="115" y="40"/>
                    <a:pt x="115" y="34"/>
                    <a:pt x="114" y="37"/>
                  </a:cubicBezTo>
                  <a:cubicBezTo>
                    <a:pt x="112" y="39"/>
                    <a:pt x="115" y="39"/>
                    <a:pt x="115" y="43"/>
                  </a:cubicBezTo>
                  <a:cubicBezTo>
                    <a:pt x="114" y="46"/>
                    <a:pt x="119" y="48"/>
                    <a:pt x="120" y="51"/>
                  </a:cubicBezTo>
                  <a:cubicBezTo>
                    <a:pt x="120" y="54"/>
                    <a:pt x="122" y="54"/>
                    <a:pt x="125" y="54"/>
                  </a:cubicBezTo>
                  <a:cubicBezTo>
                    <a:pt x="126" y="53"/>
                    <a:pt x="125" y="48"/>
                    <a:pt x="123" y="48"/>
                  </a:cubicBezTo>
                  <a:close/>
                  <a:moveTo>
                    <a:pt x="61" y="43"/>
                  </a:moveTo>
                  <a:cubicBezTo>
                    <a:pt x="59" y="42"/>
                    <a:pt x="61" y="39"/>
                    <a:pt x="62" y="42"/>
                  </a:cubicBezTo>
                  <a:cubicBezTo>
                    <a:pt x="64" y="43"/>
                    <a:pt x="62" y="45"/>
                    <a:pt x="61" y="43"/>
                  </a:cubicBezTo>
                  <a:close/>
                  <a:moveTo>
                    <a:pt x="55" y="39"/>
                  </a:moveTo>
                  <a:cubicBezTo>
                    <a:pt x="55" y="37"/>
                    <a:pt x="58" y="40"/>
                    <a:pt x="56" y="40"/>
                  </a:cubicBezTo>
                  <a:cubicBezTo>
                    <a:pt x="56" y="42"/>
                    <a:pt x="53" y="40"/>
                    <a:pt x="55" y="39"/>
                  </a:cubicBezTo>
                  <a:close/>
                  <a:moveTo>
                    <a:pt x="47" y="31"/>
                  </a:moveTo>
                  <a:cubicBezTo>
                    <a:pt x="48" y="32"/>
                    <a:pt x="47" y="36"/>
                    <a:pt x="45" y="34"/>
                  </a:cubicBezTo>
                  <a:cubicBezTo>
                    <a:pt x="44" y="32"/>
                    <a:pt x="45" y="31"/>
                    <a:pt x="47" y="31"/>
                  </a:cubicBezTo>
                  <a:close/>
                  <a:moveTo>
                    <a:pt x="102" y="76"/>
                  </a:moveTo>
                  <a:cubicBezTo>
                    <a:pt x="100" y="74"/>
                    <a:pt x="97" y="74"/>
                    <a:pt x="99" y="76"/>
                  </a:cubicBezTo>
                  <a:cubicBezTo>
                    <a:pt x="100" y="76"/>
                    <a:pt x="99" y="77"/>
                    <a:pt x="100" y="77"/>
                  </a:cubicBezTo>
                  <a:cubicBezTo>
                    <a:pt x="102" y="77"/>
                    <a:pt x="103" y="77"/>
                    <a:pt x="102" y="76"/>
                  </a:cubicBezTo>
                  <a:close/>
                  <a:moveTo>
                    <a:pt x="103" y="99"/>
                  </a:moveTo>
                  <a:cubicBezTo>
                    <a:pt x="102" y="96"/>
                    <a:pt x="106" y="99"/>
                    <a:pt x="108" y="101"/>
                  </a:cubicBezTo>
                  <a:cubicBezTo>
                    <a:pt x="103" y="99"/>
                    <a:pt x="103" y="99"/>
                    <a:pt x="103" y="99"/>
                  </a:cubicBezTo>
                  <a:close/>
                  <a:moveTo>
                    <a:pt x="79" y="79"/>
                  </a:moveTo>
                  <a:cubicBezTo>
                    <a:pt x="77" y="77"/>
                    <a:pt x="79" y="76"/>
                    <a:pt x="80" y="77"/>
                  </a:cubicBezTo>
                  <a:cubicBezTo>
                    <a:pt x="82" y="79"/>
                    <a:pt x="80" y="82"/>
                    <a:pt x="79" y="79"/>
                  </a:cubicBezTo>
                  <a:close/>
                  <a:moveTo>
                    <a:pt x="82" y="82"/>
                  </a:moveTo>
                  <a:cubicBezTo>
                    <a:pt x="84" y="82"/>
                    <a:pt x="85" y="82"/>
                    <a:pt x="85" y="81"/>
                  </a:cubicBezTo>
                  <a:cubicBezTo>
                    <a:pt x="85" y="79"/>
                    <a:pt x="82" y="77"/>
                    <a:pt x="82" y="79"/>
                  </a:cubicBezTo>
                  <a:cubicBezTo>
                    <a:pt x="82" y="81"/>
                    <a:pt x="80" y="82"/>
                    <a:pt x="82" y="82"/>
                  </a:cubicBezTo>
                  <a:close/>
                  <a:moveTo>
                    <a:pt x="85" y="84"/>
                  </a:moveTo>
                  <a:cubicBezTo>
                    <a:pt x="85" y="85"/>
                    <a:pt x="87" y="88"/>
                    <a:pt x="88" y="87"/>
                  </a:cubicBezTo>
                  <a:cubicBezTo>
                    <a:pt x="88" y="84"/>
                    <a:pt x="88" y="84"/>
                    <a:pt x="88" y="84"/>
                  </a:cubicBezTo>
                  <a:cubicBezTo>
                    <a:pt x="87" y="85"/>
                    <a:pt x="85" y="82"/>
                    <a:pt x="85" y="84"/>
                  </a:cubicBezTo>
                  <a:close/>
                </a:path>
              </a:pathLst>
            </a:custGeom>
            <a:solidFill>
              <a:schemeClr val="accent5"/>
            </a:solidFill>
            <a:ln w="6350" cmpd="sng">
              <a:solidFill>
                <a:schemeClr val="bg1"/>
              </a:solidFill>
              <a:round/>
              <a:headEnd/>
              <a:tailEnd/>
            </a:ln>
          </p:spPr>
          <p:txBody>
            <a:bodyPr/>
            <a:lstStyle/>
            <a:p>
              <a:endParaRPr lang="en-GB" sz="1633" dirty="0"/>
            </a:p>
          </p:txBody>
        </p:sp>
        <p:sp>
          <p:nvSpPr>
            <p:cNvPr id="259" name="Freeform 217"/>
            <p:cNvSpPr>
              <a:spLocks noEditPoints="1"/>
            </p:cNvSpPr>
            <p:nvPr/>
          </p:nvSpPr>
          <p:spPr bwMode="auto">
            <a:xfrm>
              <a:off x="9373975" y="5333527"/>
              <a:ext cx="165499" cy="165495"/>
            </a:xfrm>
            <a:custGeom>
              <a:avLst/>
              <a:gdLst/>
              <a:ahLst/>
              <a:cxnLst>
                <a:cxn ang="0">
                  <a:pos x="6" y="0"/>
                </a:cxn>
                <a:cxn ang="0">
                  <a:pos x="12" y="5"/>
                </a:cxn>
                <a:cxn ang="0">
                  <a:pos x="14" y="8"/>
                </a:cxn>
                <a:cxn ang="0">
                  <a:pos x="9" y="5"/>
                </a:cxn>
                <a:cxn ang="0">
                  <a:pos x="6" y="2"/>
                </a:cxn>
                <a:cxn ang="0">
                  <a:pos x="6" y="0"/>
                </a:cxn>
                <a:cxn ang="0">
                  <a:pos x="23" y="13"/>
                </a:cxn>
                <a:cxn ang="0">
                  <a:pos x="32" y="19"/>
                </a:cxn>
                <a:cxn ang="0">
                  <a:pos x="29" y="14"/>
                </a:cxn>
                <a:cxn ang="0">
                  <a:pos x="24" y="11"/>
                </a:cxn>
                <a:cxn ang="0">
                  <a:pos x="23" y="13"/>
                </a:cxn>
                <a:cxn ang="0">
                  <a:pos x="42" y="28"/>
                </a:cxn>
                <a:cxn ang="0">
                  <a:pos x="44" y="28"/>
                </a:cxn>
                <a:cxn ang="0">
                  <a:pos x="42" y="23"/>
                </a:cxn>
                <a:cxn ang="0">
                  <a:pos x="39" y="17"/>
                </a:cxn>
                <a:cxn ang="0">
                  <a:pos x="39" y="25"/>
                </a:cxn>
                <a:cxn ang="0">
                  <a:pos x="42" y="28"/>
                </a:cxn>
                <a:cxn ang="0">
                  <a:pos x="35" y="33"/>
                </a:cxn>
                <a:cxn ang="0">
                  <a:pos x="39" y="33"/>
                </a:cxn>
                <a:cxn ang="0">
                  <a:pos x="38" y="28"/>
                </a:cxn>
                <a:cxn ang="0">
                  <a:pos x="33" y="28"/>
                </a:cxn>
                <a:cxn ang="0">
                  <a:pos x="30" y="30"/>
                </a:cxn>
                <a:cxn ang="0">
                  <a:pos x="35" y="33"/>
                </a:cxn>
                <a:cxn ang="0">
                  <a:pos x="46" y="39"/>
                </a:cxn>
                <a:cxn ang="0">
                  <a:pos x="52" y="42"/>
                </a:cxn>
                <a:cxn ang="0">
                  <a:pos x="50" y="39"/>
                </a:cxn>
                <a:cxn ang="0">
                  <a:pos x="44" y="36"/>
                </a:cxn>
                <a:cxn ang="0">
                  <a:pos x="46" y="39"/>
                </a:cxn>
                <a:cxn ang="0">
                  <a:pos x="33" y="48"/>
                </a:cxn>
                <a:cxn ang="0">
                  <a:pos x="39" y="51"/>
                </a:cxn>
                <a:cxn ang="0">
                  <a:pos x="33" y="48"/>
                </a:cxn>
                <a:cxn ang="0">
                  <a:pos x="17" y="17"/>
                </a:cxn>
                <a:cxn ang="0">
                  <a:pos x="15" y="14"/>
                </a:cxn>
                <a:cxn ang="0">
                  <a:pos x="14" y="17"/>
                </a:cxn>
                <a:cxn ang="0">
                  <a:pos x="17" y="20"/>
                </a:cxn>
                <a:cxn ang="0">
                  <a:pos x="17" y="17"/>
                </a:cxn>
                <a:cxn ang="0">
                  <a:pos x="11" y="13"/>
                </a:cxn>
                <a:cxn ang="0">
                  <a:pos x="12" y="16"/>
                </a:cxn>
                <a:cxn ang="0">
                  <a:pos x="11" y="13"/>
                </a:cxn>
                <a:cxn ang="0">
                  <a:pos x="6" y="11"/>
                </a:cxn>
                <a:cxn ang="0">
                  <a:pos x="9" y="13"/>
                </a:cxn>
                <a:cxn ang="0">
                  <a:pos x="6" y="11"/>
                </a:cxn>
                <a:cxn ang="0">
                  <a:pos x="20" y="22"/>
                </a:cxn>
                <a:cxn ang="0">
                  <a:pos x="18" y="20"/>
                </a:cxn>
                <a:cxn ang="0">
                  <a:pos x="20" y="22"/>
                </a:cxn>
                <a:cxn ang="0">
                  <a:pos x="0" y="5"/>
                </a:cxn>
                <a:cxn ang="0">
                  <a:pos x="2" y="5"/>
                </a:cxn>
                <a:cxn ang="0">
                  <a:pos x="0" y="5"/>
                </a:cxn>
              </a:cxnLst>
              <a:rect l="0" t="0" r="r" b="b"/>
              <a:pathLst>
                <a:path w="53" h="53">
                  <a:moveTo>
                    <a:pt x="6" y="0"/>
                  </a:moveTo>
                  <a:cubicBezTo>
                    <a:pt x="11" y="3"/>
                    <a:pt x="11" y="3"/>
                    <a:pt x="12" y="5"/>
                  </a:cubicBezTo>
                  <a:cubicBezTo>
                    <a:pt x="12" y="8"/>
                    <a:pt x="17" y="8"/>
                    <a:pt x="14" y="8"/>
                  </a:cubicBezTo>
                  <a:cubicBezTo>
                    <a:pt x="12" y="10"/>
                    <a:pt x="9" y="7"/>
                    <a:pt x="9" y="5"/>
                  </a:cubicBezTo>
                  <a:cubicBezTo>
                    <a:pt x="8" y="3"/>
                    <a:pt x="6" y="3"/>
                    <a:pt x="6" y="2"/>
                  </a:cubicBezTo>
                  <a:cubicBezTo>
                    <a:pt x="6" y="0"/>
                    <a:pt x="6" y="0"/>
                    <a:pt x="6" y="0"/>
                  </a:cubicBezTo>
                  <a:close/>
                  <a:moveTo>
                    <a:pt x="23" y="13"/>
                  </a:moveTo>
                  <a:cubicBezTo>
                    <a:pt x="23" y="14"/>
                    <a:pt x="30" y="17"/>
                    <a:pt x="32" y="19"/>
                  </a:cubicBezTo>
                  <a:cubicBezTo>
                    <a:pt x="35" y="22"/>
                    <a:pt x="32" y="16"/>
                    <a:pt x="29" y="14"/>
                  </a:cubicBezTo>
                  <a:cubicBezTo>
                    <a:pt x="26" y="13"/>
                    <a:pt x="27" y="11"/>
                    <a:pt x="24" y="11"/>
                  </a:cubicBezTo>
                  <a:cubicBezTo>
                    <a:pt x="23" y="10"/>
                    <a:pt x="23" y="10"/>
                    <a:pt x="23" y="13"/>
                  </a:cubicBezTo>
                  <a:close/>
                  <a:moveTo>
                    <a:pt x="42" y="28"/>
                  </a:moveTo>
                  <a:cubicBezTo>
                    <a:pt x="44" y="31"/>
                    <a:pt x="47" y="31"/>
                    <a:pt x="44" y="28"/>
                  </a:cubicBezTo>
                  <a:cubicBezTo>
                    <a:pt x="44" y="27"/>
                    <a:pt x="46" y="27"/>
                    <a:pt x="42" y="23"/>
                  </a:cubicBezTo>
                  <a:cubicBezTo>
                    <a:pt x="41" y="22"/>
                    <a:pt x="42" y="19"/>
                    <a:pt x="39" y="17"/>
                  </a:cubicBezTo>
                  <a:cubicBezTo>
                    <a:pt x="36" y="17"/>
                    <a:pt x="39" y="19"/>
                    <a:pt x="39" y="25"/>
                  </a:cubicBezTo>
                  <a:cubicBezTo>
                    <a:pt x="41" y="27"/>
                    <a:pt x="41" y="27"/>
                    <a:pt x="42" y="28"/>
                  </a:cubicBezTo>
                  <a:close/>
                  <a:moveTo>
                    <a:pt x="35" y="33"/>
                  </a:moveTo>
                  <a:cubicBezTo>
                    <a:pt x="38" y="31"/>
                    <a:pt x="36" y="33"/>
                    <a:pt x="39" y="33"/>
                  </a:cubicBezTo>
                  <a:cubicBezTo>
                    <a:pt x="42" y="34"/>
                    <a:pt x="39" y="31"/>
                    <a:pt x="38" y="28"/>
                  </a:cubicBezTo>
                  <a:cubicBezTo>
                    <a:pt x="36" y="27"/>
                    <a:pt x="35" y="30"/>
                    <a:pt x="33" y="28"/>
                  </a:cubicBezTo>
                  <a:cubicBezTo>
                    <a:pt x="32" y="27"/>
                    <a:pt x="30" y="27"/>
                    <a:pt x="30" y="30"/>
                  </a:cubicBezTo>
                  <a:cubicBezTo>
                    <a:pt x="30" y="31"/>
                    <a:pt x="33" y="33"/>
                    <a:pt x="35" y="33"/>
                  </a:cubicBezTo>
                  <a:close/>
                  <a:moveTo>
                    <a:pt x="46" y="39"/>
                  </a:moveTo>
                  <a:cubicBezTo>
                    <a:pt x="46" y="40"/>
                    <a:pt x="50" y="42"/>
                    <a:pt x="52" y="42"/>
                  </a:cubicBezTo>
                  <a:cubicBezTo>
                    <a:pt x="53" y="42"/>
                    <a:pt x="52" y="39"/>
                    <a:pt x="50" y="39"/>
                  </a:cubicBezTo>
                  <a:cubicBezTo>
                    <a:pt x="49" y="39"/>
                    <a:pt x="46" y="36"/>
                    <a:pt x="44" y="36"/>
                  </a:cubicBezTo>
                  <a:cubicBezTo>
                    <a:pt x="42" y="37"/>
                    <a:pt x="46" y="37"/>
                    <a:pt x="46" y="39"/>
                  </a:cubicBezTo>
                  <a:close/>
                  <a:moveTo>
                    <a:pt x="33" y="48"/>
                  </a:moveTo>
                  <a:cubicBezTo>
                    <a:pt x="35" y="47"/>
                    <a:pt x="39" y="51"/>
                    <a:pt x="39" y="51"/>
                  </a:cubicBezTo>
                  <a:cubicBezTo>
                    <a:pt x="38" y="53"/>
                    <a:pt x="33" y="50"/>
                    <a:pt x="33" y="48"/>
                  </a:cubicBezTo>
                  <a:close/>
                  <a:moveTo>
                    <a:pt x="17" y="17"/>
                  </a:moveTo>
                  <a:cubicBezTo>
                    <a:pt x="15" y="16"/>
                    <a:pt x="17" y="14"/>
                    <a:pt x="15" y="14"/>
                  </a:cubicBezTo>
                  <a:cubicBezTo>
                    <a:pt x="14" y="13"/>
                    <a:pt x="12" y="19"/>
                    <a:pt x="14" y="17"/>
                  </a:cubicBezTo>
                  <a:cubicBezTo>
                    <a:pt x="15" y="17"/>
                    <a:pt x="15" y="17"/>
                    <a:pt x="17" y="20"/>
                  </a:cubicBezTo>
                  <a:cubicBezTo>
                    <a:pt x="17" y="20"/>
                    <a:pt x="18" y="19"/>
                    <a:pt x="17" y="17"/>
                  </a:cubicBezTo>
                  <a:close/>
                  <a:moveTo>
                    <a:pt x="11" y="13"/>
                  </a:moveTo>
                  <a:cubicBezTo>
                    <a:pt x="11" y="11"/>
                    <a:pt x="12" y="14"/>
                    <a:pt x="12" y="16"/>
                  </a:cubicBezTo>
                  <a:cubicBezTo>
                    <a:pt x="11" y="17"/>
                    <a:pt x="9" y="14"/>
                    <a:pt x="11" y="13"/>
                  </a:cubicBezTo>
                  <a:close/>
                  <a:moveTo>
                    <a:pt x="6" y="11"/>
                  </a:moveTo>
                  <a:cubicBezTo>
                    <a:pt x="6" y="10"/>
                    <a:pt x="11" y="11"/>
                    <a:pt x="9" y="13"/>
                  </a:cubicBezTo>
                  <a:cubicBezTo>
                    <a:pt x="8" y="14"/>
                    <a:pt x="6" y="11"/>
                    <a:pt x="6" y="11"/>
                  </a:cubicBezTo>
                  <a:close/>
                  <a:moveTo>
                    <a:pt x="20" y="22"/>
                  </a:moveTo>
                  <a:cubicBezTo>
                    <a:pt x="18" y="22"/>
                    <a:pt x="17" y="22"/>
                    <a:pt x="18" y="20"/>
                  </a:cubicBezTo>
                  <a:cubicBezTo>
                    <a:pt x="18" y="19"/>
                    <a:pt x="20" y="20"/>
                    <a:pt x="20" y="22"/>
                  </a:cubicBezTo>
                  <a:close/>
                  <a:moveTo>
                    <a:pt x="0" y="5"/>
                  </a:moveTo>
                  <a:cubicBezTo>
                    <a:pt x="0" y="3"/>
                    <a:pt x="2" y="5"/>
                    <a:pt x="2" y="5"/>
                  </a:cubicBezTo>
                  <a:cubicBezTo>
                    <a:pt x="2" y="7"/>
                    <a:pt x="0" y="7"/>
                    <a:pt x="0" y="5"/>
                  </a:cubicBezTo>
                  <a:close/>
                </a:path>
              </a:pathLst>
            </a:custGeom>
            <a:grpFill/>
            <a:ln w="6350" cmpd="sng">
              <a:solidFill>
                <a:schemeClr val="bg1"/>
              </a:solidFill>
              <a:round/>
              <a:headEnd/>
              <a:tailEnd/>
            </a:ln>
          </p:spPr>
          <p:txBody>
            <a:bodyPr/>
            <a:lstStyle/>
            <a:p>
              <a:endParaRPr lang="en-GB" sz="1633" dirty="0"/>
            </a:p>
          </p:txBody>
        </p:sp>
        <p:sp>
          <p:nvSpPr>
            <p:cNvPr id="260" name="Freeform 218"/>
            <p:cNvSpPr>
              <a:spLocks noEditPoints="1"/>
            </p:cNvSpPr>
            <p:nvPr/>
          </p:nvSpPr>
          <p:spPr bwMode="auto">
            <a:xfrm>
              <a:off x="9639094" y="5580966"/>
              <a:ext cx="77125" cy="162282"/>
            </a:xfrm>
            <a:custGeom>
              <a:avLst/>
              <a:gdLst/>
              <a:ahLst/>
              <a:cxnLst>
                <a:cxn ang="0">
                  <a:pos x="5" y="11"/>
                </a:cxn>
                <a:cxn ang="0">
                  <a:pos x="2" y="8"/>
                </a:cxn>
                <a:cxn ang="0">
                  <a:pos x="2" y="3"/>
                </a:cxn>
                <a:cxn ang="0">
                  <a:pos x="3" y="3"/>
                </a:cxn>
                <a:cxn ang="0">
                  <a:pos x="5" y="5"/>
                </a:cxn>
                <a:cxn ang="0">
                  <a:pos x="5" y="11"/>
                </a:cxn>
                <a:cxn ang="0">
                  <a:pos x="8" y="16"/>
                </a:cxn>
                <a:cxn ang="0">
                  <a:pos x="11" y="19"/>
                </a:cxn>
                <a:cxn ang="0">
                  <a:pos x="6" y="14"/>
                </a:cxn>
                <a:cxn ang="0">
                  <a:pos x="8" y="16"/>
                </a:cxn>
                <a:cxn ang="0">
                  <a:pos x="14" y="30"/>
                </a:cxn>
                <a:cxn ang="0">
                  <a:pos x="17" y="33"/>
                </a:cxn>
                <a:cxn ang="0">
                  <a:pos x="14" y="30"/>
                </a:cxn>
                <a:cxn ang="0">
                  <a:pos x="15" y="22"/>
                </a:cxn>
                <a:cxn ang="0">
                  <a:pos x="14" y="21"/>
                </a:cxn>
                <a:cxn ang="0">
                  <a:pos x="15" y="22"/>
                </a:cxn>
                <a:cxn ang="0">
                  <a:pos x="12" y="18"/>
                </a:cxn>
                <a:cxn ang="0">
                  <a:pos x="14" y="16"/>
                </a:cxn>
                <a:cxn ang="0">
                  <a:pos x="12" y="18"/>
                </a:cxn>
                <a:cxn ang="0">
                  <a:pos x="11" y="10"/>
                </a:cxn>
                <a:cxn ang="0">
                  <a:pos x="12" y="7"/>
                </a:cxn>
                <a:cxn ang="0">
                  <a:pos x="11" y="10"/>
                </a:cxn>
                <a:cxn ang="0">
                  <a:pos x="20" y="41"/>
                </a:cxn>
                <a:cxn ang="0">
                  <a:pos x="23" y="44"/>
                </a:cxn>
                <a:cxn ang="0">
                  <a:pos x="20" y="41"/>
                </a:cxn>
                <a:cxn ang="0">
                  <a:pos x="23" y="49"/>
                </a:cxn>
                <a:cxn ang="0">
                  <a:pos x="25" y="52"/>
                </a:cxn>
                <a:cxn ang="0">
                  <a:pos x="23" y="49"/>
                </a:cxn>
              </a:cxnLst>
              <a:rect l="0" t="0" r="r" b="b"/>
              <a:pathLst>
                <a:path w="25" h="52">
                  <a:moveTo>
                    <a:pt x="5" y="11"/>
                  </a:moveTo>
                  <a:cubicBezTo>
                    <a:pt x="2" y="11"/>
                    <a:pt x="3" y="11"/>
                    <a:pt x="2" y="8"/>
                  </a:cubicBezTo>
                  <a:cubicBezTo>
                    <a:pt x="0" y="7"/>
                    <a:pt x="2" y="7"/>
                    <a:pt x="2" y="3"/>
                  </a:cubicBezTo>
                  <a:cubicBezTo>
                    <a:pt x="0" y="0"/>
                    <a:pt x="2" y="0"/>
                    <a:pt x="3" y="3"/>
                  </a:cubicBezTo>
                  <a:cubicBezTo>
                    <a:pt x="3" y="8"/>
                    <a:pt x="5" y="2"/>
                    <a:pt x="5" y="5"/>
                  </a:cubicBezTo>
                  <a:cubicBezTo>
                    <a:pt x="6" y="8"/>
                    <a:pt x="8" y="10"/>
                    <a:pt x="5" y="11"/>
                  </a:cubicBezTo>
                  <a:close/>
                  <a:moveTo>
                    <a:pt x="8" y="16"/>
                  </a:moveTo>
                  <a:cubicBezTo>
                    <a:pt x="9" y="18"/>
                    <a:pt x="8" y="21"/>
                    <a:pt x="11" y="19"/>
                  </a:cubicBezTo>
                  <a:cubicBezTo>
                    <a:pt x="12" y="19"/>
                    <a:pt x="6" y="11"/>
                    <a:pt x="6" y="14"/>
                  </a:cubicBezTo>
                  <a:cubicBezTo>
                    <a:pt x="6" y="16"/>
                    <a:pt x="5" y="16"/>
                    <a:pt x="8" y="16"/>
                  </a:cubicBezTo>
                  <a:close/>
                  <a:moveTo>
                    <a:pt x="14" y="30"/>
                  </a:moveTo>
                  <a:cubicBezTo>
                    <a:pt x="15" y="28"/>
                    <a:pt x="18" y="33"/>
                    <a:pt x="17" y="33"/>
                  </a:cubicBezTo>
                  <a:cubicBezTo>
                    <a:pt x="15" y="33"/>
                    <a:pt x="14" y="32"/>
                    <a:pt x="14" y="30"/>
                  </a:cubicBezTo>
                  <a:close/>
                  <a:moveTo>
                    <a:pt x="15" y="22"/>
                  </a:moveTo>
                  <a:cubicBezTo>
                    <a:pt x="12" y="22"/>
                    <a:pt x="14" y="19"/>
                    <a:pt x="14" y="21"/>
                  </a:cubicBezTo>
                  <a:cubicBezTo>
                    <a:pt x="15" y="22"/>
                    <a:pt x="15" y="24"/>
                    <a:pt x="15" y="22"/>
                  </a:cubicBezTo>
                  <a:close/>
                  <a:moveTo>
                    <a:pt x="12" y="18"/>
                  </a:moveTo>
                  <a:cubicBezTo>
                    <a:pt x="11" y="16"/>
                    <a:pt x="14" y="14"/>
                    <a:pt x="14" y="16"/>
                  </a:cubicBezTo>
                  <a:cubicBezTo>
                    <a:pt x="15" y="19"/>
                    <a:pt x="12" y="19"/>
                    <a:pt x="12" y="18"/>
                  </a:cubicBezTo>
                  <a:close/>
                  <a:moveTo>
                    <a:pt x="11" y="10"/>
                  </a:moveTo>
                  <a:cubicBezTo>
                    <a:pt x="9" y="8"/>
                    <a:pt x="12" y="7"/>
                    <a:pt x="12" y="7"/>
                  </a:cubicBezTo>
                  <a:cubicBezTo>
                    <a:pt x="14" y="8"/>
                    <a:pt x="11" y="10"/>
                    <a:pt x="11" y="10"/>
                  </a:cubicBezTo>
                  <a:close/>
                  <a:moveTo>
                    <a:pt x="20" y="41"/>
                  </a:moveTo>
                  <a:cubicBezTo>
                    <a:pt x="21" y="39"/>
                    <a:pt x="25" y="44"/>
                    <a:pt x="23" y="44"/>
                  </a:cubicBezTo>
                  <a:cubicBezTo>
                    <a:pt x="21" y="46"/>
                    <a:pt x="20" y="43"/>
                    <a:pt x="20" y="41"/>
                  </a:cubicBezTo>
                  <a:close/>
                  <a:moveTo>
                    <a:pt x="23" y="49"/>
                  </a:moveTo>
                  <a:cubicBezTo>
                    <a:pt x="23" y="47"/>
                    <a:pt x="25" y="52"/>
                    <a:pt x="25" y="52"/>
                  </a:cubicBezTo>
                  <a:cubicBezTo>
                    <a:pt x="23" y="52"/>
                    <a:pt x="21" y="49"/>
                    <a:pt x="23" y="49"/>
                  </a:cubicBezTo>
                  <a:close/>
                </a:path>
              </a:pathLst>
            </a:custGeom>
            <a:grpFill/>
            <a:ln w="6350" cmpd="sng">
              <a:solidFill>
                <a:schemeClr val="bg1"/>
              </a:solidFill>
              <a:round/>
              <a:headEnd/>
              <a:tailEnd/>
            </a:ln>
          </p:spPr>
          <p:txBody>
            <a:bodyPr/>
            <a:lstStyle/>
            <a:p>
              <a:endParaRPr lang="en-GB" sz="1633" dirty="0"/>
            </a:p>
          </p:txBody>
        </p:sp>
        <p:sp>
          <p:nvSpPr>
            <p:cNvPr id="261" name="Freeform 219"/>
            <p:cNvSpPr>
              <a:spLocks noEditPoints="1"/>
            </p:cNvSpPr>
            <p:nvPr/>
          </p:nvSpPr>
          <p:spPr bwMode="auto">
            <a:xfrm>
              <a:off x="9570003" y="5754496"/>
              <a:ext cx="118902" cy="72304"/>
            </a:xfrm>
            <a:custGeom>
              <a:avLst/>
              <a:gdLst/>
              <a:ahLst/>
              <a:cxnLst>
                <a:cxn ang="0">
                  <a:pos x="34" y="14"/>
                </a:cxn>
                <a:cxn ang="0">
                  <a:pos x="36" y="13"/>
                </a:cxn>
                <a:cxn ang="0">
                  <a:pos x="34" y="14"/>
                </a:cxn>
                <a:cxn ang="0">
                  <a:pos x="30" y="6"/>
                </a:cxn>
                <a:cxn ang="0">
                  <a:pos x="27" y="6"/>
                </a:cxn>
                <a:cxn ang="0">
                  <a:pos x="28" y="10"/>
                </a:cxn>
                <a:cxn ang="0">
                  <a:pos x="30" y="6"/>
                </a:cxn>
                <a:cxn ang="0">
                  <a:pos x="16" y="14"/>
                </a:cxn>
                <a:cxn ang="0">
                  <a:pos x="13" y="11"/>
                </a:cxn>
                <a:cxn ang="0">
                  <a:pos x="4" y="2"/>
                </a:cxn>
                <a:cxn ang="0">
                  <a:pos x="4" y="3"/>
                </a:cxn>
                <a:cxn ang="0">
                  <a:pos x="0" y="0"/>
                </a:cxn>
                <a:cxn ang="0">
                  <a:pos x="0" y="2"/>
                </a:cxn>
                <a:cxn ang="0">
                  <a:pos x="4" y="6"/>
                </a:cxn>
                <a:cxn ang="0">
                  <a:pos x="4" y="8"/>
                </a:cxn>
                <a:cxn ang="0">
                  <a:pos x="7" y="10"/>
                </a:cxn>
                <a:cxn ang="0">
                  <a:pos x="7" y="11"/>
                </a:cxn>
                <a:cxn ang="0">
                  <a:pos x="8" y="13"/>
                </a:cxn>
                <a:cxn ang="0">
                  <a:pos x="8" y="13"/>
                </a:cxn>
                <a:cxn ang="0">
                  <a:pos x="10" y="14"/>
                </a:cxn>
                <a:cxn ang="0">
                  <a:pos x="11" y="14"/>
                </a:cxn>
                <a:cxn ang="0">
                  <a:pos x="16" y="19"/>
                </a:cxn>
                <a:cxn ang="0">
                  <a:pos x="21" y="22"/>
                </a:cxn>
                <a:cxn ang="0">
                  <a:pos x="21" y="23"/>
                </a:cxn>
                <a:cxn ang="0">
                  <a:pos x="18" y="16"/>
                </a:cxn>
                <a:cxn ang="0">
                  <a:pos x="16" y="14"/>
                </a:cxn>
              </a:cxnLst>
              <a:rect l="0" t="0" r="r" b="b"/>
              <a:pathLst>
                <a:path w="38" h="23">
                  <a:moveTo>
                    <a:pt x="34" y="14"/>
                  </a:moveTo>
                  <a:cubicBezTo>
                    <a:pt x="33" y="13"/>
                    <a:pt x="34" y="11"/>
                    <a:pt x="36" y="13"/>
                  </a:cubicBezTo>
                  <a:cubicBezTo>
                    <a:pt x="38" y="16"/>
                    <a:pt x="34" y="16"/>
                    <a:pt x="34" y="14"/>
                  </a:cubicBezTo>
                  <a:close/>
                  <a:moveTo>
                    <a:pt x="30" y="6"/>
                  </a:moveTo>
                  <a:cubicBezTo>
                    <a:pt x="28" y="5"/>
                    <a:pt x="27" y="5"/>
                    <a:pt x="27" y="6"/>
                  </a:cubicBezTo>
                  <a:cubicBezTo>
                    <a:pt x="28" y="6"/>
                    <a:pt x="25" y="8"/>
                    <a:pt x="28" y="10"/>
                  </a:cubicBezTo>
                  <a:cubicBezTo>
                    <a:pt x="31" y="11"/>
                    <a:pt x="31" y="8"/>
                    <a:pt x="30" y="6"/>
                  </a:cubicBezTo>
                  <a:close/>
                  <a:moveTo>
                    <a:pt x="16" y="14"/>
                  </a:moveTo>
                  <a:cubicBezTo>
                    <a:pt x="13" y="11"/>
                    <a:pt x="13" y="11"/>
                    <a:pt x="13" y="11"/>
                  </a:cubicBezTo>
                  <a:cubicBezTo>
                    <a:pt x="13" y="8"/>
                    <a:pt x="5" y="3"/>
                    <a:pt x="4" y="2"/>
                  </a:cubicBezTo>
                  <a:cubicBezTo>
                    <a:pt x="4" y="3"/>
                    <a:pt x="4" y="3"/>
                    <a:pt x="4" y="3"/>
                  </a:cubicBezTo>
                  <a:cubicBezTo>
                    <a:pt x="2" y="3"/>
                    <a:pt x="2" y="0"/>
                    <a:pt x="0" y="0"/>
                  </a:cubicBezTo>
                  <a:cubicBezTo>
                    <a:pt x="0" y="2"/>
                    <a:pt x="0" y="2"/>
                    <a:pt x="0" y="2"/>
                  </a:cubicBezTo>
                  <a:cubicBezTo>
                    <a:pt x="4" y="6"/>
                    <a:pt x="4" y="6"/>
                    <a:pt x="4" y="6"/>
                  </a:cubicBezTo>
                  <a:cubicBezTo>
                    <a:pt x="4" y="8"/>
                    <a:pt x="4" y="8"/>
                    <a:pt x="4" y="8"/>
                  </a:cubicBezTo>
                  <a:cubicBezTo>
                    <a:pt x="7" y="10"/>
                    <a:pt x="7" y="10"/>
                    <a:pt x="7" y="10"/>
                  </a:cubicBezTo>
                  <a:cubicBezTo>
                    <a:pt x="7" y="11"/>
                    <a:pt x="7" y="11"/>
                    <a:pt x="7" y="11"/>
                  </a:cubicBezTo>
                  <a:cubicBezTo>
                    <a:pt x="8" y="13"/>
                    <a:pt x="8" y="13"/>
                    <a:pt x="8" y="13"/>
                  </a:cubicBezTo>
                  <a:cubicBezTo>
                    <a:pt x="8" y="13"/>
                    <a:pt x="8" y="13"/>
                    <a:pt x="8" y="13"/>
                  </a:cubicBezTo>
                  <a:cubicBezTo>
                    <a:pt x="10" y="14"/>
                    <a:pt x="10" y="14"/>
                    <a:pt x="10" y="14"/>
                  </a:cubicBezTo>
                  <a:cubicBezTo>
                    <a:pt x="10" y="14"/>
                    <a:pt x="10" y="14"/>
                    <a:pt x="11" y="14"/>
                  </a:cubicBezTo>
                  <a:cubicBezTo>
                    <a:pt x="11" y="16"/>
                    <a:pt x="14" y="17"/>
                    <a:pt x="16" y="19"/>
                  </a:cubicBezTo>
                  <a:cubicBezTo>
                    <a:pt x="21" y="22"/>
                    <a:pt x="21" y="22"/>
                    <a:pt x="21" y="22"/>
                  </a:cubicBezTo>
                  <a:cubicBezTo>
                    <a:pt x="21" y="23"/>
                    <a:pt x="21" y="23"/>
                    <a:pt x="21" y="23"/>
                  </a:cubicBezTo>
                  <a:cubicBezTo>
                    <a:pt x="27" y="20"/>
                    <a:pt x="27" y="23"/>
                    <a:pt x="18" y="16"/>
                  </a:cubicBezTo>
                  <a:cubicBezTo>
                    <a:pt x="18" y="14"/>
                    <a:pt x="16" y="13"/>
                    <a:pt x="16" y="14"/>
                  </a:cubicBezTo>
                  <a:close/>
                </a:path>
              </a:pathLst>
            </a:custGeom>
            <a:grpFill/>
            <a:ln w="6350" cmpd="sng">
              <a:solidFill>
                <a:schemeClr val="bg1"/>
              </a:solidFill>
              <a:round/>
              <a:headEnd/>
              <a:tailEnd/>
            </a:ln>
          </p:spPr>
          <p:txBody>
            <a:bodyPr/>
            <a:lstStyle/>
            <a:p>
              <a:endParaRPr lang="en-GB" sz="1633" dirty="0"/>
            </a:p>
          </p:txBody>
        </p:sp>
        <p:sp>
          <p:nvSpPr>
            <p:cNvPr id="262" name="Freeform 220"/>
            <p:cNvSpPr>
              <a:spLocks/>
            </p:cNvSpPr>
            <p:nvPr/>
          </p:nvSpPr>
          <p:spPr bwMode="auto">
            <a:xfrm>
              <a:off x="8003391" y="4925412"/>
              <a:ext cx="102834" cy="178350"/>
            </a:xfrm>
            <a:custGeom>
              <a:avLst/>
              <a:gdLst/>
              <a:ahLst/>
              <a:cxnLst>
                <a:cxn ang="0">
                  <a:pos x="15" y="7"/>
                </a:cxn>
                <a:cxn ang="0">
                  <a:pos x="18" y="8"/>
                </a:cxn>
                <a:cxn ang="0">
                  <a:pos x="26" y="19"/>
                </a:cxn>
                <a:cxn ang="0">
                  <a:pos x="26" y="27"/>
                </a:cxn>
                <a:cxn ang="0">
                  <a:pos x="26" y="32"/>
                </a:cxn>
                <a:cxn ang="0">
                  <a:pos x="27" y="41"/>
                </a:cxn>
                <a:cxn ang="0">
                  <a:pos x="32" y="49"/>
                </a:cxn>
                <a:cxn ang="0">
                  <a:pos x="32" y="54"/>
                </a:cxn>
                <a:cxn ang="0">
                  <a:pos x="30" y="52"/>
                </a:cxn>
                <a:cxn ang="0">
                  <a:pos x="29" y="54"/>
                </a:cxn>
                <a:cxn ang="0">
                  <a:pos x="26" y="54"/>
                </a:cxn>
                <a:cxn ang="0">
                  <a:pos x="17" y="47"/>
                </a:cxn>
                <a:cxn ang="0">
                  <a:pos x="9" y="38"/>
                </a:cxn>
                <a:cxn ang="0">
                  <a:pos x="5" y="28"/>
                </a:cxn>
                <a:cxn ang="0">
                  <a:pos x="3" y="24"/>
                </a:cxn>
                <a:cxn ang="0">
                  <a:pos x="2" y="16"/>
                </a:cxn>
                <a:cxn ang="0">
                  <a:pos x="0" y="3"/>
                </a:cxn>
                <a:cxn ang="0">
                  <a:pos x="2" y="2"/>
                </a:cxn>
                <a:cxn ang="0">
                  <a:pos x="5" y="5"/>
                </a:cxn>
                <a:cxn ang="0">
                  <a:pos x="8" y="7"/>
                </a:cxn>
                <a:cxn ang="0">
                  <a:pos x="8" y="11"/>
                </a:cxn>
                <a:cxn ang="0">
                  <a:pos x="12" y="10"/>
                </a:cxn>
                <a:cxn ang="0">
                  <a:pos x="15" y="7"/>
                </a:cxn>
              </a:cxnLst>
              <a:rect l="0" t="0" r="r" b="b"/>
              <a:pathLst>
                <a:path w="33" h="57">
                  <a:moveTo>
                    <a:pt x="15" y="7"/>
                  </a:moveTo>
                  <a:cubicBezTo>
                    <a:pt x="17" y="7"/>
                    <a:pt x="17" y="5"/>
                    <a:pt x="18" y="8"/>
                  </a:cubicBezTo>
                  <a:cubicBezTo>
                    <a:pt x="18" y="11"/>
                    <a:pt x="24" y="14"/>
                    <a:pt x="26" y="19"/>
                  </a:cubicBezTo>
                  <a:cubicBezTo>
                    <a:pt x="27" y="24"/>
                    <a:pt x="26" y="27"/>
                    <a:pt x="26" y="27"/>
                  </a:cubicBezTo>
                  <a:cubicBezTo>
                    <a:pt x="26" y="28"/>
                    <a:pt x="24" y="30"/>
                    <a:pt x="26" y="32"/>
                  </a:cubicBezTo>
                  <a:cubicBezTo>
                    <a:pt x="27" y="33"/>
                    <a:pt x="23" y="38"/>
                    <a:pt x="27" y="41"/>
                  </a:cubicBezTo>
                  <a:cubicBezTo>
                    <a:pt x="30" y="44"/>
                    <a:pt x="29" y="47"/>
                    <a:pt x="32" y="49"/>
                  </a:cubicBezTo>
                  <a:cubicBezTo>
                    <a:pt x="32" y="50"/>
                    <a:pt x="33" y="55"/>
                    <a:pt x="32" y="54"/>
                  </a:cubicBezTo>
                  <a:cubicBezTo>
                    <a:pt x="30" y="54"/>
                    <a:pt x="32" y="54"/>
                    <a:pt x="30" y="52"/>
                  </a:cubicBezTo>
                  <a:cubicBezTo>
                    <a:pt x="29" y="52"/>
                    <a:pt x="30" y="54"/>
                    <a:pt x="29" y="54"/>
                  </a:cubicBezTo>
                  <a:cubicBezTo>
                    <a:pt x="26" y="52"/>
                    <a:pt x="27" y="57"/>
                    <a:pt x="26" y="54"/>
                  </a:cubicBezTo>
                  <a:cubicBezTo>
                    <a:pt x="24" y="50"/>
                    <a:pt x="23" y="54"/>
                    <a:pt x="17" y="47"/>
                  </a:cubicBezTo>
                  <a:cubicBezTo>
                    <a:pt x="9" y="39"/>
                    <a:pt x="8" y="41"/>
                    <a:pt x="9" y="38"/>
                  </a:cubicBezTo>
                  <a:cubicBezTo>
                    <a:pt x="11" y="35"/>
                    <a:pt x="3" y="30"/>
                    <a:pt x="5" y="28"/>
                  </a:cubicBezTo>
                  <a:cubicBezTo>
                    <a:pt x="5" y="27"/>
                    <a:pt x="3" y="28"/>
                    <a:pt x="3" y="24"/>
                  </a:cubicBezTo>
                  <a:cubicBezTo>
                    <a:pt x="3" y="17"/>
                    <a:pt x="0" y="19"/>
                    <a:pt x="2" y="16"/>
                  </a:cubicBezTo>
                  <a:cubicBezTo>
                    <a:pt x="2" y="14"/>
                    <a:pt x="3" y="8"/>
                    <a:pt x="0" y="3"/>
                  </a:cubicBezTo>
                  <a:cubicBezTo>
                    <a:pt x="0" y="0"/>
                    <a:pt x="0" y="0"/>
                    <a:pt x="2" y="2"/>
                  </a:cubicBezTo>
                  <a:cubicBezTo>
                    <a:pt x="3" y="3"/>
                    <a:pt x="5" y="2"/>
                    <a:pt x="5" y="5"/>
                  </a:cubicBezTo>
                  <a:cubicBezTo>
                    <a:pt x="6" y="7"/>
                    <a:pt x="8" y="3"/>
                    <a:pt x="8" y="7"/>
                  </a:cubicBezTo>
                  <a:cubicBezTo>
                    <a:pt x="8" y="8"/>
                    <a:pt x="6" y="10"/>
                    <a:pt x="8" y="11"/>
                  </a:cubicBezTo>
                  <a:cubicBezTo>
                    <a:pt x="9" y="13"/>
                    <a:pt x="9" y="7"/>
                    <a:pt x="12" y="10"/>
                  </a:cubicBezTo>
                  <a:cubicBezTo>
                    <a:pt x="14" y="11"/>
                    <a:pt x="14" y="11"/>
                    <a:pt x="15" y="7"/>
                  </a:cubicBezTo>
                </a:path>
              </a:pathLst>
            </a:custGeom>
            <a:solidFill>
              <a:schemeClr val="accent5"/>
            </a:solidFill>
            <a:ln w="6350" cmpd="sng">
              <a:solidFill>
                <a:schemeClr val="bg1"/>
              </a:solidFill>
              <a:round/>
              <a:headEnd/>
              <a:tailEnd/>
            </a:ln>
          </p:spPr>
          <p:txBody>
            <a:bodyPr/>
            <a:lstStyle/>
            <a:p>
              <a:endParaRPr lang="en-GB" sz="1633" dirty="0"/>
            </a:p>
          </p:txBody>
        </p:sp>
        <p:sp>
          <p:nvSpPr>
            <p:cNvPr id="263" name="Freeform 221"/>
            <p:cNvSpPr>
              <a:spLocks/>
            </p:cNvSpPr>
            <p:nvPr/>
          </p:nvSpPr>
          <p:spPr bwMode="auto">
            <a:xfrm>
              <a:off x="8086944" y="5090908"/>
              <a:ext cx="9641" cy="12854"/>
            </a:xfrm>
            <a:custGeom>
              <a:avLst/>
              <a:gdLst/>
              <a:ahLst/>
              <a:cxnLst>
                <a:cxn ang="0">
                  <a:pos x="0" y="2"/>
                </a:cxn>
                <a:cxn ang="0">
                  <a:pos x="3" y="0"/>
                </a:cxn>
                <a:cxn ang="0">
                  <a:pos x="0" y="2"/>
                </a:cxn>
              </a:cxnLst>
              <a:rect l="0" t="0" r="r" b="b"/>
              <a:pathLst>
                <a:path w="3" h="4">
                  <a:moveTo>
                    <a:pt x="0" y="2"/>
                  </a:moveTo>
                  <a:cubicBezTo>
                    <a:pt x="0" y="0"/>
                    <a:pt x="3" y="0"/>
                    <a:pt x="3" y="0"/>
                  </a:cubicBezTo>
                  <a:cubicBezTo>
                    <a:pt x="3" y="2"/>
                    <a:pt x="2" y="4"/>
                    <a:pt x="0" y="2"/>
                  </a:cubicBezTo>
                </a:path>
              </a:pathLst>
            </a:custGeom>
            <a:grpFill/>
            <a:ln w="6350" cmpd="sng">
              <a:solidFill>
                <a:schemeClr val="bg1"/>
              </a:solidFill>
              <a:round/>
              <a:headEnd/>
              <a:tailEnd/>
            </a:ln>
          </p:spPr>
          <p:txBody>
            <a:bodyPr/>
            <a:lstStyle/>
            <a:p>
              <a:endParaRPr lang="en-GB" sz="1633" dirty="0"/>
            </a:p>
          </p:txBody>
        </p:sp>
        <p:sp>
          <p:nvSpPr>
            <p:cNvPr id="264" name="Freeform 222"/>
            <p:cNvSpPr>
              <a:spLocks noEditPoints="1"/>
            </p:cNvSpPr>
            <p:nvPr/>
          </p:nvSpPr>
          <p:spPr bwMode="auto">
            <a:xfrm>
              <a:off x="7874848" y="4957547"/>
              <a:ext cx="1115107" cy="510947"/>
            </a:xfrm>
            <a:custGeom>
              <a:avLst/>
              <a:gdLst/>
              <a:ahLst/>
              <a:cxnLst>
                <a:cxn ang="0">
                  <a:pos x="306" y="91"/>
                </a:cxn>
                <a:cxn ang="0">
                  <a:pos x="288" y="67"/>
                </a:cxn>
                <a:cxn ang="0">
                  <a:pos x="341" y="73"/>
                </a:cxn>
                <a:cxn ang="0">
                  <a:pos x="157" y="37"/>
                </a:cxn>
                <a:cxn ang="0">
                  <a:pos x="115" y="40"/>
                </a:cxn>
                <a:cxn ang="0">
                  <a:pos x="121" y="87"/>
                </a:cxn>
                <a:cxn ang="0">
                  <a:pos x="167" y="87"/>
                </a:cxn>
                <a:cxn ang="0">
                  <a:pos x="179" y="29"/>
                </a:cxn>
                <a:cxn ang="0">
                  <a:pos x="24" y="35"/>
                </a:cxn>
                <a:cxn ang="0">
                  <a:pos x="71" y="112"/>
                </a:cxn>
                <a:cxn ang="0">
                  <a:pos x="77" y="80"/>
                </a:cxn>
                <a:cxn ang="0">
                  <a:pos x="45" y="37"/>
                </a:cxn>
                <a:cxn ang="0">
                  <a:pos x="4" y="1"/>
                </a:cxn>
                <a:cxn ang="0">
                  <a:pos x="138" y="140"/>
                </a:cxn>
                <a:cxn ang="0">
                  <a:pos x="128" y="122"/>
                </a:cxn>
                <a:cxn ang="0">
                  <a:pos x="85" y="121"/>
                </a:cxn>
                <a:cxn ang="0">
                  <a:pos x="347" y="129"/>
                </a:cxn>
                <a:cxn ang="0">
                  <a:pos x="161" y="124"/>
                </a:cxn>
                <a:cxn ang="0">
                  <a:pos x="166" y="143"/>
                </a:cxn>
                <a:cxn ang="0">
                  <a:pos x="189" y="144"/>
                </a:cxn>
                <a:cxn ang="0">
                  <a:pos x="181" y="141"/>
                </a:cxn>
                <a:cxn ang="0">
                  <a:pos x="195" y="140"/>
                </a:cxn>
                <a:cxn ang="0">
                  <a:pos x="208" y="144"/>
                </a:cxn>
                <a:cxn ang="0">
                  <a:pos x="210" y="141"/>
                </a:cxn>
                <a:cxn ang="0">
                  <a:pos x="222" y="141"/>
                </a:cxn>
                <a:cxn ang="0">
                  <a:pos x="228" y="138"/>
                </a:cxn>
                <a:cxn ang="0">
                  <a:pos x="236" y="136"/>
                </a:cxn>
                <a:cxn ang="0">
                  <a:pos x="195" y="149"/>
                </a:cxn>
                <a:cxn ang="0">
                  <a:pos x="240" y="149"/>
                </a:cxn>
                <a:cxn ang="0">
                  <a:pos x="230" y="149"/>
                </a:cxn>
                <a:cxn ang="0">
                  <a:pos x="205" y="88"/>
                </a:cxn>
                <a:cxn ang="0">
                  <a:pos x="221" y="63"/>
                </a:cxn>
                <a:cxn ang="0">
                  <a:pos x="231" y="48"/>
                </a:cxn>
                <a:cxn ang="0">
                  <a:pos x="193" y="73"/>
                </a:cxn>
                <a:cxn ang="0">
                  <a:pos x="246" y="88"/>
                </a:cxn>
                <a:cxn ang="0">
                  <a:pos x="260" y="90"/>
                </a:cxn>
                <a:cxn ang="0">
                  <a:pos x="262" y="71"/>
                </a:cxn>
                <a:cxn ang="0">
                  <a:pos x="285" y="70"/>
                </a:cxn>
                <a:cxn ang="0">
                  <a:pos x="260" y="54"/>
                </a:cxn>
                <a:cxn ang="0">
                  <a:pos x="257" y="48"/>
                </a:cxn>
                <a:cxn ang="0">
                  <a:pos x="213" y="107"/>
                </a:cxn>
                <a:cxn ang="0">
                  <a:pos x="224" y="101"/>
                </a:cxn>
                <a:cxn ang="0">
                  <a:pos x="225" y="70"/>
                </a:cxn>
                <a:cxn ang="0">
                  <a:pos x="312" y="119"/>
                </a:cxn>
                <a:cxn ang="0">
                  <a:pos x="100" y="88"/>
                </a:cxn>
                <a:cxn ang="0">
                  <a:pos x="90" y="82"/>
                </a:cxn>
                <a:cxn ang="0">
                  <a:pos x="12" y="34"/>
                </a:cxn>
                <a:cxn ang="0">
                  <a:pos x="29" y="67"/>
                </a:cxn>
                <a:cxn ang="0">
                  <a:pos x="74" y="60"/>
                </a:cxn>
                <a:cxn ang="0">
                  <a:pos x="67" y="48"/>
                </a:cxn>
                <a:cxn ang="0">
                  <a:pos x="58" y="43"/>
                </a:cxn>
                <a:cxn ang="0">
                  <a:pos x="62" y="48"/>
                </a:cxn>
                <a:cxn ang="0">
                  <a:pos x="326" y="74"/>
                </a:cxn>
                <a:cxn ang="0">
                  <a:pos x="275" y="135"/>
                </a:cxn>
                <a:cxn ang="0">
                  <a:pos x="260" y="138"/>
                </a:cxn>
                <a:cxn ang="0">
                  <a:pos x="312" y="115"/>
                </a:cxn>
                <a:cxn ang="0">
                  <a:pos x="245" y="76"/>
                </a:cxn>
                <a:cxn ang="0">
                  <a:pos x="265" y="91"/>
                </a:cxn>
                <a:cxn ang="0">
                  <a:pos x="74" y="45"/>
                </a:cxn>
              </a:cxnLst>
              <a:rect l="0" t="0" r="r" b="b"/>
              <a:pathLst>
                <a:path w="358" h="164">
                  <a:moveTo>
                    <a:pt x="358" y="138"/>
                  </a:moveTo>
                  <a:cubicBezTo>
                    <a:pt x="353" y="136"/>
                    <a:pt x="352" y="138"/>
                    <a:pt x="350" y="136"/>
                  </a:cubicBezTo>
                  <a:cubicBezTo>
                    <a:pt x="350" y="135"/>
                    <a:pt x="345" y="140"/>
                    <a:pt x="349" y="133"/>
                  </a:cubicBezTo>
                  <a:cubicBezTo>
                    <a:pt x="352" y="129"/>
                    <a:pt x="345" y="130"/>
                    <a:pt x="345" y="125"/>
                  </a:cubicBezTo>
                  <a:cubicBezTo>
                    <a:pt x="344" y="122"/>
                    <a:pt x="349" y="125"/>
                    <a:pt x="345" y="121"/>
                  </a:cubicBezTo>
                  <a:cubicBezTo>
                    <a:pt x="342" y="118"/>
                    <a:pt x="341" y="110"/>
                    <a:pt x="338" y="107"/>
                  </a:cubicBezTo>
                  <a:cubicBezTo>
                    <a:pt x="333" y="104"/>
                    <a:pt x="330" y="105"/>
                    <a:pt x="327" y="102"/>
                  </a:cubicBezTo>
                  <a:cubicBezTo>
                    <a:pt x="321" y="99"/>
                    <a:pt x="320" y="102"/>
                    <a:pt x="313" y="97"/>
                  </a:cubicBezTo>
                  <a:cubicBezTo>
                    <a:pt x="309" y="93"/>
                    <a:pt x="306" y="94"/>
                    <a:pt x="306" y="91"/>
                  </a:cubicBezTo>
                  <a:cubicBezTo>
                    <a:pt x="307" y="85"/>
                    <a:pt x="306" y="85"/>
                    <a:pt x="304" y="93"/>
                  </a:cubicBezTo>
                  <a:cubicBezTo>
                    <a:pt x="304" y="97"/>
                    <a:pt x="300" y="97"/>
                    <a:pt x="298" y="94"/>
                  </a:cubicBezTo>
                  <a:cubicBezTo>
                    <a:pt x="297" y="91"/>
                    <a:pt x="303" y="93"/>
                    <a:pt x="298" y="88"/>
                  </a:cubicBezTo>
                  <a:cubicBezTo>
                    <a:pt x="294" y="85"/>
                    <a:pt x="294" y="87"/>
                    <a:pt x="292" y="85"/>
                  </a:cubicBezTo>
                  <a:cubicBezTo>
                    <a:pt x="292" y="80"/>
                    <a:pt x="300" y="87"/>
                    <a:pt x="301" y="82"/>
                  </a:cubicBezTo>
                  <a:cubicBezTo>
                    <a:pt x="301" y="79"/>
                    <a:pt x="307" y="84"/>
                    <a:pt x="307" y="80"/>
                  </a:cubicBezTo>
                  <a:cubicBezTo>
                    <a:pt x="307" y="76"/>
                    <a:pt x="295" y="82"/>
                    <a:pt x="294" y="77"/>
                  </a:cubicBezTo>
                  <a:cubicBezTo>
                    <a:pt x="291" y="73"/>
                    <a:pt x="291" y="71"/>
                    <a:pt x="288" y="71"/>
                  </a:cubicBezTo>
                  <a:cubicBezTo>
                    <a:pt x="281" y="71"/>
                    <a:pt x="288" y="68"/>
                    <a:pt x="288" y="67"/>
                  </a:cubicBezTo>
                  <a:cubicBezTo>
                    <a:pt x="286" y="63"/>
                    <a:pt x="289" y="65"/>
                    <a:pt x="292" y="63"/>
                  </a:cubicBezTo>
                  <a:cubicBezTo>
                    <a:pt x="294" y="63"/>
                    <a:pt x="294" y="57"/>
                    <a:pt x="301" y="62"/>
                  </a:cubicBezTo>
                  <a:cubicBezTo>
                    <a:pt x="309" y="67"/>
                    <a:pt x="309" y="62"/>
                    <a:pt x="310" y="67"/>
                  </a:cubicBezTo>
                  <a:cubicBezTo>
                    <a:pt x="312" y="73"/>
                    <a:pt x="309" y="73"/>
                    <a:pt x="310" y="80"/>
                  </a:cubicBezTo>
                  <a:cubicBezTo>
                    <a:pt x="313" y="87"/>
                    <a:pt x="312" y="79"/>
                    <a:pt x="313" y="80"/>
                  </a:cubicBezTo>
                  <a:cubicBezTo>
                    <a:pt x="315" y="84"/>
                    <a:pt x="313" y="88"/>
                    <a:pt x="318" y="90"/>
                  </a:cubicBezTo>
                  <a:cubicBezTo>
                    <a:pt x="321" y="91"/>
                    <a:pt x="327" y="77"/>
                    <a:pt x="329" y="79"/>
                  </a:cubicBezTo>
                  <a:cubicBezTo>
                    <a:pt x="330" y="80"/>
                    <a:pt x="335" y="77"/>
                    <a:pt x="335" y="76"/>
                  </a:cubicBezTo>
                  <a:cubicBezTo>
                    <a:pt x="333" y="74"/>
                    <a:pt x="338" y="71"/>
                    <a:pt x="341" y="73"/>
                  </a:cubicBezTo>
                  <a:cubicBezTo>
                    <a:pt x="344" y="74"/>
                    <a:pt x="353" y="80"/>
                    <a:pt x="358" y="80"/>
                  </a:cubicBezTo>
                  <a:cubicBezTo>
                    <a:pt x="358" y="138"/>
                    <a:pt x="358" y="138"/>
                    <a:pt x="358" y="138"/>
                  </a:cubicBezTo>
                  <a:close/>
                  <a:moveTo>
                    <a:pt x="178" y="17"/>
                  </a:moveTo>
                  <a:cubicBezTo>
                    <a:pt x="175" y="14"/>
                    <a:pt x="176" y="15"/>
                    <a:pt x="173" y="15"/>
                  </a:cubicBezTo>
                  <a:cubicBezTo>
                    <a:pt x="169" y="15"/>
                    <a:pt x="166" y="14"/>
                    <a:pt x="164" y="17"/>
                  </a:cubicBezTo>
                  <a:cubicBezTo>
                    <a:pt x="163" y="20"/>
                    <a:pt x="163" y="23"/>
                    <a:pt x="163" y="26"/>
                  </a:cubicBezTo>
                  <a:cubicBezTo>
                    <a:pt x="163" y="29"/>
                    <a:pt x="160" y="26"/>
                    <a:pt x="160" y="29"/>
                  </a:cubicBezTo>
                  <a:cubicBezTo>
                    <a:pt x="158" y="32"/>
                    <a:pt x="158" y="32"/>
                    <a:pt x="160" y="32"/>
                  </a:cubicBezTo>
                  <a:cubicBezTo>
                    <a:pt x="161" y="34"/>
                    <a:pt x="157" y="34"/>
                    <a:pt x="157" y="37"/>
                  </a:cubicBezTo>
                  <a:cubicBezTo>
                    <a:pt x="157" y="39"/>
                    <a:pt x="157" y="40"/>
                    <a:pt x="155" y="42"/>
                  </a:cubicBezTo>
                  <a:cubicBezTo>
                    <a:pt x="155" y="45"/>
                    <a:pt x="150" y="42"/>
                    <a:pt x="149" y="45"/>
                  </a:cubicBezTo>
                  <a:cubicBezTo>
                    <a:pt x="147" y="46"/>
                    <a:pt x="144" y="45"/>
                    <a:pt x="143" y="43"/>
                  </a:cubicBezTo>
                  <a:cubicBezTo>
                    <a:pt x="141" y="43"/>
                    <a:pt x="144" y="42"/>
                    <a:pt x="140" y="42"/>
                  </a:cubicBezTo>
                  <a:cubicBezTo>
                    <a:pt x="134" y="42"/>
                    <a:pt x="137" y="46"/>
                    <a:pt x="135" y="46"/>
                  </a:cubicBezTo>
                  <a:cubicBezTo>
                    <a:pt x="132" y="46"/>
                    <a:pt x="134" y="49"/>
                    <a:pt x="129" y="48"/>
                  </a:cubicBezTo>
                  <a:cubicBezTo>
                    <a:pt x="125" y="46"/>
                    <a:pt x="125" y="51"/>
                    <a:pt x="121" y="48"/>
                  </a:cubicBezTo>
                  <a:cubicBezTo>
                    <a:pt x="120" y="46"/>
                    <a:pt x="118" y="43"/>
                    <a:pt x="117" y="43"/>
                  </a:cubicBezTo>
                  <a:cubicBezTo>
                    <a:pt x="115" y="43"/>
                    <a:pt x="117" y="42"/>
                    <a:pt x="115" y="40"/>
                  </a:cubicBezTo>
                  <a:cubicBezTo>
                    <a:pt x="114" y="40"/>
                    <a:pt x="115" y="37"/>
                    <a:pt x="115" y="37"/>
                  </a:cubicBezTo>
                  <a:cubicBezTo>
                    <a:pt x="112" y="37"/>
                    <a:pt x="112" y="40"/>
                    <a:pt x="112" y="42"/>
                  </a:cubicBezTo>
                  <a:cubicBezTo>
                    <a:pt x="109" y="45"/>
                    <a:pt x="108" y="54"/>
                    <a:pt x="111" y="56"/>
                  </a:cubicBezTo>
                  <a:cubicBezTo>
                    <a:pt x="114" y="57"/>
                    <a:pt x="109" y="59"/>
                    <a:pt x="112" y="62"/>
                  </a:cubicBezTo>
                  <a:cubicBezTo>
                    <a:pt x="115" y="65"/>
                    <a:pt x="111" y="65"/>
                    <a:pt x="114" y="65"/>
                  </a:cubicBezTo>
                  <a:cubicBezTo>
                    <a:pt x="117" y="67"/>
                    <a:pt x="112" y="68"/>
                    <a:pt x="114" y="70"/>
                  </a:cubicBezTo>
                  <a:cubicBezTo>
                    <a:pt x="115" y="71"/>
                    <a:pt x="117" y="67"/>
                    <a:pt x="118" y="70"/>
                  </a:cubicBezTo>
                  <a:cubicBezTo>
                    <a:pt x="120" y="73"/>
                    <a:pt x="117" y="73"/>
                    <a:pt x="118" y="77"/>
                  </a:cubicBezTo>
                  <a:cubicBezTo>
                    <a:pt x="123" y="88"/>
                    <a:pt x="118" y="87"/>
                    <a:pt x="121" y="87"/>
                  </a:cubicBezTo>
                  <a:cubicBezTo>
                    <a:pt x="125" y="87"/>
                    <a:pt x="126" y="88"/>
                    <a:pt x="128" y="87"/>
                  </a:cubicBezTo>
                  <a:cubicBezTo>
                    <a:pt x="129" y="84"/>
                    <a:pt x="134" y="87"/>
                    <a:pt x="132" y="90"/>
                  </a:cubicBezTo>
                  <a:cubicBezTo>
                    <a:pt x="132" y="93"/>
                    <a:pt x="134" y="91"/>
                    <a:pt x="135" y="90"/>
                  </a:cubicBezTo>
                  <a:cubicBezTo>
                    <a:pt x="137" y="88"/>
                    <a:pt x="140" y="91"/>
                    <a:pt x="141" y="88"/>
                  </a:cubicBezTo>
                  <a:cubicBezTo>
                    <a:pt x="143" y="85"/>
                    <a:pt x="144" y="90"/>
                    <a:pt x="146" y="88"/>
                  </a:cubicBezTo>
                  <a:cubicBezTo>
                    <a:pt x="147" y="88"/>
                    <a:pt x="146" y="91"/>
                    <a:pt x="149" y="90"/>
                  </a:cubicBezTo>
                  <a:cubicBezTo>
                    <a:pt x="153" y="88"/>
                    <a:pt x="155" y="93"/>
                    <a:pt x="155" y="96"/>
                  </a:cubicBezTo>
                  <a:cubicBezTo>
                    <a:pt x="153" y="101"/>
                    <a:pt x="161" y="94"/>
                    <a:pt x="164" y="93"/>
                  </a:cubicBezTo>
                  <a:cubicBezTo>
                    <a:pt x="166" y="93"/>
                    <a:pt x="167" y="88"/>
                    <a:pt x="167" y="87"/>
                  </a:cubicBezTo>
                  <a:cubicBezTo>
                    <a:pt x="167" y="85"/>
                    <a:pt x="169" y="87"/>
                    <a:pt x="169" y="84"/>
                  </a:cubicBezTo>
                  <a:cubicBezTo>
                    <a:pt x="169" y="80"/>
                    <a:pt x="172" y="84"/>
                    <a:pt x="170" y="77"/>
                  </a:cubicBezTo>
                  <a:cubicBezTo>
                    <a:pt x="169" y="71"/>
                    <a:pt x="173" y="71"/>
                    <a:pt x="175" y="68"/>
                  </a:cubicBezTo>
                  <a:cubicBezTo>
                    <a:pt x="176" y="65"/>
                    <a:pt x="179" y="68"/>
                    <a:pt x="179" y="62"/>
                  </a:cubicBezTo>
                  <a:cubicBezTo>
                    <a:pt x="178" y="56"/>
                    <a:pt x="179" y="51"/>
                    <a:pt x="181" y="49"/>
                  </a:cubicBezTo>
                  <a:cubicBezTo>
                    <a:pt x="182" y="48"/>
                    <a:pt x="181" y="46"/>
                    <a:pt x="184" y="48"/>
                  </a:cubicBezTo>
                  <a:cubicBezTo>
                    <a:pt x="185" y="51"/>
                    <a:pt x="190" y="49"/>
                    <a:pt x="190" y="48"/>
                  </a:cubicBezTo>
                  <a:cubicBezTo>
                    <a:pt x="190" y="46"/>
                    <a:pt x="179" y="40"/>
                    <a:pt x="181" y="37"/>
                  </a:cubicBezTo>
                  <a:cubicBezTo>
                    <a:pt x="184" y="34"/>
                    <a:pt x="181" y="34"/>
                    <a:pt x="179" y="29"/>
                  </a:cubicBezTo>
                  <a:cubicBezTo>
                    <a:pt x="179" y="26"/>
                    <a:pt x="176" y="28"/>
                    <a:pt x="176" y="25"/>
                  </a:cubicBezTo>
                  <a:cubicBezTo>
                    <a:pt x="178" y="20"/>
                    <a:pt x="181" y="23"/>
                    <a:pt x="181" y="21"/>
                  </a:cubicBezTo>
                  <a:cubicBezTo>
                    <a:pt x="181" y="21"/>
                    <a:pt x="179" y="20"/>
                    <a:pt x="178" y="18"/>
                  </a:cubicBezTo>
                  <a:cubicBezTo>
                    <a:pt x="178" y="17"/>
                    <a:pt x="178" y="18"/>
                    <a:pt x="178" y="17"/>
                  </a:cubicBezTo>
                  <a:close/>
                  <a:moveTo>
                    <a:pt x="4" y="12"/>
                  </a:moveTo>
                  <a:cubicBezTo>
                    <a:pt x="7" y="17"/>
                    <a:pt x="7" y="15"/>
                    <a:pt x="10" y="18"/>
                  </a:cubicBezTo>
                  <a:cubicBezTo>
                    <a:pt x="12" y="23"/>
                    <a:pt x="12" y="18"/>
                    <a:pt x="16" y="23"/>
                  </a:cubicBezTo>
                  <a:cubicBezTo>
                    <a:pt x="19" y="29"/>
                    <a:pt x="15" y="26"/>
                    <a:pt x="19" y="29"/>
                  </a:cubicBezTo>
                  <a:cubicBezTo>
                    <a:pt x="22" y="31"/>
                    <a:pt x="18" y="32"/>
                    <a:pt x="24" y="35"/>
                  </a:cubicBezTo>
                  <a:cubicBezTo>
                    <a:pt x="27" y="37"/>
                    <a:pt x="30" y="40"/>
                    <a:pt x="30" y="42"/>
                  </a:cubicBezTo>
                  <a:cubicBezTo>
                    <a:pt x="29" y="43"/>
                    <a:pt x="29" y="42"/>
                    <a:pt x="32" y="48"/>
                  </a:cubicBezTo>
                  <a:cubicBezTo>
                    <a:pt x="33" y="54"/>
                    <a:pt x="32" y="54"/>
                    <a:pt x="35" y="56"/>
                  </a:cubicBezTo>
                  <a:cubicBezTo>
                    <a:pt x="38" y="57"/>
                    <a:pt x="35" y="57"/>
                    <a:pt x="41" y="63"/>
                  </a:cubicBezTo>
                  <a:cubicBezTo>
                    <a:pt x="44" y="67"/>
                    <a:pt x="41" y="68"/>
                    <a:pt x="42" y="70"/>
                  </a:cubicBezTo>
                  <a:cubicBezTo>
                    <a:pt x="45" y="71"/>
                    <a:pt x="45" y="74"/>
                    <a:pt x="47" y="79"/>
                  </a:cubicBezTo>
                  <a:cubicBezTo>
                    <a:pt x="47" y="82"/>
                    <a:pt x="50" y="87"/>
                    <a:pt x="54" y="91"/>
                  </a:cubicBezTo>
                  <a:cubicBezTo>
                    <a:pt x="58" y="94"/>
                    <a:pt x="56" y="94"/>
                    <a:pt x="62" y="101"/>
                  </a:cubicBezTo>
                  <a:cubicBezTo>
                    <a:pt x="67" y="105"/>
                    <a:pt x="70" y="107"/>
                    <a:pt x="71" y="112"/>
                  </a:cubicBezTo>
                  <a:cubicBezTo>
                    <a:pt x="74" y="115"/>
                    <a:pt x="77" y="119"/>
                    <a:pt x="76" y="113"/>
                  </a:cubicBezTo>
                  <a:cubicBezTo>
                    <a:pt x="74" y="107"/>
                    <a:pt x="80" y="116"/>
                    <a:pt x="80" y="112"/>
                  </a:cubicBezTo>
                  <a:cubicBezTo>
                    <a:pt x="82" y="108"/>
                    <a:pt x="83" y="116"/>
                    <a:pt x="85" y="115"/>
                  </a:cubicBezTo>
                  <a:cubicBezTo>
                    <a:pt x="86" y="113"/>
                    <a:pt x="86" y="110"/>
                    <a:pt x="86" y="104"/>
                  </a:cubicBezTo>
                  <a:cubicBezTo>
                    <a:pt x="86" y="99"/>
                    <a:pt x="85" y="101"/>
                    <a:pt x="86" y="97"/>
                  </a:cubicBezTo>
                  <a:cubicBezTo>
                    <a:pt x="88" y="93"/>
                    <a:pt x="85" y="94"/>
                    <a:pt x="86" y="90"/>
                  </a:cubicBezTo>
                  <a:cubicBezTo>
                    <a:pt x="90" y="87"/>
                    <a:pt x="86" y="87"/>
                    <a:pt x="85" y="84"/>
                  </a:cubicBezTo>
                  <a:cubicBezTo>
                    <a:pt x="83" y="80"/>
                    <a:pt x="83" y="79"/>
                    <a:pt x="80" y="80"/>
                  </a:cubicBezTo>
                  <a:cubicBezTo>
                    <a:pt x="79" y="82"/>
                    <a:pt x="80" y="79"/>
                    <a:pt x="77" y="80"/>
                  </a:cubicBezTo>
                  <a:cubicBezTo>
                    <a:pt x="74" y="84"/>
                    <a:pt x="80" y="77"/>
                    <a:pt x="77" y="77"/>
                  </a:cubicBezTo>
                  <a:cubicBezTo>
                    <a:pt x="74" y="77"/>
                    <a:pt x="76" y="67"/>
                    <a:pt x="73" y="67"/>
                  </a:cubicBezTo>
                  <a:cubicBezTo>
                    <a:pt x="68" y="68"/>
                    <a:pt x="65" y="65"/>
                    <a:pt x="67" y="62"/>
                  </a:cubicBezTo>
                  <a:cubicBezTo>
                    <a:pt x="68" y="60"/>
                    <a:pt x="65" y="59"/>
                    <a:pt x="68" y="59"/>
                  </a:cubicBezTo>
                  <a:cubicBezTo>
                    <a:pt x="71" y="57"/>
                    <a:pt x="68" y="51"/>
                    <a:pt x="65" y="52"/>
                  </a:cubicBezTo>
                  <a:cubicBezTo>
                    <a:pt x="62" y="54"/>
                    <a:pt x="65" y="51"/>
                    <a:pt x="61" y="49"/>
                  </a:cubicBezTo>
                  <a:cubicBezTo>
                    <a:pt x="54" y="49"/>
                    <a:pt x="59" y="42"/>
                    <a:pt x="51" y="40"/>
                  </a:cubicBezTo>
                  <a:cubicBezTo>
                    <a:pt x="48" y="40"/>
                    <a:pt x="50" y="37"/>
                    <a:pt x="48" y="35"/>
                  </a:cubicBezTo>
                  <a:cubicBezTo>
                    <a:pt x="44" y="32"/>
                    <a:pt x="47" y="39"/>
                    <a:pt x="45" y="37"/>
                  </a:cubicBezTo>
                  <a:cubicBezTo>
                    <a:pt x="44" y="35"/>
                    <a:pt x="42" y="37"/>
                    <a:pt x="42" y="32"/>
                  </a:cubicBezTo>
                  <a:cubicBezTo>
                    <a:pt x="41" y="29"/>
                    <a:pt x="41" y="32"/>
                    <a:pt x="39" y="29"/>
                  </a:cubicBezTo>
                  <a:cubicBezTo>
                    <a:pt x="38" y="28"/>
                    <a:pt x="35" y="23"/>
                    <a:pt x="32" y="21"/>
                  </a:cubicBezTo>
                  <a:cubicBezTo>
                    <a:pt x="29" y="21"/>
                    <a:pt x="29" y="18"/>
                    <a:pt x="27" y="17"/>
                  </a:cubicBezTo>
                  <a:cubicBezTo>
                    <a:pt x="24" y="17"/>
                    <a:pt x="27" y="14"/>
                    <a:pt x="24" y="14"/>
                  </a:cubicBezTo>
                  <a:cubicBezTo>
                    <a:pt x="22" y="12"/>
                    <a:pt x="24" y="11"/>
                    <a:pt x="21" y="7"/>
                  </a:cubicBezTo>
                  <a:cubicBezTo>
                    <a:pt x="18" y="3"/>
                    <a:pt x="19" y="7"/>
                    <a:pt x="16" y="6"/>
                  </a:cubicBezTo>
                  <a:cubicBezTo>
                    <a:pt x="15" y="4"/>
                    <a:pt x="15" y="6"/>
                    <a:pt x="10" y="6"/>
                  </a:cubicBezTo>
                  <a:cubicBezTo>
                    <a:pt x="4" y="4"/>
                    <a:pt x="9" y="4"/>
                    <a:pt x="4" y="1"/>
                  </a:cubicBezTo>
                  <a:cubicBezTo>
                    <a:pt x="0" y="0"/>
                    <a:pt x="1" y="6"/>
                    <a:pt x="4" y="12"/>
                  </a:cubicBezTo>
                  <a:close/>
                  <a:moveTo>
                    <a:pt x="82" y="124"/>
                  </a:moveTo>
                  <a:cubicBezTo>
                    <a:pt x="83" y="124"/>
                    <a:pt x="86" y="122"/>
                    <a:pt x="88" y="125"/>
                  </a:cubicBezTo>
                  <a:cubicBezTo>
                    <a:pt x="90" y="127"/>
                    <a:pt x="93" y="124"/>
                    <a:pt x="91" y="127"/>
                  </a:cubicBezTo>
                  <a:cubicBezTo>
                    <a:pt x="90" y="130"/>
                    <a:pt x="91" y="127"/>
                    <a:pt x="102" y="133"/>
                  </a:cubicBezTo>
                  <a:cubicBezTo>
                    <a:pt x="106" y="135"/>
                    <a:pt x="108" y="130"/>
                    <a:pt x="109" y="132"/>
                  </a:cubicBezTo>
                  <a:cubicBezTo>
                    <a:pt x="111" y="133"/>
                    <a:pt x="112" y="132"/>
                    <a:pt x="117" y="133"/>
                  </a:cubicBezTo>
                  <a:cubicBezTo>
                    <a:pt x="121" y="135"/>
                    <a:pt x="118" y="136"/>
                    <a:pt x="129" y="138"/>
                  </a:cubicBezTo>
                  <a:cubicBezTo>
                    <a:pt x="137" y="140"/>
                    <a:pt x="129" y="136"/>
                    <a:pt x="138" y="140"/>
                  </a:cubicBezTo>
                  <a:cubicBezTo>
                    <a:pt x="146" y="141"/>
                    <a:pt x="138" y="135"/>
                    <a:pt x="146" y="140"/>
                  </a:cubicBezTo>
                  <a:cubicBezTo>
                    <a:pt x="150" y="141"/>
                    <a:pt x="150" y="141"/>
                    <a:pt x="153" y="143"/>
                  </a:cubicBezTo>
                  <a:cubicBezTo>
                    <a:pt x="155" y="144"/>
                    <a:pt x="155" y="141"/>
                    <a:pt x="153" y="141"/>
                  </a:cubicBezTo>
                  <a:cubicBezTo>
                    <a:pt x="150" y="140"/>
                    <a:pt x="158" y="132"/>
                    <a:pt x="152" y="132"/>
                  </a:cubicBezTo>
                  <a:cubicBezTo>
                    <a:pt x="147" y="132"/>
                    <a:pt x="147" y="133"/>
                    <a:pt x="143" y="132"/>
                  </a:cubicBezTo>
                  <a:cubicBezTo>
                    <a:pt x="138" y="130"/>
                    <a:pt x="141" y="130"/>
                    <a:pt x="140" y="125"/>
                  </a:cubicBezTo>
                  <a:cubicBezTo>
                    <a:pt x="137" y="121"/>
                    <a:pt x="137" y="127"/>
                    <a:pt x="135" y="124"/>
                  </a:cubicBezTo>
                  <a:cubicBezTo>
                    <a:pt x="134" y="121"/>
                    <a:pt x="134" y="125"/>
                    <a:pt x="132" y="122"/>
                  </a:cubicBezTo>
                  <a:cubicBezTo>
                    <a:pt x="131" y="121"/>
                    <a:pt x="129" y="124"/>
                    <a:pt x="128" y="122"/>
                  </a:cubicBezTo>
                  <a:cubicBezTo>
                    <a:pt x="126" y="119"/>
                    <a:pt x="125" y="118"/>
                    <a:pt x="123" y="122"/>
                  </a:cubicBezTo>
                  <a:cubicBezTo>
                    <a:pt x="121" y="129"/>
                    <a:pt x="121" y="124"/>
                    <a:pt x="117" y="124"/>
                  </a:cubicBezTo>
                  <a:cubicBezTo>
                    <a:pt x="114" y="124"/>
                    <a:pt x="114" y="125"/>
                    <a:pt x="112" y="124"/>
                  </a:cubicBezTo>
                  <a:cubicBezTo>
                    <a:pt x="109" y="122"/>
                    <a:pt x="108" y="125"/>
                    <a:pt x="106" y="119"/>
                  </a:cubicBezTo>
                  <a:cubicBezTo>
                    <a:pt x="105" y="116"/>
                    <a:pt x="105" y="119"/>
                    <a:pt x="102" y="118"/>
                  </a:cubicBezTo>
                  <a:cubicBezTo>
                    <a:pt x="100" y="116"/>
                    <a:pt x="100" y="119"/>
                    <a:pt x="99" y="116"/>
                  </a:cubicBezTo>
                  <a:cubicBezTo>
                    <a:pt x="97" y="115"/>
                    <a:pt x="94" y="113"/>
                    <a:pt x="94" y="116"/>
                  </a:cubicBezTo>
                  <a:cubicBezTo>
                    <a:pt x="94" y="118"/>
                    <a:pt x="93" y="116"/>
                    <a:pt x="88" y="115"/>
                  </a:cubicBezTo>
                  <a:cubicBezTo>
                    <a:pt x="85" y="115"/>
                    <a:pt x="86" y="119"/>
                    <a:pt x="85" y="121"/>
                  </a:cubicBezTo>
                  <a:cubicBezTo>
                    <a:pt x="82" y="121"/>
                    <a:pt x="85" y="122"/>
                    <a:pt x="82" y="122"/>
                  </a:cubicBezTo>
                  <a:cubicBezTo>
                    <a:pt x="80" y="122"/>
                    <a:pt x="80" y="124"/>
                    <a:pt x="82" y="124"/>
                  </a:cubicBezTo>
                  <a:close/>
                  <a:moveTo>
                    <a:pt x="339" y="133"/>
                  </a:moveTo>
                  <a:cubicBezTo>
                    <a:pt x="339" y="135"/>
                    <a:pt x="338" y="138"/>
                    <a:pt x="338" y="140"/>
                  </a:cubicBezTo>
                  <a:cubicBezTo>
                    <a:pt x="338" y="141"/>
                    <a:pt x="339" y="138"/>
                    <a:pt x="342" y="140"/>
                  </a:cubicBezTo>
                  <a:cubicBezTo>
                    <a:pt x="345" y="141"/>
                    <a:pt x="345" y="136"/>
                    <a:pt x="347" y="136"/>
                  </a:cubicBezTo>
                  <a:cubicBezTo>
                    <a:pt x="349" y="136"/>
                    <a:pt x="347" y="135"/>
                    <a:pt x="349" y="133"/>
                  </a:cubicBezTo>
                  <a:cubicBezTo>
                    <a:pt x="349" y="132"/>
                    <a:pt x="350" y="132"/>
                    <a:pt x="349" y="132"/>
                  </a:cubicBezTo>
                  <a:cubicBezTo>
                    <a:pt x="347" y="130"/>
                    <a:pt x="347" y="130"/>
                    <a:pt x="347" y="129"/>
                  </a:cubicBezTo>
                  <a:cubicBezTo>
                    <a:pt x="344" y="129"/>
                    <a:pt x="339" y="132"/>
                    <a:pt x="339" y="133"/>
                  </a:cubicBezTo>
                  <a:close/>
                  <a:moveTo>
                    <a:pt x="147" y="127"/>
                  </a:moveTo>
                  <a:cubicBezTo>
                    <a:pt x="149" y="125"/>
                    <a:pt x="152" y="125"/>
                    <a:pt x="150" y="124"/>
                  </a:cubicBezTo>
                  <a:cubicBezTo>
                    <a:pt x="150" y="124"/>
                    <a:pt x="150" y="124"/>
                    <a:pt x="146" y="124"/>
                  </a:cubicBezTo>
                  <a:cubicBezTo>
                    <a:pt x="143" y="124"/>
                    <a:pt x="140" y="124"/>
                    <a:pt x="140" y="127"/>
                  </a:cubicBezTo>
                  <a:cubicBezTo>
                    <a:pt x="141" y="127"/>
                    <a:pt x="146" y="129"/>
                    <a:pt x="147" y="127"/>
                  </a:cubicBezTo>
                  <a:close/>
                  <a:moveTo>
                    <a:pt x="161" y="125"/>
                  </a:moveTo>
                  <a:cubicBezTo>
                    <a:pt x="161" y="124"/>
                    <a:pt x="163" y="125"/>
                    <a:pt x="163" y="125"/>
                  </a:cubicBezTo>
                  <a:cubicBezTo>
                    <a:pt x="163" y="124"/>
                    <a:pt x="163" y="124"/>
                    <a:pt x="161" y="124"/>
                  </a:cubicBezTo>
                  <a:cubicBezTo>
                    <a:pt x="160" y="124"/>
                    <a:pt x="161" y="125"/>
                    <a:pt x="161" y="125"/>
                  </a:cubicBezTo>
                  <a:close/>
                  <a:moveTo>
                    <a:pt x="158" y="141"/>
                  </a:moveTo>
                  <a:cubicBezTo>
                    <a:pt x="161" y="143"/>
                    <a:pt x="158" y="143"/>
                    <a:pt x="160" y="144"/>
                  </a:cubicBezTo>
                  <a:cubicBezTo>
                    <a:pt x="161" y="144"/>
                    <a:pt x="161" y="141"/>
                    <a:pt x="163" y="140"/>
                  </a:cubicBezTo>
                  <a:cubicBezTo>
                    <a:pt x="166" y="140"/>
                    <a:pt x="163" y="138"/>
                    <a:pt x="161" y="136"/>
                  </a:cubicBezTo>
                  <a:cubicBezTo>
                    <a:pt x="160" y="135"/>
                    <a:pt x="160" y="138"/>
                    <a:pt x="157" y="136"/>
                  </a:cubicBezTo>
                  <a:cubicBezTo>
                    <a:pt x="153" y="135"/>
                    <a:pt x="153" y="136"/>
                    <a:pt x="155" y="138"/>
                  </a:cubicBezTo>
                  <a:cubicBezTo>
                    <a:pt x="155" y="140"/>
                    <a:pt x="157" y="140"/>
                    <a:pt x="158" y="141"/>
                  </a:cubicBezTo>
                  <a:close/>
                  <a:moveTo>
                    <a:pt x="166" y="143"/>
                  </a:moveTo>
                  <a:cubicBezTo>
                    <a:pt x="164" y="143"/>
                    <a:pt x="164" y="144"/>
                    <a:pt x="169" y="144"/>
                  </a:cubicBezTo>
                  <a:cubicBezTo>
                    <a:pt x="172" y="144"/>
                    <a:pt x="170" y="144"/>
                    <a:pt x="172" y="141"/>
                  </a:cubicBezTo>
                  <a:cubicBezTo>
                    <a:pt x="173" y="138"/>
                    <a:pt x="173" y="138"/>
                    <a:pt x="170" y="138"/>
                  </a:cubicBezTo>
                  <a:cubicBezTo>
                    <a:pt x="169" y="136"/>
                    <a:pt x="167" y="140"/>
                    <a:pt x="167" y="140"/>
                  </a:cubicBezTo>
                  <a:cubicBezTo>
                    <a:pt x="167" y="141"/>
                    <a:pt x="167" y="143"/>
                    <a:pt x="166" y="143"/>
                  </a:cubicBezTo>
                  <a:close/>
                  <a:moveTo>
                    <a:pt x="175" y="146"/>
                  </a:moveTo>
                  <a:cubicBezTo>
                    <a:pt x="176" y="146"/>
                    <a:pt x="181" y="144"/>
                    <a:pt x="182" y="144"/>
                  </a:cubicBezTo>
                  <a:cubicBezTo>
                    <a:pt x="184" y="144"/>
                    <a:pt x="185" y="143"/>
                    <a:pt x="185" y="143"/>
                  </a:cubicBezTo>
                  <a:cubicBezTo>
                    <a:pt x="185" y="144"/>
                    <a:pt x="187" y="143"/>
                    <a:pt x="189" y="144"/>
                  </a:cubicBezTo>
                  <a:cubicBezTo>
                    <a:pt x="189" y="144"/>
                    <a:pt x="192" y="144"/>
                    <a:pt x="190" y="143"/>
                  </a:cubicBezTo>
                  <a:cubicBezTo>
                    <a:pt x="189" y="143"/>
                    <a:pt x="187" y="141"/>
                    <a:pt x="189" y="143"/>
                  </a:cubicBezTo>
                  <a:cubicBezTo>
                    <a:pt x="192" y="143"/>
                    <a:pt x="192" y="143"/>
                    <a:pt x="192" y="143"/>
                  </a:cubicBezTo>
                  <a:cubicBezTo>
                    <a:pt x="192" y="141"/>
                    <a:pt x="190" y="136"/>
                    <a:pt x="189" y="138"/>
                  </a:cubicBezTo>
                  <a:cubicBezTo>
                    <a:pt x="187" y="140"/>
                    <a:pt x="187" y="136"/>
                    <a:pt x="185" y="138"/>
                  </a:cubicBezTo>
                  <a:cubicBezTo>
                    <a:pt x="184" y="140"/>
                    <a:pt x="184" y="136"/>
                    <a:pt x="181" y="136"/>
                  </a:cubicBezTo>
                  <a:cubicBezTo>
                    <a:pt x="178" y="136"/>
                    <a:pt x="181" y="140"/>
                    <a:pt x="182" y="140"/>
                  </a:cubicBezTo>
                  <a:cubicBezTo>
                    <a:pt x="182" y="140"/>
                    <a:pt x="185" y="141"/>
                    <a:pt x="184" y="141"/>
                  </a:cubicBezTo>
                  <a:cubicBezTo>
                    <a:pt x="181" y="141"/>
                    <a:pt x="182" y="143"/>
                    <a:pt x="181" y="141"/>
                  </a:cubicBezTo>
                  <a:cubicBezTo>
                    <a:pt x="179" y="141"/>
                    <a:pt x="179" y="140"/>
                    <a:pt x="178" y="140"/>
                  </a:cubicBezTo>
                  <a:cubicBezTo>
                    <a:pt x="176" y="140"/>
                    <a:pt x="175" y="138"/>
                    <a:pt x="175" y="140"/>
                  </a:cubicBezTo>
                  <a:cubicBezTo>
                    <a:pt x="173" y="141"/>
                    <a:pt x="172" y="140"/>
                    <a:pt x="173" y="143"/>
                  </a:cubicBezTo>
                  <a:cubicBezTo>
                    <a:pt x="173" y="144"/>
                    <a:pt x="172" y="146"/>
                    <a:pt x="175" y="146"/>
                  </a:cubicBezTo>
                  <a:close/>
                  <a:moveTo>
                    <a:pt x="178" y="138"/>
                  </a:moveTo>
                  <a:cubicBezTo>
                    <a:pt x="178" y="136"/>
                    <a:pt x="179" y="136"/>
                    <a:pt x="179" y="138"/>
                  </a:cubicBezTo>
                  <a:cubicBezTo>
                    <a:pt x="179" y="138"/>
                    <a:pt x="178" y="140"/>
                    <a:pt x="178" y="138"/>
                  </a:cubicBezTo>
                  <a:close/>
                  <a:moveTo>
                    <a:pt x="195" y="141"/>
                  </a:moveTo>
                  <a:cubicBezTo>
                    <a:pt x="195" y="140"/>
                    <a:pt x="195" y="140"/>
                    <a:pt x="195" y="140"/>
                  </a:cubicBezTo>
                  <a:cubicBezTo>
                    <a:pt x="193" y="140"/>
                    <a:pt x="193" y="140"/>
                    <a:pt x="193" y="140"/>
                  </a:cubicBezTo>
                  <a:cubicBezTo>
                    <a:pt x="193" y="141"/>
                    <a:pt x="193" y="141"/>
                    <a:pt x="193" y="143"/>
                  </a:cubicBezTo>
                  <a:cubicBezTo>
                    <a:pt x="193" y="144"/>
                    <a:pt x="193" y="141"/>
                    <a:pt x="195" y="141"/>
                  </a:cubicBezTo>
                  <a:close/>
                  <a:moveTo>
                    <a:pt x="195" y="143"/>
                  </a:moveTo>
                  <a:cubicBezTo>
                    <a:pt x="195" y="144"/>
                    <a:pt x="195" y="141"/>
                    <a:pt x="196" y="141"/>
                  </a:cubicBezTo>
                  <a:cubicBezTo>
                    <a:pt x="196" y="141"/>
                    <a:pt x="196" y="143"/>
                    <a:pt x="195" y="143"/>
                  </a:cubicBezTo>
                  <a:close/>
                  <a:moveTo>
                    <a:pt x="199" y="143"/>
                  </a:moveTo>
                  <a:cubicBezTo>
                    <a:pt x="201" y="144"/>
                    <a:pt x="204" y="143"/>
                    <a:pt x="205" y="144"/>
                  </a:cubicBezTo>
                  <a:cubicBezTo>
                    <a:pt x="207" y="146"/>
                    <a:pt x="207" y="144"/>
                    <a:pt x="208" y="144"/>
                  </a:cubicBezTo>
                  <a:cubicBezTo>
                    <a:pt x="208" y="144"/>
                    <a:pt x="208" y="143"/>
                    <a:pt x="210" y="144"/>
                  </a:cubicBezTo>
                  <a:cubicBezTo>
                    <a:pt x="213" y="144"/>
                    <a:pt x="214" y="143"/>
                    <a:pt x="214" y="143"/>
                  </a:cubicBezTo>
                  <a:cubicBezTo>
                    <a:pt x="216" y="143"/>
                    <a:pt x="221" y="141"/>
                    <a:pt x="221" y="141"/>
                  </a:cubicBezTo>
                  <a:cubicBezTo>
                    <a:pt x="221" y="140"/>
                    <a:pt x="222" y="140"/>
                    <a:pt x="222" y="136"/>
                  </a:cubicBezTo>
                  <a:cubicBezTo>
                    <a:pt x="221" y="135"/>
                    <a:pt x="219" y="138"/>
                    <a:pt x="221" y="138"/>
                  </a:cubicBezTo>
                  <a:cubicBezTo>
                    <a:pt x="221" y="138"/>
                    <a:pt x="221" y="138"/>
                    <a:pt x="219" y="140"/>
                  </a:cubicBezTo>
                  <a:cubicBezTo>
                    <a:pt x="216" y="140"/>
                    <a:pt x="219" y="141"/>
                    <a:pt x="217" y="141"/>
                  </a:cubicBezTo>
                  <a:cubicBezTo>
                    <a:pt x="214" y="143"/>
                    <a:pt x="214" y="138"/>
                    <a:pt x="213" y="140"/>
                  </a:cubicBezTo>
                  <a:cubicBezTo>
                    <a:pt x="211" y="141"/>
                    <a:pt x="211" y="140"/>
                    <a:pt x="210" y="141"/>
                  </a:cubicBezTo>
                  <a:cubicBezTo>
                    <a:pt x="208" y="141"/>
                    <a:pt x="207" y="140"/>
                    <a:pt x="205" y="138"/>
                  </a:cubicBezTo>
                  <a:cubicBezTo>
                    <a:pt x="204" y="138"/>
                    <a:pt x="201" y="136"/>
                    <a:pt x="199" y="138"/>
                  </a:cubicBezTo>
                  <a:cubicBezTo>
                    <a:pt x="198" y="140"/>
                    <a:pt x="196" y="140"/>
                    <a:pt x="196" y="143"/>
                  </a:cubicBezTo>
                  <a:cubicBezTo>
                    <a:pt x="196" y="146"/>
                    <a:pt x="198" y="143"/>
                    <a:pt x="199" y="143"/>
                  </a:cubicBezTo>
                  <a:close/>
                  <a:moveTo>
                    <a:pt x="202" y="113"/>
                  </a:moveTo>
                  <a:cubicBezTo>
                    <a:pt x="202" y="115"/>
                    <a:pt x="202" y="122"/>
                    <a:pt x="202" y="119"/>
                  </a:cubicBezTo>
                  <a:cubicBezTo>
                    <a:pt x="201" y="118"/>
                    <a:pt x="202" y="113"/>
                    <a:pt x="202" y="113"/>
                  </a:cubicBezTo>
                  <a:close/>
                  <a:moveTo>
                    <a:pt x="222" y="140"/>
                  </a:moveTo>
                  <a:cubicBezTo>
                    <a:pt x="222" y="140"/>
                    <a:pt x="224" y="140"/>
                    <a:pt x="222" y="141"/>
                  </a:cubicBezTo>
                  <a:cubicBezTo>
                    <a:pt x="221" y="141"/>
                    <a:pt x="221" y="141"/>
                    <a:pt x="222" y="140"/>
                  </a:cubicBezTo>
                  <a:close/>
                  <a:moveTo>
                    <a:pt x="224" y="140"/>
                  </a:moveTo>
                  <a:cubicBezTo>
                    <a:pt x="224" y="140"/>
                    <a:pt x="224" y="140"/>
                    <a:pt x="225" y="138"/>
                  </a:cubicBezTo>
                  <a:cubicBezTo>
                    <a:pt x="225" y="138"/>
                    <a:pt x="224" y="138"/>
                    <a:pt x="222" y="138"/>
                  </a:cubicBezTo>
                  <a:cubicBezTo>
                    <a:pt x="222" y="140"/>
                    <a:pt x="222" y="140"/>
                    <a:pt x="224" y="140"/>
                  </a:cubicBezTo>
                  <a:close/>
                  <a:moveTo>
                    <a:pt x="225" y="141"/>
                  </a:moveTo>
                  <a:cubicBezTo>
                    <a:pt x="228" y="141"/>
                    <a:pt x="225" y="140"/>
                    <a:pt x="227" y="140"/>
                  </a:cubicBezTo>
                  <a:cubicBezTo>
                    <a:pt x="228" y="140"/>
                    <a:pt x="227" y="140"/>
                    <a:pt x="228" y="138"/>
                  </a:cubicBezTo>
                  <a:cubicBezTo>
                    <a:pt x="230" y="138"/>
                    <a:pt x="230" y="138"/>
                    <a:pt x="228" y="138"/>
                  </a:cubicBezTo>
                  <a:cubicBezTo>
                    <a:pt x="227" y="138"/>
                    <a:pt x="225" y="138"/>
                    <a:pt x="225" y="138"/>
                  </a:cubicBezTo>
                  <a:cubicBezTo>
                    <a:pt x="225" y="140"/>
                    <a:pt x="225" y="140"/>
                    <a:pt x="224" y="140"/>
                  </a:cubicBezTo>
                  <a:cubicBezTo>
                    <a:pt x="222" y="141"/>
                    <a:pt x="224" y="141"/>
                    <a:pt x="225" y="141"/>
                  </a:cubicBezTo>
                  <a:close/>
                  <a:moveTo>
                    <a:pt x="231" y="140"/>
                  </a:moveTo>
                  <a:cubicBezTo>
                    <a:pt x="233" y="138"/>
                    <a:pt x="233" y="136"/>
                    <a:pt x="231" y="138"/>
                  </a:cubicBezTo>
                  <a:cubicBezTo>
                    <a:pt x="230" y="140"/>
                    <a:pt x="230" y="136"/>
                    <a:pt x="230" y="140"/>
                  </a:cubicBezTo>
                  <a:cubicBezTo>
                    <a:pt x="230" y="140"/>
                    <a:pt x="230" y="141"/>
                    <a:pt x="231" y="140"/>
                  </a:cubicBezTo>
                  <a:close/>
                  <a:moveTo>
                    <a:pt x="237" y="140"/>
                  </a:moveTo>
                  <a:cubicBezTo>
                    <a:pt x="240" y="140"/>
                    <a:pt x="239" y="136"/>
                    <a:pt x="236" y="136"/>
                  </a:cubicBezTo>
                  <a:cubicBezTo>
                    <a:pt x="233" y="138"/>
                    <a:pt x="234" y="135"/>
                    <a:pt x="233" y="138"/>
                  </a:cubicBezTo>
                  <a:cubicBezTo>
                    <a:pt x="231" y="141"/>
                    <a:pt x="234" y="140"/>
                    <a:pt x="237" y="140"/>
                  </a:cubicBezTo>
                  <a:close/>
                  <a:moveTo>
                    <a:pt x="196" y="153"/>
                  </a:moveTo>
                  <a:cubicBezTo>
                    <a:pt x="199" y="155"/>
                    <a:pt x="199" y="158"/>
                    <a:pt x="199" y="157"/>
                  </a:cubicBezTo>
                  <a:cubicBezTo>
                    <a:pt x="201" y="157"/>
                    <a:pt x="201" y="158"/>
                    <a:pt x="202" y="158"/>
                  </a:cubicBezTo>
                  <a:cubicBezTo>
                    <a:pt x="202" y="157"/>
                    <a:pt x="204" y="157"/>
                    <a:pt x="204" y="157"/>
                  </a:cubicBezTo>
                  <a:cubicBezTo>
                    <a:pt x="205" y="155"/>
                    <a:pt x="202" y="152"/>
                    <a:pt x="201" y="152"/>
                  </a:cubicBezTo>
                  <a:cubicBezTo>
                    <a:pt x="199" y="150"/>
                    <a:pt x="201" y="150"/>
                    <a:pt x="199" y="149"/>
                  </a:cubicBezTo>
                  <a:cubicBezTo>
                    <a:pt x="198" y="147"/>
                    <a:pt x="196" y="149"/>
                    <a:pt x="195" y="149"/>
                  </a:cubicBezTo>
                  <a:cubicBezTo>
                    <a:pt x="195" y="149"/>
                    <a:pt x="190" y="147"/>
                    <a:pt x="190" y="150"/>
                  </a:cubicBezTo>
                  <a:cubicBezTo>
                    <a:pt x="190" y="153"/>
                    <a:pt x="193" y="152"/>
                    <a:pt x="196" y="153"/>
                  </a:cubicBezTo>
                  <a:close/>
                  <a:moveTo>
                    <a:pt x="225" y="161"/>
                  </a:moveTo>
                  <a:cubicBezTo>
                    <a:pt x="225" y="161"/>
                    <a:pt x="225" y="158"/>
                    <a:pt x="224" y="161"/>
                  </a:cubicBezTo>
                  <a:cubicBezTo>
                    <a:pt x="222" y="163"/>
                    <a:pt x="221" y="161"/>
                    <a:pt x="221" y="163"/>
                  </a:cubicBezTo>
                  <a:cubicBezTo>
                    <a:pt x="221" y="164"/>
                    <a:pt x="224" y="163"/>
                    <a:pt x="225" y="161"/>
                  </a:cubicBezTo>
                  <a:close/>
                  <a:moveTo>
                    <a:pt x="231" y="157"/>
                  </a:moveTo>
                  <a:cubicBezTo>
                    <a:pt x="233" y="157"/>
                    <a:pt x="233" y="157"/>
                    <a:pt x="236" y="153"/>
                  </a:cubicBezTo>
                  <a:cubicBezTo>
                    <a:pt x="237" y="150"/>
                    <a:pt x="237" y="150"/>
                    <a:pt x="240" y="149"/>
                  </a:cubicBezTo>
                  <a:cubicBezTo>
                    <a:pt x="243" y="146"/>
                    <a:pt x="245" y="147"/>
                    <a:pt x="246" y="146"/>
                  </a:cubicBezTo>
                  <a:cubicBezTo>
                    <a:pt x="246" y="144"/>
                    <a:pt x="248" y="146"/>
                    <a:pt x="249" y="144"/>
                  </a:cubicBezTo>
                  <a:cubicBezTo>
                    <a:pt x="251" y="141"/>
                    <a:pt x="253" y="143"/>
                    <a:pt x="254" y="141"/>
                  </a:cubicBezTo>
                  <a:cubicBezTo>
                    <a:pt x="256" y="140"/>
                    <a:pt x="257" y="140"/>
                    <a:pt x="256" y="138"/>
                  </a:cubicBezTo>
                  <a:cubicBezTo>
                    <a:pt x="253" y="138"/>
                    <a:pt x="251" y="140"/>
                    <a:pt x="249" y="140"/>
                  </a:cubicBezTo>
                  <a:cubicBezTo>
                    <a:pt x="248" y="140"/>
                    <a:pt x="246" y="141"/>
                    <a:pt x="245" y="140"/>
                  </a:cubicBezTo>
                  <a:cubicBezTo>
                    <a:pt x="245" y="140"/>
                    <a:pt x="243" y="140"/>
                    <a:pt x="240" y="141"/>
                  </a:cubicBezTo>
                  <a:cubicBezTo>
                    <a:pt x="237" y="143"/>
                    <a:pt x="239" y="143"/>
                    <a:pt x="236" y="146"/>
                  </a:cubicBezTo>
                  <a:cubicBezTo>
                    <a:pt x="233" y="147"/>
                    <a:pt x="233" y="146"/>
                    <a:pt x="230" y="149"/>
                  </a:cubicBezTo>
                  <a:cubicBezTo>
                    <a:pt x="227" y="150"/>
                    <a:pt x="227" y="152"/>
                    <a:pt x="227" y="153"/>
                  </a:cubicBezTo>
                  <a:cubicBezTo>
                    <a:pt x="225" y="155"/>
                    <a:pt x="228" y="155"/>
                    <a:pt x="227" y="157"/>
                  </a:cubicBezTo>
                  <a:cubicBezTo>
                    <a:pt x="225" y="157"/>
                    <a:pt x="224" y="158"/>
                    <a:pt x="227" y="158"/>
                  </a:cubicBezTo>
                  <a:cubicBezTo>
                    <a:pt x="230" y="160"/>
                    <a:pt x="230" y="157"/>
                    <a:pt x="231" y="157"/>
                  </a:cubicBezTo>
                  <a:close/>
                  <a:moveTo>
                    <a:pt x="201" y="112"/>
                  </a:moveTo>
                  <a:cubicBezTo>
                    <a:pt x="204" y="112"/>
                    <a:pt x="199" y="107"/>
                    <a:pt x="201" y="104"/>
                  </a:cubicBezTo>
                  <a:cubicBezTo>
                    <a:pt x="202" y="102"/>
                    <a:pt x="201" y="97"/>
                    <a:pt x="201" y="91"/>
                  </a:cubicBezTo>
                  <a:cubicBezTo>
                    <a:pt x="202" y="85"/>
                    <a:pt x="198" y="88"/>
                    <a:pt x="202" y="84"/>
                  </a:cubicBezTo>
                  <a:cubicBezTo>
                    <a:pt x="207" y="80"/>
                    <a:pt x="208" y="85"/>
                    <a:pt x="205" y="88"/>
                  </a:cubicBezTo>
                  <a:cubicBezTo>
                    <a:pt x="204" y="93"/>
                    <a:pt x="207" y="93"/>
                    <a:pt x="208" y="96"/>
                  </a:cubicBezTo>
                  <a:cubicBezTo>
                    <a:pt x="211" y="99"/>
                    <a:pt x="207" y="105"/>
                    <a:pt x="213" y="105"/>
                  </a:cubicBezTo>
                  <a:cubicBezTo>
                    <a:pt x="216" y="105"/>
                    <a:pt x="213" y="102"/>
                    <a:pt x="216" y="101"/>
                  </a:cubicBezTo>
                  <a:cubicBezTo>
                    <a:pt x="219" y="99"/>
                    <a:pt x="219" y="102"/>
                    <a:pt x="221" y="99"/>
                  </a:cubicBezTo>
                  <a:cubicBezTo>
                    <a:pt x="222" y="94"/>
                    <a:pt x="214" y="94"/>
                    <a:pt x="216" y="91"/>
                  </a:cubicBezTo>
                  <a:cubicBezTo>
                    <a:pt x="219" y="88"/>
                    <a:pt x="214" y="82"/>
                    <a:pt x="211" y="79"/>
                  </a:cubicBezTo>
                  <a:cubicBezTo>
                    <a:pt x="207" y="74"/>
                    <a:pt x="216" y="74"/>
                    <a:pt x="219" y="68"/>
                  </a:cubicBezTo>
                  <a:cubicBezTo>
                    <a:pt x="222" y="62"/>
                    <a:pt x="224" y="70"/>
                    <a:pt x="225" y="67"/>
                  </a:cubicBezTo>
                  <a:cubicBezTo>
                    <a:pt x="227" y="65"/>
                    <a:pt x="227" y="63"/>
                    <a:pt x="221" y="63"/>
                  </a:cubicBezTo>
                  <a:cubicBezTo>
                    <a:pt x="214" y="63"/>
                    <a:pt x="216" y="67"/>
                    <a:pt x="211" y="67"/>
                  </a:cubicBezTo>
                  <a:cubicBezTo>
                    <a:pt x="207" y="65"/>
                    <a:pt x="208" y="71"/>
                    <a:pt x="204" y="71"/>
                  </a:cubicBezTo>
                  <a:cubicBezTo>
                    <a:pt x="201" y="70"/>
                    <a:pt x="204" y="68"/>
                    <a:pt x="201" y="65"/>
                  </a:cubicBezTo>
                  <a:cubicBezTo>
                    <a:pt x="196" y="63"/>
                    <a:pt x="199" y="49"/>
                    <a:pt x="204" y="52"/>
                  </a:cubicBezTo>
                  <a:cubicBezTo>
                    <a:pt x="207" y="54"/>
                    <a:pt x="210" y="52"/>
                    <a:pt x="211" y="52"/>
                  </a:cubicBezTo>
                  <a:cubicBezTo>
                    <a:pt x="214" y="54"/>
                    <a:pt x="222" y="51"/>
                    <a:pt x="224" y="52"/>
                  </a:cubicBezTo>
                  <a:cubicBezTo>
                    <a:pt x="224" y="54"/>
                    <a:pt x="231" y="56"/>
                    <a:pt x="234" y="51"/>
                  </a:cubicBezTo>
                  <a:cubicBezTo>
                    <a:pt x="237" y="46"/>
                    <a:pt x="240" y="43"/>
                    <a:pt x="239" y="42"/>
                  </a:cubicBezTo>
                  <a:cubicBezTo>
                    <a:pt x="237" y="39"/>
                    <a:pt x="234" y="43"/>
                    <a:pt x="231" y="48"/>
                  </a:cubicBezTo>
                  <a:cubicBezTo>
                    <a:pt x="230" y="51"/>
                    <a:pt x="222" y="46"/>
                    <a:pt x="221" y="48"/>
                  </a:cubicBezTo>
                  <a:cubicBezTo>
                    <a:pt x="221" y="49"/>
                    <a:pt x="217" y="46"/>
                    <a:pt x="213" y="46"/>
                  </a:cubicBezTo>
                  <a:cubicBezTo>
                    <a:pt x="208" y="48"/>
                    <a:pt x="211" y="45"/>
                    <a:pt x="208" y="45"/>
                  </a:cubicBezTo>
                  <a:cubicBezTo>
                    <a:pt x="207" y="45"/>
                    <a:pt x="205" y="43"/>
                    <a:pt x="204" y="45"/>
                  </a:cubicBezTo>
                  <a:cubicBezTo>
                    <a:pt x="204" y="46"/>
                    <a:pt x="202" y="51"/>
                    <a:pt x="201" y="48"/>
                  </a:cubicBezTo>
                  <a:cubicBezTo>
                    <a:pt x="199" y="46"/>
                    <a:pt x="199" y="51"/>
                    <a:pt x="198" y="52"/>
                  </a:cubicBezTo>
                  <a:cubicBezTo>
                    <a:pt x="195" y="56"/>
                    <a:pt x="198" y="57"/>
                    <a:pt x="196" y="57"/>
                  </a:cubicBezTo>
                  <a:cubicBezTo>
                    <a:pt x="193" y="59"/>
                    <a:pt x="196" y="59"/>
                    <a:pt x="196" y="62"/>
                  </a:cubicBezTo>
                  <a:cubicBezTo>
                    <a:pt x="195" y="65"/>
                    <a:pt x="192" y="67"/>
                    <a:pt x="193" y="73"/>
                  </a:cubicBezTo>
                  <a:cubicBezTo>
                    <a:pt x="193" y="79"/>
                    <a:pt x="192" y="74"/>
                    <a:pt x="192" y="79"/>
                  </a:cubicBezTo>
                  <a:cubicBezTo>
                    <a:pt x="192" y="85"/>
                    <a:pt x="187" y="82"/>
                    <a:pt x="189" y="85"/>
                  </a:cubicBezTo>
                  <a:cubicBezTo>
                    <a:pt x="190" y="88"/>
                    <a:pt x="187" y="85"/>
                    <a:pt x="189" y="90"/>
                  </a:cubicBezTo>
                  <a:cubicBezTo>
                    <a:pt x="190" y="94"/>
                    <a:pt x="192" y="88"/>
                    <a:pt x="195" y="93"/>
                  </a:cubicBezTo>
                  <a:cubicBezTo>
                    <a:pt x="198" y="99"/>
                    <a:pt x="192" y="107"/>
                    <a:pt x="195" y="112"/>
                  </a:cubicBezTo>
                  <a:cubicBezTo>
                    <a:pt x="196" y="115"/>
                    <a:pt x="198" y="112"/>
                    <a:pt x="201" y="112"/>
                  </a:cubicBezTo>
                  <a:close/>
                  <a:moveTo>
                    <a:pt x="251" y="94"/>
                  </a:moveTo>
                  <a:cubicBezTo>
                    <a:pt x="253" y="96"/>
                    <a:pt x="257" y="91"/>
                    <a:pt x="254" y="88"/>
                  </a:cubicBezTo>
                  <a:cubicBezTo>
                    <a:pt x="253" y="85"/>
                    <a:pt x="246" y="85"/>
                    <a:pt x="246" y="88"/>
                  </a:cubicBezTo>
                  <a:cubicBezTo>
                    <a:pt x="245" y="90"/>
                    <a:pt x="248" y="93"/>
                    <a:pt x="251" y="94"/>
                  </a:cubicBezTo>
                  <a:close/>
                  <a:moveTo>
                    <a:pt x="263" y="88"/>
                  </a:moveTo>
                  <a:cubicBezTo>
                    <a:pt x="263" y="87"/>
                    <a:pt x="265" y="91"/>
                    <a:pt x="268" y="90"/>
                  </a:cubicBezTo>
                  <a:cubicBezTo>
                    <a:pt x="271" y="87"/>
                    <a:pt x="274" y="91"/>
                    <a:pt x="274" y="90"/>
                  </a:cubicBezTo>
                  <a:cubicBezTo>
                    <a:pt x="274" y="88"/>
                    <a:pt x="278" y="91"/>
                    <a:pt x="281" y="94"/>
                  </a:cubicBezTo>
                  <a:cubicBezTo>
                    <a:pt x="286" y="96"/>
                    <a:pt x="286" y="93"/>
                    <a:pt x="283" y="88"/>
                  </a:cubicBezTo>
                  <a:cubicBezTo>
                    <a:pt x="280" y="84"/>
                    <a:pt x="280" y="88"/>
                    <a:pt x="275" y="85"/>
                  </a:cubicBezTo>
                  <a:cubicBezTo>
                    <a:pt x="272" y="82"/>
                    <a:pt x="274" y="85"/>
                    <a:pt x="269" y="85"/>
                  </a:cubicBezTo>
                  <a:cubicBezTo>
                    <a:pt x="263" y="84"/>
                    <a:pt x="260" y="87"/>
                    <a:pt x="260" y="90"/>
                  </a:cubicBezTo>
                  <a:cubicBezTo>
                    <a:pt x="262" y="94"/>
                    <a:pt x="262" y="88"/>
                    <a:pt x="263" y="88"/>
                  </a:cubicBezTo>
                  <a:close/>
                  <a:moveTo>
                    <a:pt x="233" y="76"/>
                  </a:moveTo>
                  <a:cubicBezTo>
                    <a:pt x="233" y="71"/>
                    <a:pt x="240" y="74"/>
                    <a:pt x="240" y="74"/>
                  </a:cubicBezTo>
                  <a:cubicBezTo>
                    <a:pt x="240" y="76"/>
                    <a:pt x="233" y="77"/>
                    <a:pt x="233" y="76"/>
                  </a:cubicBezTo>
                  <a:close/>
                  <a:moveTo>
                    <a:pt x="240" y="76"/>
                  </a:moveTo>
                  <a:cubicBezTo>
                    <a:pt x="242" y="73"/>
                    <a:pt x="251" y="74"/>
                    <a:pt x="248" y="74"/>
                  </a:cubicBezTo>
                  <a:cubicBezTo>
                    <a:pt x="246" y="76"/>
                    <a:pt x="240" y="77"/>
                    <a:pt x="240" y="76"/>
                  </a:cubicBezTo>
                  <a:close/>
                  <a:moveTo>
                    <a:pt x="259" y="74"/>
                  </a:moveTo>
                  <a:cubicBezTo>
                    <a:pt x="262" y="73"/>
                    <a:pt x="265" y="74"/>
                    <a:pt x="262" y="71"/>
                  </a:cubicBezTo>
                  <a:cubicBezTo>
                    <a:pt x="259" y="70"/>
                    <a:pt x="257" y="70"/>
                    <a:pt x="257" y="73"/>
                  </a:cubicBezTo>
                  <a:cubicBezTo>
                    <a:pt x="257" y="74"/>
                    <a:pt x="257" y="74"/>
                    <a:pt x="259" y="74"/>
                  </a:cubicBezTo>
                  <a:close/>
                  <a:moveTo>
                    <a:pt x="275" y="76"/>
                  </a:moveTo>
                  <a:cubicBezTo>
                    <a:pt x="277" y="77"/>
                    <a:pt x="280" y="79"/>
                    <a:pt x="280" y="76"/>
                  </a:cubicBezTo>
                  <a:cubicBezTo>
                    <a:pt x="281" y="74"/>
                    <a:pt x="280" y="73"/>
                    <a:pt x="277" y="74"/>
                  </a:cubicBezTo>
                  <a:cubicBezTo>
                    <a:pt x="275" y="74"/>
                    <a:pt x="274" y="76"/>
                    <a:pt x="275" y="76"/>
                  </a:cubicBezTo>
                  <a:close/>
                  <a:moveTo>
                    <a:pt x="285" y="67"/>
                  </a:moveTo>
                  <a:cubicBezTo>
                    <a:pt x="285" y="65"/>
                    <a:pt x="281" y="67"/>
                    <a:pt x="281" y="67"/>
                  </a:cubicBezTo>
                  <a:cubicBezTo>
                    <a:pt x="283" y="68"/>
                    <a:pt x="283" y="68"/>
                    <a:pt x="285" y="70"/>
                  </a:cubicBezTo>
                  <a:cubicBezTo>
                    <a:pt x="285" y="71"/>
                    <a:pt x="286" y="67"/>
                    <a:pt x="285" y="67"/>
                  </a:cubicBezTo>
                  <a:close/>
                  <a:moveTo>
                    <a:pt x="285" y="59"/>
                  </a:moveTo>
                  <a:cubicBezTo>
                    <a:pt x="285" y="59"/>
                    <a:pt x="286" y="62"/>
                    <a:pt x="288" y="60"/>
                  </a:cubicBezTo>
                  <a:cubicBezTo>
                    <a:pt x="289" y="60"/>
                    <a:pt x="286" y="57"/>
                    <a:pt x="283" y="57"/>
                  </a:cubicBezTo>
                  <a:cubicBezTo>
                    <a:pt x="280" y="59"/>
                    <a:pt x="278" y="59"/>
                    <a:pt x="280" y="60"/>
                  </a:cubicBezTo>
                  <a:cubicBezTo>
                    <a:pt x="281" y="60"/>
                    <a:pt x="283" y="62"/>
                    <a:pt x="285" y="62"/>
                  </a:cubicBezTo>
                  <a:cubicBezTo>
                    <a:pt x="286" y="60"/>
                    <a:pt x="283" y="59"/>
                    <a:pt x="285" y="59"/>
                  </a:cubicBezTo>
                  <a:close/>
                  <a:moveTo>
                    <a:pt x="263" y="63"/>
                  </a:moveTo>
                  <a:cubicBezTo>
                    <a:pt x="262" y="60"/>
                    <a:pt x="260" y="57"/>
                    <a:pt x="260" y="54"/>
                  </a:cubicBezTo>
                  <a:cubicBezTo>
                    <a:pt x="262" y="52"/>
                    <a:pt x="263" y="52"/>
                    <a:pt x="266" y="54"/>
                  </a:cubicBezTo>
                  <a:cubicBezTo>
                    <a:pt x="269" y="56"/>
                    <a:pt x="268" y="52"/>
                    <a:pt x="265" y="51"/>
                  </a:cubicBezTo>
                  <a:cubicBezTo>
                    <a:pt x="262" y="49"/>
                    <a:pt x="265" y="48"/>
                    <a:pt x="266" y="48"/>
                  </a:cubicBezTo>
                  <a:cubicBezTo>
                    <a:pt x="268" y="46"/>
                    <a:pt x="268" y="42"/>
                    <a:pt x="265" y="42"/>
                  </a:cubicBezTo>
                  <a:cubicBezTo>
                    <a:pt x="262" y="43"/>
                    <a:pt x="260" y="51"/>
                    <a:pt x="260" y="49"/>
                  </a:cubicBezTo>
                  <a:cubicBezTo>
                    <a:pt x="259" y="46"/>
                    <a:pt x="260" y="48"/>
                    <a:pt x="262" y="43"/>
                  </a:cubicBezTo>
                  <a:cubicBezTo>
                    <a:pt x="263" y="40"/>
                    <a:pt x="260" y="40"/>
                    <a:pt x="260" y="39"/>
                  </a:cubicBezTo>
                  <a:cubicBezTo>
                    <a:pt x="262" y="37"/>
                    <a:pt x="263" y="34"/>
                    <a:pt x="260" y="35"/>
                  </a:cubicBezTo>
                  <a:cubicBezTo>
                    <a:pt x="257" y="39"/>
                    <a:pt x="257" y="45"/>
                    <a:pt x="257" y="48"/>
                  </a:cubicBezTo>
                  <a:cubicBezTo>
                    <a:pt x="259" y="49"/>
                    <a:pt x="257" y="51"/>
                    <a:pt x="259" y="52"/>
                  </a:cubicBezTo>
                  <a:cubicBezTo>
                    <a:pt x="260" y="56"/>
                    <a:pt x="257" y="57"/>
                    <a:pt x="260" y="60"/>
                  </a:cubicBezTo>
                  <a:cubicBezTo>
                    <a:pt x="262" y="63"/>
                    <a:pt x="263" y="67"/>
                    <a:pt x="265" y="67"/>
                  </a:cubicBezTo>
                  <a:cubicBezTo>
                    <a:pt x="265" y="65"/>
                    <a:pt x="265" y="65"/>
                    <a:pt x="263" y="63"/>
                  </a:cubicBezTo>
                  <a:close/>
                  <a:moveTo>
                    <a:pt x="263" y="37"/>
                  </a:moveTo>
                  <a:cubicBezTo>
                    <a:pt x="263" y="34"/>
                    <a:pt x="265" y="29"/>
                    <a:pt x="266" y="32"/>
                  </a:cubicBezTo>
                  <a:cubicBezTo>
                    <a:pt x="268" y="34"/>
                    <a:pt x="263" y="40"/>
                    <a:pt x="263" y="37"/>
                  </a:cubicBezTo>
                  <a:close/>
                  <a:moveTo>
                    <a:pt x="213" y="110"/>
                  </a:moveTo>
                  <a:cubicBezTo>
                    <a:pt x="213" y="108"/>
                    <a:pt x="213" y="105"/>
                    <a:pt x="213" y="107"/>
                  </a:cubicBezTo>
                  <a:cubicBezTo>
                    <a:pt x="214" y="110"/>
                    <a:pt x="214" y="112"/>
                    <a:pt x="213" y="110"/>
                  </a:cubicBezTo>
                  <a:close/>
                  <a:moveTo>
                    <a:pt x="219" y="108"/>
                  </a:moveTo>
                  <a:cubicBezTo>
                    <a:pt x="219" y="107"/>
                    <a:pt x="219" y="105"/>
                    <a:pt x="219" y="104"/>
                  </a:cubicBezTo>
                  <a:cubicBezTo>
                    <a:pt x="221" y="101"/>
                    <a:pt x="216" y="102"/>
                    <a:pt x="216" y="105"/>
                  </a:cubicBezTo>
                  <a:cubicBezTo>
                    <a:pt x="217" y="107"/>
                    <a:pt x="214" y="112"/>
                    <a:pt x="217" y="110"/>
                  </a:cubicBezTo>
                  <a:cubicBezTo>
                    <a:pt x="219" y="108"/>
                    <a:pt x="219" y="108"/>
                    <a:pt x="219" y="108"/>
                  </a:cubicBezTo>
                  <a:close/>
                  <a:moveTo>
                    <a:pt x="221" y="112"/>
                  </a:moveTo>
                  <a:cubicBezTo>
                    <a:pt x="222" y="108"/>
                    <a:pt x="225" y="112"/>
                    <a:pt x="222" y="108"/>
                  </a:cubicBezTo>
                  <a:cubicBezTo>
                    <a:pt x="219" y="104"/>
                    <a:pt x="225" y="105"/>
                    <a:pt x="224" y="101"/>
                  </a:cubicBezTo>
                  <a:cubicBezTo>
                    <a:pt x="222" y="97"/>
                    <a:pt x="221" y="102"/>
                    <a:pt x="221" y="107"/>
                  </a:cubicBezTo>
                  <a:cubicBezTo>
                    <a:pt x="221" y="112"/>
                    <a:pt x="216" y="112"/>
                    <a:pt x="219" y="113"/>
                  </a:cubicBezTo>
                  <a:cubicBezTo>
                    <a:pt x="221" y="113"/>
                    <a:pt x="221" y="113"/>
                    <a:pt x="221" y="112"/>
                  </a:cubicBezTo>
                  <a:close/>
                  <a:moveTo>
                    <a:pt x="221" y="73"/>
                  </a:moveTo>
                  <a:cubicBezTo>
                    <a:pt x="221" y="70"/>
                    <a:pt x="221" y="68"/>
                    <a:pt x="222" y="68"/>
                  </a:cubicBezTo>
                  <a:cubicBezTo>
                    <a:pt x="224" y="68"/>
                    <a:pt x="221" y="73"/>
                    <a:pt x="221" y="73"/>
                  </a:cubicBezTo>
                  <a:close/>
                  <a:moveTo>
                    <a:pt x="225" y="70"/>
                  </a:moveTo>
                  <a:cubicBezTo>
                    <a:pt x="227" y="68"/>
                    <a:pt x="227" y="71"/>
                    <a:pt x="225" y="71"/>
                  </a:cubicBezTo>
                  <a:cubicBezTo>
                    <a:pt x="225" y="73"/>
                    <a:pt x="224" y="70"/>
                    <a:pt x="225" y="70"/>
                  </a:cubicBezTo>
                  <a:close/>
                  <a:moveTo>
                    <a:pt x="257" y="63"/>
                  </a:moveTo>
                  <a:cubicBezTo>
                    <a:pt x="257" y="65"/>
                    <a:pt x="259" y="65"/>
                    <a:pt x="259" y="62"/>
                  </a:cubicBezTo>
                  <a:cubicBezTo>
                    <a:pt x="259" y="60"/>
                    <a:pt x="257" y="59"/>
                    <a:pt x="257" y="60"/>
                  </a:cubicBezTo>
                  <a:cubicBezTo>
                    <a:pt x="256" y="62"/>
                    <a:pt x="256" y="62"/>
                    <a:pt x="257" y="63"/>
                  </a:cubicBezTo>
                  <a:close/>
                  <a:moveTo>
                    <a:pt x="288" y="135"/>
                  </a:moveTo>
                  <a:cubicBezTo>
                    <a:pt x="285" y="136"/>
                    <a:pt x="289" y="125"/>
                    <a:pt x="291" y="129"/>
                  </a:cubicBezTo>
                  <a:cubicBezTo>
                    <a:pt x="291" y="130"/>
                    <a:pt x="291" y="133"/>
                    <a:pt x="288" y="135"/>
                  </a:cubicBezTo>
                  <a:close/>
                  <a:moveTo>
                    <a:pt x="310" y="124"/>
                  </a:moveTo>
                  <a:cubicBezTo>
                    <a:pt x="309" y="125"/>
                    <a:pt x="309" y="115"/>
                    <a:pt x="312" y="119"/>
                  </a:cubicBezTo>
                  <a:cubicBezTo>
                    <a:pt x="313" y="122"/>
                    <a:pt x="313" y="124"/>
                    <a:pt x="310" y="124"/>
                  </a:cubicBezTo>
                  <a:close/>
                  <a:moveTo>
                    <a:pt x="245" y="133"/>
                  </a:moveTo>
                  <a:cubicBezTo>
                    <a:pt x="246" y="132"/>
                    <a:pt x="253" y="130"/>
                    <a:pt x="253" y="132"/>
                  </a:cubicBezTo>
                  <a:cubicBezTo>
                    <a:pt x="253" y="133"/>
                    <a:pt x="242" y="135"/>
                    <a:pt x="245" y="133"/>
                  </a:cubicBezTo>
                  <a:close/>
                  <a:moveTo>
                    <a:pt x="169" y="94"/>
                  </a:moveTo>
                  <a:cubicBezTo>
                    <a:pt x="169" y="91"/>
                    <a:pt x="169" y="88"/>
                    <a:pt x="167" y="90"/>
                  </a:cubicBezTo>
                  <a:cubicBezTo>
                    <a:pt x="166" y="91"/>
                    <a:pt x="167" y="93"/>
                    <a:pt x="167" y="96"/>
                  </a:cubicBezTo>
                  <a:cubicBezTo>
                    <a:pt x="166" y="97"/>
                    <a:pt x="167" y="97"/>
                    <a:pt x="169" y="94"/>
                  </a:cubicBezTo>
                  <a:close/>
                  <a:moveTo>
                    <a:pt x="100" y="88"/>
                  </a:moveTo>
                  <a:cubicBezTo>
                    <a:pt x="102" y="87"/>
                    <a:pt x="103" y="90"/>
                    <a:pt x="105" y="87"/>
                  </a:cubicBezTo>
                  <a:cubicBezTo>
                    <a:pt x="106" y="85"/>
                    <a:pt x="105" y="84"/>
                    <a:pt x="102" y="82"/>
                  </a:cubicBezTo>
                  <a:cubicBezTo>
                    <a:pt x="99" y="80"/>
                    <a:pt x="99" y="85"/>
                    <a:pt x="99" y="88"/>
                  </a:cubicBezTo>
                  <a:cubicBezTo>
                    <a:pt x="100" y="88"/>
                    <a:pt x="100" y="90"/>
                    <a:pt x="100" y="88"/>
                  </a:cubicBezTo>
                  <a:close/>
                  <a:moveTo>
                    <a:pt x="83" y="77"/>
                  </a:moveTo>
                  <a:cubicBezTo>
                    <a:pt x="86" y="77"/>
                    <a:pt x="85" y="84"/>
                    <a:pt x="88" y="85"/>
                  </a:cubicBezTo>
                  <a:cubicBezTo>
                    <a:pt x="90" y="87"/>
                    <a:pt x="90" y="88"/>
                    <a:pt x="93" y="87"/>
                  </a:cubicBezTo>
                  <a:cubicBezTo>
                    <a:pt x="94" y="87"/>
                    <a:pt x="91" y="85"/>
                    <a:pt x="91" y="84"/>
                  </a:cubicBezTo>
                  <a:cubicBezTo>
                    <a:pt x="93" y="82"/>
                    <a:pt x="93" y="82"/>
                    <a:pt x="90" y="82"/>
                  </a:cubicBezTo>
                  <a:cubicBezTo>
                    <a:pt x="86" y="80"/>
                    <a:pt x="90" y="71"/>
                    <a:pt x="83" y="71"/>
                  </a:cubicBezTo>
                  <a:cubicBezTo>
                    <a:pt x="80" y="73"/>
                    <a:pt x="82" y="74"/>
                    <a:pt x="80" y="76"/>
                  </a:cubicBezTo>
                  <a:cubicBezTo>
                    <a:pt x="77" y="77"/>
                    <a:pt x="82" y="77"/>
                    <a:pt x="83" y="77"/>
                  </a:cubicBezTo>
                  <a:close/>
                  <a:moveTo>
                    <a:pt x="105" y="15"/>
                  </a:moveTo>
                  <a:cubicBezTo>
                    <a:pt x="105" y="15"/>
                    <a:pt x="102" y="18"/>
                    <a:pt x="103" y="20"/>
                  </a:cubicBezTo>
                  <a:cubicBezTo>
                    <a:pt x="105" y="20"/>
                    <a:pt x="102" y="21"/>
                    <a:pt x="103" y="21"/>
                  </a:cubicBezTo>
                  <a:cubicBezTo>
                    <a:pt x="106" y="23"/>
                    <a:pt x="105" y="17"/>
                    <a:pt x="105" y="15"/>
                  </a:cubicBezTo>
                  <a:close/>
                  <a:moveTo>
                    <a:pt x="9" y="32"/>
                  </a:moveTo>
                  <a:cubicBezTo>
                    <a:pt x="10" y="34"/>
                    <a:pt x="12" y="35"/>
                    <a:pt x="12" y="34"/>
                  </a:cubicBezTo>
                  <a:cubicBezTo>
                    <a:pt x="10" y="32"/>
                    <a:pt x="7" y="28"/>
                    <a:pt x="6" y="29"/>
                  </a:cubicBezTo>
                  <a:cubicBezTo>
                    <a:pt x="6" y="31"/>
                    <a:pt x="6" y="32"/>
                    <a:pt x="9" y="32"/>
                  </a:cubicBezTo>
                  <a:close/>
                  <a:moveTo>
                    <a:pt x="21" y="51"/>
                  </a:moveTo>
                  <a:cubicBezTo>
                    <a:pt x="22" y="54"/>
                    <a:pt x="24" y="48"/>
                    <a:pt x="22" y="46"/>
                  </a:cubicBezTo>
                  <a:cubicBezTo>
                    <a:pt x="19" y="45"/>
                    <a:pt x="19" y="42"/>
                    <a:pt x="16" y="42"/>
                  </a:cubicBezTo>
                  <a:cubicBezTo>
                    <a:pt x="15" y="43"/>
                    <a:pt x="18" y="46"/>
                    <a:pt x="21" y="51"/>
                  </a:cubicBezTo>
                  <a:close/>
                  <a:moveTo>
                    <a:pt x="29" y="67"/>
                  </a:moveTo>
                  <a:cubicBezTo>
                    <a:pt x="30" y="65"/>
                    <a:pt x="35" y="73"/>
                    <a:pt x="33" y="74"/>
                  </a:cubicBezTo>
                  <a:cubicBezTo>
                    <a:pt x="32" y="74"/>
                    <a:pt x="26" y="68"/>
                    <a:pt x="29" y="67"/>
                  </a:cubicBezTo>
                  <a:close/>
                  <a:moveTo>
                    <a:pt x="36" y="77"/>
                  </a:moveTo>
                  <a:cubicBezTo>
                    <a:pt x="36" y="76"/>
                    <a:pt x="39" y="79"/>
                    <a:pt x="38" y="80"/>
                  </a:cubicBezTo>
                  <a:cubicBezTo>
                    <a:pt x="38" y="80"/>
                    <a:pt x="35" y="79"/>
                    <a:pt x="36" y="77"/>
                  </a:cubicBezTo>
                  <a:close/>
                  <a:moveTo>
                    <a:pt x="39" y="85"/>
                  </a:moveTo>
                  <a:cubicBezTo>
                    <a:pt x="41" y="85"/>
                    <a:pt x="42" y="90"/>
                    <a:pt x="42" y="88"/>
                  </a:cubicBezTo>
                  <a:cubicBezTo>
                    <a:pt x="44" y="87"/>
                    <a:pt x="41" y="80"/>
                    <a:pt x="39" y="82"/>
                  </a:cubicBezTo>
                  <a:cubicBezTo>
                    <a:pt x="38" y="84"/>
                    <a:pt x="39" y="85"/>
                    <a:pt x="39" y="85"/>
                  </a:cubicBezTo>
                  <a:close/>
                  <a:moveTo>
                    <a:pt x="74" y="63"/>
                  </a:moveTo>
                  <a:cubicBezTo>
                    <a:pt x="71" y="65"/>
                    <a:pt x="73" y="60"/>
                    <a:pt x="74" y="60"/>
                  </a:cubicBezTo>
                  <a:cubicBezTo>
                    <a:pt x="76" y="60"/>
                    <a:pt x="76" y="63"/>
                    <a:pt x="74" y="63"/>
                  </a:cubicBezTo>
                  <a:close/>
                  <a:moveTo>
                    <a:pt x="76" y="57"/>
                  </a:moveTo>
                  <a:cubicBezTo>
                    <a:pt x="74" y="56"/>
                    <a:pt x="74" y="57"/>
                    <a:pt x="74" y="59"/>
                  </a:cubicBezTo>
                  <a:cubicBezTo>
                    <a:pt x="74" y="60"/>
                    <a:pt x="79" y="60"/>
                    <a:pt x="79" y="60"/>
                  </a:cubicBezTo>
                  <a:cubicBezTo>
                    <a:pt x="79" y="60"/>
                    <a:pt x="77" y="59"/>
                    <a:pt x="76" y="57"/>
                  </a:cubicBezTo>
                  <a:close/>
                  <a:moveTo>
                    <a:pt x="53" y="35"/>
                  </a:moveTo>
                  <a:cubicBezTo>
                    <a:pt x="54" y="37"/>
                    <a:pt x="53" y="40"/>
                    <a:pt x="51" y="40"/>
                  </a:cubicBezTo>
                  <a:cubicBezTo>
                    <a:pt x="50" y="39"/>
                    <a:pt x="51" y="35"/>
                    <a:pt x="53" y="35"/>
                  </a:cubicBezTo>
                  <a:close/>
                  <a:moveTo>
                    <a:pt x="67" y="48"/>
                  </a:moveTo>
                  <a:cubicBezTo>
                    <a:pt x="67" y="48"/>
                    <a:pt x="68" y="51"/>
                    <a:pt x="67" y="51"/>
                  </a:cubicBezTo>
                  <a:cubicBezTo>
                    <a:pt x="65" y="51"/>
                    <a:pt x="65" y="48"/>
                    <a:pt x="67" y="48"/>
                  </a:cubicBezTo>
                  <a:close/>
                  <a:moveTo>
                    <a:pt x="58" y="43"/>
                  </a:moveTo>
                  <a:cubicBezTo>
                    <a:pt x="59" y="45"/>
                    <a:pt x="59" y="45"/>
                    <a:pt x="59" y="43"/>
                  </a:cubicBezTo>
                  <a:cubicBezTo>
                    <a:pt x="59" y="42"/>
                    <a:pt x="56" y="40"/>
                    <a:pt x="54" y="42"/>
                  </a:cubicBezTo>
                  <a:cubicBezTo>
                    <a:pt x="54" y="42"/>
                    <a:pt x="56" y="42"/>
                    <a:pt x="58" y="43"/>
                  </a:cubicBezTo>
                  <a:close/>
                  <a:moveTo>
                    <a:pt x="58" y="43"/>
                  </a:moveTo>
                  <a:cubicBezTo>
                    <a:pt x="59" y="45"/>
                    <a:pt x="59" y="49"/>
                    <a:pt x="58" y="48"/>
                  </a:cubicBezTo>
                  <a:cubicBezTo>
                    <a:pt x="58" y="46"/>
                    <a:pt x="56" y="42"/>
                    <a:pt x="58" y="43"/>
                  </a:cubicBezTo>
                  <a:close/>
                  <a:moveTo>
                    <a:pt x="64" y="49"/>
                  </a:moveTo>
                  <a:cubicBezTo>
                    <a:pt x="64" y="48"/>
                    <a:pt x="61" y="48"/>
                    <a:pt x="61" y="46"/>
                  </a:cubicBezTo>
                  <a:cubicBezTo>
                    <a:pt x="59" y="45"/>
                    <a:pt x="59" y="46"/>
                    <a:pt x="59" y="48"/>
                  </a:cubicBezTo>
                  <a:cubicBezTo>
                    <a:pt x="59" y="49"/>
                    <a:pt x="59" y="49"/>
                    <a:pt x="61" y="49"/>
                  </a:cubicBezTo>
                  <a:cubicBezTo>
                    <a:pt x="62" y="49"/>
                    <a:pt x="64" y="51"/>
                    <a:pt x="64" y="49"/>
                  </a:cubicBezTo>
                  <a:close/>
                  <a:moveTo>
                    <a:pt x="62" y="48"/>
                  </a:moveTo>
                  <a:cubicBezTo>
                    <a:pt x="64" y="48"/>
                    <a:pt x="64" y="48"/>
                    <a:pt x="64" y="48"/>
                  </a:cubicBezTo>
                  <a:cubicBezTo>
                    <a:pt x="64" y="46"/>
                    <a:pt x="61" y="45"/>
                    <a:pt x="61" y="46"/>
                  </a:cubicBezTo>
                  <a:cubicBezTo>
                    <a:pt x="61" y="46"/>
                    <a:pt x="61" y="46"/>
                    <a:pt x="62" y="48"/>
                  </a:cubicBezTo>
                  <a:close/>
                  <a:moveTo>
                    <a:pt x="65" y="49"/>
                  </a:moveTo>
                  <a:cubicBezTo>
                    <a:pt x="65" y="52"/>
                    <a:pt x="65" y="52"/>
                    <a:pt x="65" y="52"/>
                  </a:cubicBezTo>
                  <a:cubicBezTo>
                    <a:pt x="64" y="52"/>
                    <a:pt x="64" y="49"/>
                    <a:pt x="65" y="49"/>
                  </a:cubicBezTo>
                  <a:close/>
                  <a:moveTo>
                    <a:pt x="26" y="62"/>
                  </a:moveTo>
                  <a:cubicBezTo>
                    <a:pt x="24" y="60"/>
                    <a:pt x="26" y="59"/>
                    <a:pt x="27" y="59"/>
                  </a:cubicBezTo>
                  <a:cubicBezTo>
                    <a:pt x="29" y="60"/>
                    <a:pt x="27" y="63"/>
                    <a:pt x="26" y="62"/>
                  </a:cubicBezTo>
                  <a:close/>
                  <a:moveTo>
                    <a:pt x="330" y="74"/>
                  </a:moveTo>
                  <a:cubicBezTo>
                    <a:pt x="335" y="74"/>
                    <a:pt x="332" y="73"/>
                    <a:pt x="326" y="73"/>
                  </a:cubicBezTo>
                  <a:cubicBezTo>
                    <a:pt x="320" y="73"/>
                    <a:pt x="323" y="73"/>
                    <a:pt x="326" y="74"/>
                  </a:cubicBezTo>
                  <a:cubicBezTo>
                    <a:pt x="326" y="76"/>
                    <a:pt x="326" y="76"/>
                    <a:pt x="330" y="74"/>
                  </a:cubicBezTo>
                  <a:close/>
                  <a:moveTo>
                    <a:pt x="327" y="67"/>
                  </a:moveTo>
                  <a:cubicBezTo>
                    <a:pt x="326" y="65"/>
                    <a:pt x="327" y="63"/>
                    <a:pt x="323" y="63"/>
                  </a:cubicBezTo>
                  <a:cubicBezTo>
                    <a:pt x="318" y="62"/>
                    <a:pt x="321" y="65"/>
                    <a:pt x="323" y="67"/>
                  </a:cubicBezTo>
                  <a:cubicBezTo>
                    <a:pt x="326" y="67"/>
                    <a:pt x="323" y="70"/>
                    <a:pt x="327" y="68"/>
                  </a:cubicBezTo>
                  <a:cubicBezTo>
                    <a:pt x="329" y="68"/>
                    <a:pt x="329" y="68"/>
                    <a:pt x="327" y="67"/>
                  </a:cubicBezTo>
                  <a:close/>
                  <a:moveTo>
                    <a:pt x="275" y="135"/>
                  </a:moveTo>
                  <a:cubicBezTo>
                    <a:pt x="272" y="132"/>
                    <a:pt x="275" y="133"/>
                    <a:pt x="275" y="135"/>
                  </a:cubicBezTo>
                  <a:cubicBezTo>
                    <a:pt x="277" y="135"/>
                    <a:pt x="275" y="136"/>
                    <a:pt x="275" y="135"/>
                  </a:cubicBezTo>
                  <a:close/>
                  <a:moveTo>
                    <a:pt x="298" y="115"/>
                  </a:moveTo>
                  <a:cubicBezTo>
                    <a:pt x="298" y="110"/>
                    <a:pt x="300" y="113"/>
                    <a:pt x="300" y="113"/>
                  </a:cubicBezTo>
                  <a:cubicBezTo>
                    <a:pt x="300" y="115"/>
                    <a:pt x="298" y="116"/>
                    <a:pt x="298" y="115"/>
                  </a:cubicBezTo>
                  <a:close/>
                  <a:moveTo>
                    <a:pt x="300" y="116"/>
                  </a:moveTo>
                  <a:cubicBezTo>
                    <a:pt x="300" y="112"/>
                    <a:pt x="303" y="107"/>
                    <a:pt x="303" y="108"/>
                  </a:cubicBezTo>
                  <a:cubicBezTo>
                    <a:pt x="303" y="110"/>
                    <a:pt x="300" y="116"/>
                    <a:pt x="300" y="116"/>
                  </a:cubicBezTo>
                  <a:close/>
                  <a:moveTo>
                    <a:pt x="260" y="138"/>
                  </a:moveTo>
                  <a:cubicBezTo>
                    <a:pt x="259" y="136"/>
                    <a:pt x="260" y="136"/>
                    <a:pt x="262" y="136"/>
                  </a:cubicBezTo>
                  <a:cubicBezTo>
                    <a:pt x="263" y="138"/>
                    <a:pt x="262" y="138"/>
                    <a:pt x="260" y="138"/>
                  </a:cubicBezTo>
                  <a:close/>
                  <a:moveTo>
                    <a:pt x="312" y="118"/>
                  </a:moveTo>
                  <a:cubicBezTo>
                    <a:pt x="310" y="118"/>
                    <a:pt x="310" y="116"/>
                    <a:pt x="310" y="116"/>
                  </a:cubicBezTo>
                  <a:cubicBezTo>
                    <a:pt x="310" y="118"/>
                    <a:pt x="310" y="118"/>
                    <a:pt x="310" y="118"/>
                  </a:cubicBezTo>
                  <a:cubicBezTo>
                    <a:pt x="312" y="119"/>
                    <a:pt x="312" y="119"/>
                    <a:pt x="313" y="121"/>
                  </a:cubicBezTo>
                  <a:cubicBezTo>
                    <a:pt x="313" y="121"/>
                    <a:pt x="313" y="119"/>
                    <a:pt x="312" y="118"/>
                  </a:cubicBezTo>
                  <a:close/>
                  <a:moveTo>
                    <a:pt x="315" y="115"/>
                  </a:moveTo>
                  <a:cubicBezTo>
                    <a:pt x="315" y="110"/>
                    <a:pt x="313" y="108"/>
                    <a:pt x="312" y="112"/>
                  </a:cubicBezTo>
                  <a:cubicBezTo>
                    <a:pt x="312" y="113"/>
                    <a:pt x="310" y="112"/>
                    <a:pt x="310" y="113"/>
                  </a:cubicBezTo>
                  <a:cubicBezTo>
                    <a:pt x="310" y="113"/>
                    <a:pt x="312" y="113"/>
                    <a:pt x="312" y="115"/>
                  </a:cubicBezTo>
                  <a:cubicBezTo>
                    <a:pt x="310" y="118"/>
                    <a:pt x="312" y="118"/>
                    <a:pt x="313" y="119"/>
                  </a:cubicBezTo>
                  <a:cubicBezTo>
                    <a:pt x="315" y="119"/>
                    <a:pt x="315" y="118"/>
                    <a:pt x="315" y="115"/>
                  </a:cubicBezTo>
                  <a:close/>
                  <a:moveTo>
                    <a:pt x="347" y="140"/>
                  </a:moveTo>
                  <a:cubicBezTo>
                    <a:pt x="349" y="140"/>
                    <a:pt x="347" y="138"/>
                    <a:pt x="347" y="138"/>
                  </a:cubicBezTo>
                  <a:cubicBezTo>
                    <a:pt x="347" y="136"/>
                    <a:pt x="347" y="136"/>
                    <a:pt x="345" y="138"/>
                  </a:cubicBezTo>
                  <a:cubicBezTo>
                    <a:pt x="345" y="140"/>
                    <a:pt x="345" y="140"/>
                    <a:pt x="347" y="140"/>
                  </a:cubicBezTo>
                  <a:close/>
                  <a:moveTo>
                    <a:pt x="245" y="80"/>
                  </a:moveTo>
                  <a:cubicBezTo>
                    <a:pt x="246" y="82"/>
                    <a:pt x="246" y="80"/>
                    <a:pt x="246" y="79"/>
                  </a:cubicBezTo>
                  <a:cubicBezTo>
                    <a:pt x="245" y="77"/>
                    <a:pt x="246" y="76"/>
                    <a:pt x="245" y="76"/>
                  </a:cubicBezTo>
                  <a:cubicBezTo>
                    <a:pt x="245" y="77"/>
                    <a:pt x="245" y="79"/>
                    <a:pt x="245" y="80"/>
                  </a:cubicBezTo>
                  <a:close/>
                  <a:moveTo>
                    <a:pt x="256" y="60"/>
                  </a:moveTo>
                  <a:cubicBezTo>
                    <a:pt x="256" y="59"/>
                    <a:pt x="256" y="62"/>
                    <a:pt x="256" y="62"/>
                  </a:cubicBezTo>
                  <a:cubicBezTo>
                    <a:pt x="254" y="62"/>
                    <a:pt x="254" y="60"/>
                    <a:pt x="256" y="60"/>
                  </a:cubicBezTo>
                  <a:close/>
                  <a:moveTo>
                    <a:pt x="259" y="65"/>
                  </a:moveTo>
                  <a:cubicBezTo>
                    <a:pt x="260" y="63"/>
                    <a:pt x="262" y="63"/>
                    <a:pt x="260" y="65"/>
                  </a:cubicBezTo>
                  <a:cubicBezTo>
                    <a:pt x="260" y="67"/>
                    <a:pt x="259" y="65"/>
                    <a:pt x="259" y="65"/>
                  </a:cubicBezTo>
                  <a:close/>
                  <a:moveTo>
                    <a:pt x="260" y="94"/>
                  </a:moveTo>
                  <a:cubicBezTo>
                    <a:pt x="260" y="93"/>
                    <a:pt x="265" y="90"/>
                    <a:pt x="265" y="91"/>
                  </a:cubicBezTo>
                  <a:cubicBezTo>
                    <a:pt x="263" y="93"/>
                    <a:pt x="262" y="94"/>
                    <a:pt x="260" y="94"/>
                  </a:cubicBezTo>
                  <a:close/>
                  <a:moveTo>
                    <a:pt x="256" y="65"/>
                  </a:moveTo>
                  <a:cubicBezTo>
                    <a:pt x="254" y="65"/>
                    <a:pt x="256" y="63"/>
                    <a:pt x="256" y="63"/>
                  </a:cubicBezTo>
                  <a:cubicBezTo>
                    <a:pt x="257" y="65"/>
                    <a:pt x="257" y="65"/>
                    <a:pt x="256" y="65"/>
                  </a:cubicBezTo>
                  <a:close/>
                  <a:moveTo>
                    <a:pt x="280" y="67"/>
                  </a:moveTo>
                  <a:cubicBezTo>
                    <a:pt x="280" y="65"/>
                    <a:pt x="281" y="65"/>
                    <a:pt x="283" y="65"/>
                  </a:cubicBezTo>
                  <a:cubicBezTo>
                    <a:pt x="285" y="65"/>
                    <a:pt x="280" y="67"/>
                    <a:pt x="280" y="67"/>
                  </a:cubicBezTo>
                  <a:close/>
                  <a:moveTo>
                    <a:pt x="76" y="49"/>
                  </a:moveTo>
                  <a:cubicBezTo>
                    <a:pt x="74" y="48"/>
                    <a:pt x="71" y="46"/>
                    <a:pt x="74" y="45"/>
                  </a:cubicBezTo>
                  <a:cubicBezTo>
                    <a:pt x="77" y="43"/>
                    <a:pt x="76" y="49"/>
                    <a:pt x="76" y="49"/>
                  </a:cubicBezTo>
                  <a:close/>
                  <a:moveTo>
                    <a:pt x="71" y="46"/>
                  </a:moveTo>
                  <a:cubicBezTo>
                    <a:pt x="71" y="45"/>
                    <a:pt x="73" y="46"/>
                    <a:pt x="71" y="48"/>
                  </a:cubicBezTo>
                  <a:cubicBezTo>
                    <a:pt x="71" y="48"/>
                    <a:pt x="70" y="46"/>
                    <a:pt x="71" y="46"/>
                  </a:cubicBezTo>
                  <a:close/>
                  <a:moveTo>
                    <a:pt x="71" y="49"/>
                  </a:moveTo>
                  <a:cubicBezTo>
                    <a:pt x="71" y="48"/>
                    <a:pt x="73" y="48"/>
                    <a:pt x="73" y="49"/>
                  </a:cubicBezTo>
                  <a:cubicBezTo>
                    <a:pt x="73" y="49"/>
                    <a:pt x="73" y="51"/>
                    <a:pt x="71" y="49"/>
                  </a:cubicBezTo>
                  <a:close/>
                </a:path>
              </a:pathLst>
            </a:custGeom>
            <a:solidFill>
              <a:schemeClr val="accent5"/>
            </a:solidFill>
            <a:ln w="6350" cmpd="sng">
              <a:solidFill>
                <a:schemeClr val="bg1"/>
              </a:solidFill>
              <a:round/>
              <a:headEnd/>
              <a:tailEnd/>
            </a:ln>
          </p:spPr>
          <p:txBody>
            <a:bodyPr/>
            <a:lstStyle/>
            <a:p>
              <a:endParaRPr lang="en-GB" sz="1633" dirty="0"/>
            </a:p>
          </p:txBody>
        </p:sp>
        <p:sp>
          <p:nvSpPr>
            <p:cNvPr id="265" name="Freeform 223"/>
            <p:cNvSpPr>
              <a:spLocks/>
            </p:cNvSpPr>
            <p:nvPr/>
          </p:nvSpPr>
          <p:spPr bwMode="auto">
            <a:xfrm>
              <a:off x="6777416" y="4321274"/>
              <a:ext cx="22495" cy="53023"/>
            </a:xfrm>
            <a:custGeom>
              <a:avLst/>
              <a:gdLst/>
              <a:ahLst/>
              <a:cxnLst>
                <a:cxn ang="0">
                  <a:pos x="4" y="17"/>
                </a:cxn>
                <a:cxn ang="0">
                  <a:pos x="3" y="17"/>
                </a:cxn>
                <a:cxn ang="0">
                  <a:pos x="1" y="16"/>
                </a:cxn>
                <a:cxn ang="0">
                  <a:pos x="1" y="5"/>
                </a:cxn>
                <a:cxn ang="0">
                  <a:pos x="4" y="2"/>
                </a:cxn>
                <a:cxn ang="0">
                  <a:pos x="6" y="6"/>
                </a:cxn>
                <a:cxn ang="0">
                  <a:pos x="7" y="11"/>
                </a:cxn>
                <a:cxn ang="0">
                  <a:pos x="4" y="17"/>
                </a:cxn>
                <a:cxn ang="0">
                  <a:pos x="4" y="17"/>
                </a:cxn>
              </a:cxnLst>
              <a:rect l="0" t="0" r="r" b="b"/>
              <a:pathLst>
                <a:path w="7" h="17">
                  <a:moveTo>
                    <a:pt x="4" y="17"/>
                  </a:moveTo>
                  <a:cubicBezTo>
                    <a:pt x="4" y="17"/>
                    <a:pt x="4" y="17"/>
                    <a:pt x="3" y="17"/>
                  </a:cubicBezTo>
                  <a:cubicBezTo>
                    <a:pt x="3" y="17"/>
                    <a:pt x="1" y="17"/>
                    <a:pt x="1" y="16"/>
                  </a:cubicBezTo>
                  <a:cubicBezTo>
                    <a:pt x="1" y="8"/>
                    <a:pt x="0" y="9"/>
                    <a:pt x="1" y="5"/>
                  </a:cubicBezTo>
                  <a:cubicBezTo>
                    <a:pt x="3" y="3"/>
                    <a:pt x="3" y="0"/>
                    <a:pt x="4" y="2"/>
                  </a:cubicBezTo>
                  <a:cubicBezTo>
                    <a:pt x="6" y="3"/>
                    <a:pt x="7" y="5"/>
                    <a:pt x="6" y="6"/>
                  </a:cubicBezTo>
                  <a:cubicBezTo>
                    <a:pt x="6" y="9"/>
                    <a:pt x="7" y="9"/>
                    <a:pt x="7" y="11"/>
                  </a:cubicBezTo>
                  <a:cubicBezTo>
                    <a:pt x="7" y="14"/>
                    <a:pt x="6" y="17"/>
                    <a:pt x="4" y="17"/>
                  </a:cubicBezTo>
                  <a:cubicBezTo>
                    <a:pt x="4" y="17"/>
                    <a:pt x="4" y="17"/>
                    <a:pt x="4" y="17"/>
                  </a:cubicBezTo>
                </a:path>
              </a:pathLst>
            </a:custGeom>
            <a:solidFill>
              <a:schemeClr val="accent5"/>
            </a:solidFill>
            <a:ln w="6350" cmpd="sng">
              <a:solidFill>
                <a:schemeClr val="bg1"/>
              </a:solidFill>
              <a:round/>
              <a:headEnd/>
              <a:tailEnd/>
            </a:ln>
          </p:spPr>
          <p:txBody>
            <a:bodyPr/>
            <a:lstStyle/>
            <a:p>
              <a:endParaRPr lang="en-GB" sz="1633" dirty="0"/>
            </a:p>
          </p:txBody>
        </p:sp>
        <p:sp>
          <p:nvSpPr>
            <p:cNvPr id="266" name="Freeform 224"/>
            <p:cNvSpPr>
              <a:spLocks/>
            </p:cNvSpPr>
            <p:nvPr/>
          </p:nvSpPr>
          <p:spPr bwMode="auto">
            <a:xfrm>
              <a:off x="6912386" y="4318059"/>
              <a:ext cx="11247" cy="22494"/>
            </a:xfrm>
            <a:custGeom>
              <a:avLst/>
              <a:gdLst/>
              <a:ahLst/>
              <a:cxnLst>
                <a:cxn ang="0">
                  <a:pos x="1" y="7"/>
                </a:cxn>
                <a:cxn ang="0">
                  <a:pos x="0" y="3"/>
                </a:cxn>
                <a:cxn ang="0">
                  <a:pos x="1" y="1"/>
                </a:cxn>
                <a:cxn ang="0">
                  <a:pos x="3" y="0"/>
                </a:cxn>
                <a:cxn ang="0">
                  <a:pos x="3" y="4"/>
                </a:cxn>
                <a:cxn ang="0">
                  <a:pos x="1" y="7"/>
                </a:cxn>
              </a:cxnLst>
              <a:rect l="0" t="0" r="r" b="b"/>
              <a:pathLst>
                <a:path w="4" h="7">
                  <a:moveTo>
                    <a:pt x="1" y="7"/>
                  </a:moveTo>
                  <a:cubicBezTo>
                    <a:pt x="0" y="7"/>
                    <a:pt x="1" y="3"/>
                    <a:pt x="0" y="3"/>
                  </a:cubicBezTo>
                  <a:cubicBezTo>
                    <a:pt x="1" y="1"/>
                    <a:pt x="0" y="1"/>
                    <a:pt x="1" y="1"/>
                  </a:cubicBezTo>
                  <a:cubicBezTo>
                    <a:pt x="3" y="3"/>
                    <a:pt x="1" y="0"/>
                    <a:pt x="3" y="0"/>
                  </a:cubicBezTo>
                  <a:cubicBezTo>
                    <a:pt x="4" y="0"/>
                    <a:pt x="3" y="3"/>
                    <a:pt x="3" y="4"/>
                  </a:cubicBezTo>
                  <a:cubicBezTo>
                    <a:pt x="3" y="4"/>
                    <a:pt x="1" y="6"/>
                    <a:pt x="1" y="7"/>
                  </a:cubicBezTo>
                </a:path>
              </a:pathLst>
            </a:custGeom>
            <a:grpFill/>
            <a:ln w="6350" cmpd="sng">
              <a:solidFill>
                <a:schemeClr val="bg1"/>
              </a:solidFill>
              <a:round/>
              <a:headEnd/>
              <a:tailEnd/>
            </a:ln>
          </p:spPr>
          <p:txBody>
            <a:bodyPr/>
            <a:lstStyle/>
            <a:p>
              <a:endParaRPr lang="en-GB" sz="1633" dirty="0"/>
            </a:p>
          </p:txBody>
        </p:sp>
        <p:sp>
          <p:nvSpPr>
            <p:cNvPr id="267" name="Freeform 225"/>
            <p:cNvSpPr>
              <a:spLocks/>
            </p:cNvSpPr>
            <p:nvPr/>
          </p:nvSpPr>
          <p:spPr bwMode="auto">
            <a:xfrm>
              <a:off x="6787057" y="4327700"/>
              <a:ext cx="133363" cy="118900"/>
            </a:xfrm>
            <a:custGeom>
              <a:avLst/>
              <a:gdLst/>
              <a:ahLst/>
              <a:cxnLst>
                <a:cxn ang="0">
                  <a:pos x="41" y="4"/>
                </a:cxn>
                <a:cxn ang="0">
                  <a:pos x="40" y="0"/>
                </a:cxn>
                <a:cxn ang="0">
                  <a:pos x="38" y="4"/>
                </a:cxn>
                <a:cxn ang="0">
                  <a:pos x="34" y="9"/>
                </a:cxn>
                <a:cxn ang="0">
                  <a:pos x="26" y="15"/>
                </a:cxn>
                <a:cxn ang="0">
                  <a:pos x="26" y="18"/>
                </a:cxn>
                <a:cxn ang="0">
                  <a:pos x="11" y="20"/>
                </a:cxn>
                <a:cxn ang="0">
                  <a:pos x="6" y="20"/>
                </a:cxn>
                <a:cxn ang="0">
                  <a:pos x="3" y="18"/>
                </a:cxn>
                <a:cxn ang="0">
                  <a:pos x="3" y="15"/>
                </a:cxn>
                <a:cxn ang="0">
                  <a:pos x="1" y="15"/>
                </a:cxn>
                <a:cxn ang="0">
                  <a:pos x="0" y="15"/>
                </a:cxn>
                <a:cxn ang="0">
                  <a:pos x="3" y="20"/>
                </a:cxn>
                <a:cxn ang="0">
                  <a:pos x="6" y="27"/>
                </a:cxn>
                <a:cxn ang="0">
                  <a:pos x="15" y="32"/>
                </a:cxn>
                <a:cxn ang="0">
                  <a:pos x="34" y="33"/>
                </a:cxn>
                <a:cxn ang="0">
                  <a:pos x="35" y="26"/>
                </a:cxn>
                <a:cxn ang="0">
                  <a:pos x="35" y="21"/>
                </a:cxn>
                <a:cxn ang="0">
                  <a:pos x="38" y="20"/>
                </a:cxn>
                <a:cxn ang="0">
                  <a:pos x="38" y="18"/>
                </a:cxn>
                <a:cxn ang="0">
                  <a:pos x="38" y="15"/>
                </a:cxn>
                <a:cxn ang="0">
                  <a:pos x="40" y="12"/>
                </a:cxn>
                <a:cxn ang="0">
                  <a:pos x="43" y="10"/>
                </a:cxn>
                <a:cxn ang="0">
                  <a:pos x="41" y="4"/>
                </a:cxn>
              </a:cxnLst>
              <a:rect l="0" t="0" r="r" b="b"/>
              <a:pathLst>
                <a:path w="43" h="38">
                  <a:moveTo>
                    <a:pt x="41" y="4"/>
                  </a:moveTo>
                  <a:cubicBezTo>
                    <a:pt x="40" y="4"/>
                    <a:pt x="41" y="0"/>
                    <a:pt x="40" y="0"/>
                  </a:cubicBezTo>
                  <a:cubicBezTo>
                    <a:pt x="38" y="6"/>
                    <a:pt x="40" y="0"/>
                    <a:pt x="38" y="4"/>
                  </a:cubicBezTo>
                  <a:cubicBezTo>
                    <a:pt x="37" y="6"/>
                    <a:pt x="35" y="6"/>
                    <a:pt x="34" y="9"/>
                  </a:cubicBezTo>
                  <a:cubicBezTo>
                    <a:pt x="31" y="12"/>
                    <a:pt x="28" y="15"/>
                    <a:pt x="26" y="15"/>
                  </a:cubicBezTo>
                  <a:cubicBezTo>
                    <a:pt x="26" y="16"/>
                    <a:pt x="29" y="15"/>
                    <a:pt x="26" y="18"/>
                  </a:cubicBezTo>
                  <a:cubicBezTo>
                    <a:pt x="23" y="23"/>
                    <a:pt x="17" y="18"/>
                    <a:pt x="11" y="20"/>
                  </a:cubicBezTo>
                  <a:cubicBezTo>
                    <a:pt x="6" y="21"/>
                    <a:pt x="6" y="21"/>
                    <a:pt x="6" y="20"/>
                  </a:cubicBezTo>
                  <a:cubicBezTo>
                    <a:pt x="6" y="16"/>
                    <a:pt x="5" y="18"/>
                    <a:pt x="3" y="18"/>
                  </a:cubicBezTo>
                  <a:cubicBezTo>
                    <a:pt x="0" y="18"/>
                    <a:pt x="3" y="15"/>
                    <a:pt x="3" y="15"/>
                  </a:cubicBezTo>
                  <a:cubicBezTo>
                    <a:pt x="3" y="13"/>
                    <a:pt x="1" y="15"/>
                    <a:pt x="1" y="15"/>
                  </a:cubicBezTo>
                  <a:cubicBezTo>
                    <a:pt x="1" y="15"/>
                    <a:pt x="1" y="15"/>
                    <a:pt x="0" y="15"/>
                  </a:cubicBezTo>
                  <a:cubicBezTo>
                    <a:pt x="0" y="18"/>
                    <a:pt x="0" y="18"/>
                    <a:pt x="3" y="20"/>
                  </a:cubicBezTo>
                  <a:cubicBezTo>
                    <a:pt x="6" y="23"/>
                    <a:pt x="6" y="23"/>
                    <a:pt x="6" y="27"/>
                  </a:cubicBezTo>
                  <a:cubicBezTo>
                    <a:pt x="8" y="30"/>
                    <a:pt x="6" y="30"/>
                    <a:pt x="15" y="32"/>
                  </a:cubicBezTo>
                  <a:cubicBezTo>
                    <a:pt x="24" y="33"/>
                    <a:pt x="32" y="38"/>
                    <a:pt x="34" y="33"/>
                  </a:cubicBezTo>
                  <a:cubicBezTo>
                    <a:pt x="34" y="32"/>
                    <a:pt x="32" y="30"/>
                    <a:pt x="35" y="26"/>
                  </a:cubicBezTo>
                  <a:cubicBezTo>
                    <a:pt x="37" y="21"/>
                    <a:pt x="37" y="23"/>
                    <a:pt x="35" y="21"/>
                  </a:cubicBezTo>
                  <a:cubicBezTo>
                    <a:pt x="35" y="21"/>
                    <a:pt x="37" y="21"/>
                    <a:pt x="38" y="20"/>
                  </a:cubicBezTo>
                  <a:cubicBezTo>
                    <a:pt x="41" y="20"/>
                    <a:pt x="40" y="18"/>
                    <a:pt x="38" y="18"/>
                  </a:cubicBezTo>
                  <a:cubicBezTo>
                    <a:pt x="37" y="18"/>
                    <a:pt x="38" y="18"/>
                    <a:pt x="38" y="15"/>
                  </a:cubicBezTo>
                  <a:cubicBezTo>
                    <a:pt x="38" y="12"/>
                    <a:pt x="38" y="9"/>
                    <a:pt x="40" y="12"/>
                  </a:cubicBezTo>
                  <a:cubicBezTo>
                    <a:pt x="41" y="15"/>
                    <a:pt x="40" y="12"/>
                    <a:pt x="43" y="10"/>
                  </a:cubicBezTo>
                  <a:cubicBezTo>
                    <a:pt x="43" y="7"/>
                    <a:pt x="43" y="6"/>
                    <a:pt x="41" y="4"/>
                  </a:cubicBezTo>
                </a:path>
              </a:pathLst>
            </a:custGeom>
            <a:solidFill>
              <a:schemeClr val="accent5"/>
            </a:solidFill>
            <a:ln w="6350" cmpd="sng">
              <a:solidFill>
                <a:schemeClr val="bg1"/>
              </a:solidFill>
              <a:round/>
              <a:headEnd/>
              <a:tailEnd/>
            </a:ln>
          </p:spPr>
          <p:txBody>
            <a:bodyPr/>
            <a:lstStyle/>
            <a:p>
              <a:endParaRPr lang="en-GB" sz="1633" dirty="0"/>
            </a:p>
          </p:txBody>
        </p:sp>
        <p:sp>
          <p:nvSpPr>
            <p:cNvPr id="268" name="Freeform 226"/>
            <p:cNvSpPr>
              <a:spLocks/>
            </p:cNvSpPr>
            <p:nvPr/>
          </p:nvSpPr>
          <p:spPr bwMode="auto">
            <a:xfrm>
              <a:off x="6889892" y="4293959"/>
              <a:ext cx="30529" cy="17674"/>
            </a:xfrm>
            <a:custGeom>
              <a:avLst/>
              <a:gdLst/>
              <a:ahLst/>
              <a:cxnLst>
                <a:cxn ang="0">
                  <a:pos x="2" y="6"/>
                </a:cxn>
                <a:cxn ang="0">
                  <a:pos x="5" y="3"/>
                </a:cxn>
                <a:cxn ang="0">
                  <a:pos x="8" y="1"/>
                </a:cxn>
                <a:cxn ang="0">
                  <a:pos x="2" y="6"/>
                </a:cxn>
              </a:cxnLst>
              <a:rect l="0" t="0" r="r" b="b"/>
              <a:pathLst>
                <a:path w="10" h="6">
                  <a:moveTo>
                    <a:pt x="2" y="6"/>
                  </a:moveTo>
                  <a:cubicBezTo>
                    <a:pt x="0" y="4"/>
                    <a:pt x="5" y="4"/>
                    <a:pt x="5" y="3"/>
                  </a:cubicBezTo>
                  <a:cubicBezTo>
                    <a:pt x="5" y="1"/>
                    <a:pt x="10" y="0"/>
                    <a:pt x="8" y="1"/>
                  </a:cubicBezTo>
                  <a:cubicBezTo>
                    <a:pt x="7" y="4"/>
                    <a:pt x="2" y="6"/>
                    <a:pt x="2" y="6"/>
                  </a:cubicBezTo>
                </a:path>
              </a:pathLst>
            </a:custGeom>
            <a:grpFill/>
            <a:ln w="6350" cmpd="sng">
              <a:solidFill>
                <a:schemeClr val="bg1"/>
              </a:solidFill>
              <a:round/>
              <a:headEnd/>
              <a:tailEnd/>
            </a:ln>
          </p:spPr>
          <p:txBody>
            <a:bodyPr/>
            <a:lstStyle/>
            <a:p>
              <a:endParaRPr lang="en-GB" sz="1633" dirty="0"/>
            </a:p>
          </p:txBody>
        </p:sp>
        <p:sp>
          <p:nvSpPr>
            <p:cNvPr id="269" name="Freeform 227"/>
            <p:cNvSpPr>
              <a:spLocks/>
            </p:cNvSpPr>
            <p:nvPr/>
          </p:nvSpPr>
          <p:spPr bwMode="auto">
            <a:xfrm>
              <a:off x="6714752" y="4199160"/>
              <a:ext cx="6427" cy="16068"/>
            </a:xfrm>
            <a:custGeom>
              <a:avLst/>
              <a:gdLst/>
              <a:ahLst/>
              <a:cxnLst>
                <a:cxn ang="0">
                  <a:pos x="2" y="5"/>
                </a:cxn>
                <a:cxn ang="0">
                  <a:pos x="0" y="2"/>
                </a:cxn>
                <a:cxn ang="0">
                  <a:pos x="2" y="5"/>
                </a:cxn>
              </a:cxnLst>
              <a:rect l="0" t="0" r="r" b="b"/>
              <a:pathLst>
                <a:path w="2" h="5">
                  <a:moveTo>
                    <a:pt x="2" y="5"/>
                  </a:moveTo>
                  <a:cubicBezTo>
                    <a:pt x="0" y="5"/>
                    <a:pt x="0" y="2"/>
                    <a:pt x="0" y="2"/>
                  </a:cubicBezTo>
                  <a:cubicBezTo>
                    <a:pt x="0" y="0"/>
                    <a:pt x="2" y="3"/>
                    <a:pt x="2" y="5"/>
                  </a:cubicBezTo>
                </a:path>
              </a:pathLst>
            </a:custGeom>
            <a:grpFill/>
            <a:ln w="6350" cmpd="sng">
              <a:solidFill>
                <a:schemeClr val="bg1"/>
              </a:solidFill>
              <a:round/>
              <a:headEnd/>
              <a:tailEnd/>
            </a:ln>
          </p:spPr>
          <p:txBody>
            <a:bodyPr/>
            <a:lstStyle/>
            <a:p>
              <a:endParaRPr lang="en-GB" sz="1633" dirty="0"/>
            </a:p>
          </p:txBody>
        </p:sp>
        <p:sp>
          <p:nvSpPr>
            <p:cNvPr id="270" name="Freeform 228"/>
            <p:cNvSpPr>
              <a:spLocks/>
            </p:cNvSpPr>
            <p:nvPr/>
          </p:nvSpPr>
          <p:spPr bwMode="auto">
            <a:xfrm>
              <a:off x="6388576" y="4112396"/>
              <a:ext cx="17675" cy="46596"/>
            </a:xfrm>
            <a:custGeom>
              <a:avLst/>
              <a:gdLst/>
              <a:ahLst/>
              <a:cxnLst>
                <a:cxn ang="0">
                  <a:pos x="4" y="3"/>
                </a:cxn>
                <a:cxn ang="0">
                  <a:pos x="4" y="11"/>
                </a:cxn>
                <a:cxn ang="0">
                  <a:pos x="0" y="15"/>
                </a:cxn>
                <a:cxn ang="0">
                  <a:pos x="0" y="13"/>
                </a:cxn>
                <a:cxn ang="0">
                  <a:pos x="1" y="8"/>
                </a:cxn>
                <a:cxn ang="0">
                  <a:pos x="0" y="8"/>
                </a:cxn>
                <a:cxn ang="0">
                  <a:pos x="1" y="8"/>
                </a:cxn>
                <a:cxn ang="0">
                  <a:pos x="1" y="2"/>
                </a:cxn>
                <a:cxn ang="0">
                  <a:pos x="4" y="3"/>
                </a:cxn>
              </a:cxnLst>
              <a:rect l="0" t="0" r="r" b="b"/>
              <a:pathLst>
                <a:path w="6" h="15">
                  <a:moveTo>
                    <a:pt x="4" y="3"/>
                  </a:moveTo>
                  <a:cubicBezTo>
                    <a:pt x="4" y="5"/>
                    <a:pt x="6" y="10"/>
                    <a:pt x="4" y="11"/>
                  </a:cubicBezTo>
                  <a:cubicBezTo>
                    <a:pt x="3" y="13"/>
                    <a:pt x="3" y="15"/>
                    <a:pt x="0" y="15"/>
                  </a:cubicBezTo>
                  <a:cubicBezTo>
                    <a:pt x="0" y="13"/>
                    <a:pt x="0" y="13"/>
                    <a:pt x="0" y="13"/>
                  </a:cubicBezTo>
                  <a:cubicBezTo>
                    <a:pt x="0" y="11"/>
                    <a:pt x="3" y="10"/>
                    <a:pt x="1" y="8"/>
                  </a:cubicBezTo>
                  <a:cubicBezTo>
                    <a:pt x="1" y="8"/>
                    <a:pt x="0" y="10"/>
                    <a:pt x="0" y="8"/>
                  </a:cubicBezTo>
                  <a:cubicBezTo>
                    <a:pt x="1" y="8"/>
                    <a:pt x="1" y="8"/>
                    <a:pt x="1" y="8"/>
                  </a:cubicBezTo>
                  <a:cubicBezTo>
                    <a:pt x="1" y="6"/>
                    <a:pt x="0" y="3"/>
                    <a:pt x="1" y="2"/>
                  </a:cubicBezTo>
                  <a:cubicBezTo>
                    <a:pt x="3" y="0"/>
                    <a:pt x="4" y="3"/>
                    <a:pt x="4" y="3"/>
                  </a:cubicBezTo>
                </a:path>
              </a:pathLst>
            </a:custGeom>
            <a:solidFill>
              <a:schemeClr val="accent5"/>
            </a:solidFill>
            <a:ln w="6350" cmpd="sng">
              <a:solidFill>
                <a:schemeClr val="bg1"/>
              </a:solidFill>
              <a:round/>
              <a:headEnd/>
              <a:tailEnd/>
            </a:ln>
          </p:spPr>
          <p:txBody>
            <a:bodyPr/>
            <a:lstStyle/>
            <a:p>
              <a:endParaRPr lang="en-GB" sz="1633" dirty="0"/>
            </a:p>
          </p:txBody>
        </p:sp>
        <p:sp>
          <p:nvSpPr>
            <p:cNvPr id="271" name="Freeform 229"/>
            <p:cNvSpPr>
              <a:spLocks/>
            </p:cNvSpPr>
            <p:nvPr/>
          </p:nvSpPr>
          <p:spPr bwMode="auto">
            <a:xfrm>
              <a:off x="6375721" y="4088294"/>
              <a:ext cx="30529" cy="126933"/>
            </a:xfrm>
            <a:custGeom>
              <a:avLst/>
              <a:gdLst/>
              <a:ahLst/>
              <a:cxnLst>
                <a:cxn ang="0">
                  <a:pos x="9" y="11"/>
                </a:cxn>
                <a:cxn ang="0">
                  <a:pos x="9" y="10"/>
                </a:cxn>
                <a:cxn ang="0">
                  <a:pos x="10" y="7"/>
                </a:cxn>
                <a:cxn ang="0">
                  <a:pos x="10" y="5"/>
                </a:cxn>
                <a:cxn ang="0">
                  <a:pos x="10" y="2"/>
                </a:cxn>
                <a:cxn ang="0">
                  <a:pos x="10" y="2"/>
                </a:cxn>
                <a:cxn ang="0">
                  <a:pos x="10" y="2"/>
                </a:cxn>
                <a:cxn ang="0">
                  <a:pos x="9" y="2"/>
                </a:cxn>
                <a:cxn ang="0">
                  <a:pos x="9" y="4"/>
                </a:cxn>
                <a:cxn ang="0">
                  <a:pos x="6" y="4"/>
                </a:cxn>
                <a:cxn ang="0">
                  <a:pos x="1" y="19"/>
                </a:cxn>
                <a:cxn ang="0">
                  <a:pos x="0" y="22"/>
                </a:cxn>
                <a:cxn ang="0">
                  <a:pos x="0" y="24"/>
                </a:cxn>
                <a:cxn ang="0">
                  <a:pos x="4" y="41"/>
                </a:cxn>
                <a:cxn ang="0">
                  <a:pos x="4" y="41"/>
                </a:cxn>
                <a:cxn ang="0">
                  <a:pos x="6" y="34"/>
                </a:cxn>
                <a:cxn ang="0">
                  <a:pos x="9" y="24"/>
                </a:cxn>
                <a:cxn ang="0">
                  <a:pos x="9" y="19"/>
                </a:cxn>
                <a:cxn ang="0">
                  <a:pos x="4" y="22"/>
                </a:cxn>
                <a:cxn ang="0">
                  <a:pos x="4" y="21"/>
                </a:cxn>
                <a:cxn ang="0">
                  <a:pos x="6" y="16"/>
                </a:cxn>
                <a:cxn ang="0">
                  <a:pos x="4" y="16"/>
                </a:cxn>
                <a:cxn ang="0">
                  <a:pos x="6" y="16"/>
                </a:cxn>
                <a:cxn ang="0">
                  <a:pos x="6" y="10"/>
                </a:cxn>
                <a:cxn ang="0">
                  <a:pos x="9" y="11"/>
                </a:cxn>
              </a:cxnLst>
              <a:rect l="0" t="0" r="r" b="b"/>
              <a:pathLst>
                <a:path w="10" h="41">
                  <a:moveTo>
                    <a:pt x="9" y="11"/>
                  </a:moveTo>
                  <a:cubicBezTo>
                    <a:pt x="9" y="10"/>
                    <a:pt x="9" y="10"/>
                    <a:pt x="9" y="10"/>
                  </a:cubicBezTo>
                  <a:cubicBezTo>
                    <a:pt x="9" y="8"/>
                    <a:pt x="9" y="7"/>
                    <a:pt x="10" y="7"/>
                  </a:cubicBezTo>
                  <a:cubicBezTo>
                    <a:pt x="10" y="7"/>
                    <a:pt x="10" y="7"/>
                    <a:pt x="10" y="5"/>
                  </a:cubicBezTo>
                  <a:cubicBezTo>
                    <a:pt x="10" y="5"/>
                    <a:pt x="10" y="4"/>
                    <a:pt x="10" y="2"/>
                  </a:cubicBezTo>
                  <a:cubicBezTo>
                    <a:pt x="10" y="2"/>
                    <a:pt x="10" y="2"/>
                    <a:pt x="10" y="2"/>
                  </a:cubicBezTo>
                  <a:cubicBezTo>
                    <a:pt x="10" y="2"/>
                    <a:pt x="10" y="2"/>
                    <a:pt x="10" y="2"/>
                  </a:cubicBezTo>
                  <a:cubicBezTo>
                    <a:pt x="9" y="2"/>
                    <a:pt x="9" y="0"/>
                    <a:pt x="9" y="2"/>
                  </a:cubicBezTo>
                  <a:cubicBezTo>
                    <a:pt x="9" y="4"/>
                    <a:pt x="9" y="4"/>
                    <a:pt x="9" y="4"/>
                  </a:cubicBezTo>
                  <a:cubicBezTo>
                    <a:pt x="9" y="4"/>
                    <a:pt x="7" y="4"/>
                    <a:pt x="6" y="4"/>
                  </a:cubicBezTo>
                  <a:cubicBezTo>
                    <a:pt x="4" y="7"/>
                    <a:pt x="3" y="17"/>
                    <a:pt x="1" y="19"/>
                  </a:cubicBezTo>
                  <a:cubicBezTo>
                    <a:pt x="3" y="19"/>
                    <a:pt x="0" y="22"/>
                    <a:pt x="0" y="22"/>
                  </a:cubicBezTo>
                  <a:cubicBezTo>
                    <a:pt x="0" y="24"/>
                    <a:pt x="0" y="24"/>
                    <a:pt x="0" y="24"/>
                  </a:cubicBezTo>
                  <a:cubicBezTo>
                    <a:pt x="1" y="28"/>
                    <a:pt x="3" y="34"/>
                    <a:pt x="4" y="41"/>
                  </a:cubicBezTo>
                  <a:cubicBezTo>
                    <a:pt x="4" y="41"/>
                    <a:pt x="4" y="41"/>
                    <a:pt x="4" y="41"/>
                  </a:cubicBezTo>
                  <a:cubicBezTo>
                    <a:pt x="4" y="41"/>
                    <a:pt x="6" y="36"/>
                    <a:pt x="6" y="34"/>
                  </a:cubicBezTo>
                  <a:cubicBezTo>
                    <a:pt x="6" y="30"/>
                    <a:pt x="9" y="25"/>
                    <a:pt x="9" y="24"/>
                  </a:cubicBezTo>
                  <a:cubicBezTo>
                    <a:pt x="9" y="22"/>
                    <a:pt x="9" y="21"/>
                    <a:pt x="9" y="19"/>
                  </a:cubicBezTo>
                  <a:cubicBezTo>
                    <a:pt x="7" y="21"/>
                    <a:pt x="7" y="22"/>
                    <a:pt x="4" y="22"/>
                  </a:cubicBezTo>
                  <a:cubicBezTo>
                    <a:pt x="4" y="21"/>
                    <a:pt x="4" y="21"/>
                    <a:pt x="4" y="21"/>
                  </a:cubicBezTo>
                  <a:cubicBezTo>
                    <a:pt x="4" y="19"/>
                    <a:pt x="7" y="17"/>
                    <a:pt x="6" y="16"/>
                  </a:cubicBezTo>
                  <a:cubicBezTo>
                    <a:pt x="6" y="16"/>
                    <a:pt x="4" y="17"/>
                    <a:pt x="4" y="16"/>
                  </a:cubicBezTo>
                  <a:cubicBezTo>
                    <a:pt x="6" y="16"/>
                    <a:pt x="6" y="16"/>
                    <a:pt x="6" y="16"/>
                  </a:cubicBezTo>
                  <a:cubicBezTo>
                    <a:pt x="6" y="14"/>
                    <a:pt x="4" y="11"/>
                    <a:pt x="6" y="10"/>
                  </a:cubicBezTo>
                  <a:cubicBezTo>
                    <a:pt x="7" y="8"/>
                    <a:pt x="9" y="11"/>
                    <a:pt x="9" y="11"/>
                  </a:cubicBezTo>
                </a:path>
              </a:pathLst>
            </a:custGeom>
            <a:solidFill>
              <a:schemeClr val="accent5"/>
            </a:solidFill>
            <a:ln w="6350" cmpd="sng">
              <a:solidFill>
                <a:schemeClr val="bg1"/>
              </a:solidFill>
              <a:round/>
              <a:headEnd/>
              <a:tailEnd/>
            </a:ln>
          </p:spPr>
          <p:txBody>
            <a:bodyPr/>
            <a:lstStyle/>
            <a:p>
              <a:endParaRPr lang="en-GB" sz="1633" dirty="0"/>
            </a:p>
          </p:txBody>
        </p:sp>
        <p:sp>
          <p:nvSpPr>
            <p:cNvPr id="272" name="Freeform 230"/>
            <p:cNvSpPr>
              <a:spLocks/>
            </p:cNvSpPr>
            <p:nvPr/>
          </p:nvSpPr>
          <p:spPr bwMode="auto">
            <a:xfrm>
              <a:off x="6369294" y="4147744"/>
              <a:ext cx="12854" cy="14460"/>
            </a:xfrm>
            <a:custGeom>
              <a:avLst/>
              <a:gdLst/>
              <a:ahLst/>
              <a:cxnLst>
                <a:cxn ang="0">
                  <a:pos x="3" y="0"/>
                </a:cxn>
                <a:cxn ang="0">
                  <a:pos x="0" y="3"/>
                </a:cxn>
                <a:cxn ang="0">
                  <a:pos x="1" y="5"/>
                </a:cxn>
                <a:cxn ang="0">
                  <a:pos x="1" y="3"/>
                </a:cxn>
                <a:cxn ang="0">
                  <a:pos x="3" y="0"/>
                </a:cxn>
              </a:cxnLst>
              <a:rect l="0" t="0" r="r" b="b"/>
              <a:pathLst>
                <a:path w="4" h="5">
                  <a:moveTo>
                    <a:pt x="3" y="0"/>
                  </a:moveTo>
                  <a:cubicBezTo>
                    <a:pt x="1" y="1"/>
                    <a:pt x="1" y="1"/>
                    <a:pt x="0" y="3"/>
                  </a:cubicBezTo>
                  <a:cubicBezTo>
                    <a:pt x="0" y="3"/>
                    <a:pt x="0" y="5"/>
                    <a:pt x="1" y="5"/>
                  </a:cubicBezTo>
                  <a:cubicBezTo>
                    <a:pt x="1" y="3"/>
                    <a:pt x="1" y="3"/>
                    <a:pt x="1" y="3"/>
                  </a:cubicBezTo>
                  <a:cubicBezTo>
                    <a:pt x="1" y="3"/>
                    <a:pt x="4" y="0"/>
                    <a:pt x="3" y="0"/>
                  </a:cubicBezTo>
                </a:path>
              </a:pathLst>
            </a:custGeom>
            <a:grpFill/>
            <a:ln w="6350" cmpd="sng">
              <a:solidFill>
                <a:schemeClr val="bg1"/>
              </a:solidFill>
              <a:round/>
              <a:headEnd/>
              <a:tailEnd/>
            </a:ln>
          </p:spPr>
          <p:txBody>
            <a:bodyPr/>
            <a:lstStyle/>
            <a:p>
              <a:endParaRPr lang="en-GB" sz="1633" dirty="0"/>
            </a:p>
          </p:txBody>
        </p:sp>
        <p:sp>
          <p:nvSpPr>
            <p:cNvPr id="273" name="Freeform 231"/>
            <p:cNvSpPr>
              <a:spLocks noEditPoints="1"/>
            </p:cNvSpPr>
            <p:nvPr/>
          </p:nvSpPr>
          <p:spPr bwMode="auto">
            <a:xfrm>
              <a:off x="6010982" y="3797473"/>
              <a:ext cx="212095" cy="244227"/>
            </a:xfrm>
            <a:custGeom>
              <a:avLst/>
              <a:gdLst/>
              <a:ahLst/>
              <a:cxnLst>
                <a:cxn ang="0">
                  <a:pos x="32" y="6"/>
                </a:cxn>
                <a:cxn ang="0">
                  <a:pos x="44" y="6"/>
                </a:cxn>
                <a:cxn ang="0">
                  <a:pos x="54" y="8"/>
                </a:cxn>
                <a:cxn ang="0">
                  <a:pos x="41" y="11"/>
                </a:cxn>
                <a:cxn ang="0">
                  <a:pos x="36" y="19"/>
                </a:cxn>
                <a:cxn ang="0">
                  <a:pos x="32" y="20"/>
                </a:cxn>
                <a:cxn ang="0">
                  <a:pos x="25" y="15"/>
                </a:cxn>
                <a:cxn ang="0">
                  <a:pos x="27" y="28"/>
                </a:cxn>
                <a:cxn ang="0">
                  <a:pos x="32" y="39"/>
                </a:cxn>
                <a:cxn ang="0">
                  <a:pos x="32" y="43"/>
                </a:cxn>
                <a:cxn ang="0">
                  <a:pos x="30" y="50"/>
                </a:cxn>
                <a:cxn ang="0">
                  <a:pos x="29" y="60"/>
                </a:cxn>
                <a:cxn ang="0">
                  <a:pos x="19" y="56"/>
                </a:cxn>
                <a:cxn ang="0">
                  <a:pos x="12" y="45"/>
                </a:cxn>
                <a:cxn ang="0">
                  <a:pos x="21" y="40"/>
                </a:cxn>
                <a:cxn ang="0">
                  <a:pos x="22" y="39"/>
                </a:cxn>
                <a:cxn ang="0">
                  <a:pos x="9" y="36"/>
                </a:cxn>
                <a:cxn ang="0">
                  <a:pos x="4" y="25"/>
                </a:cxn>
                <a:cxn ang="0">
                  <a:pos x="9" y="19"/>
                </a:cxn>
                <a:cxn ang="0">
                  <a:pos x="21" y="8"/>
                </a:cxn>
                <a:cxn ang="0">
                  <a:pos x="7" y="43"/>
                </a:cxn>
                <a:cxn ang="0">
                  <a:pos x="7" y="39"/>
                </a:cxn>
                <a:cxn ang="0">
                  <a:pos x="27" y="60"/>
                </a:cxn>
                <a:cxn ang="0">
                  <a:pos x="41" y="74"/>
                </a:cxn>
                <a:cxn ang="0">
                  <a:pos x="47" y="73"/>
                </a:cxn>
                <a:cxn ang="0">
                  <a:pos x="33" y="68"/>
                </a:cxn>
                <a:cxn ang="0">
                  <a:pos x="68" y="60"/>
                </a:cxn>
                <a:cxn ang="0">
                  <a:pos x="68" y="60"/>
                </a:cxn>
                <a:cxn ang="0">
                  <a:pos x="50" y="39"/>
                </a:cxn>
                <a:cxn ang="0">
                  <a:pos x="53" y="28"/>
                </a:cxn>
                <a:cxn ang="0">
                  <a:pos x="54" y="31"/>
                </a:cxn>
                <a:cxn ang="0">
                  <a:pos x="41" y="12"/>
                </a:cxn>
                <a:cxn ang="0">
                  <a:pos x="38" y="43"/>
                </a:cxn>
                <a:cxn ang="0">
                  <a:pos x="30" y="33"/>
                </a:cxn>
                <a:cxn ang="0">
                  <a:pos x="47" y="53"/>
                </a:cxn>
                <a:cxn ang="0">
                  <a:pos x="60" y="71"/>
                </a:cxn>
                <a:cxn ang="0">
                  <a:pos x="4" y="28"/>
                </a:cxn>
                <a:cxn ang="0">
                  <a:pos x="4" y="28"/>
                </a:cxn>
                <a:cxn ang="0">
                  <a:pos x="45" y="22"/>
                </a:cxn>
                <a:cxn ang="0">
                  <a:pos x="48" y="20"/>
                </a:cxn>
                <a:cxn ang="0">
                  <a:pos x="44" y="54"/>
                </a:cxn>
                <a:cxn ang="0">
                  <a:pos x="38" y="57"/>
                </a:cxn>
                <a:cxn ang="0">
                  <a:pos x="38" y="48"/>
                </a:cxn>
                <a:cxn ang="0">
                  <a:pos x="38" y="51"/>
                </a:cxn>
                <a:cxn ang="0">
                  <a:pos x="50" y="48"/>
                </a:cxn>
                <a:cxn ang="0">
                  <a:pos x="7" y="37"/>
                </a:cxn>
                <a:cxn ang="0">
                  <a:pos x="41" y="34"/>
                </a:cxn>
                <a:cxn ang="0">
                  <a:pos x="42" y="48"/>
                </a:cxn>
                <a:cxn ang="0">
                  <a:pos x="42" y="48"/>
                </a:cxn>
              </a:cxnLst>
              <a:rect l="0" t="0" r="r" b="b"/>
              <a:pathLst>
                <a:path w="68" h="78">
                  <a:moveTo>
                    <a:pt x="21" y="8"/>
                  </a:moveTo>
                  <a:cubicBezTo>
                    <a:pt x="25" y="11"/>
                    <a:pt x="24" y="6"/>
                    <a:pt x="27" y="6"/>
                  </a:cubicBezTo>
                  <a:cubicBezTo>
                    <a:pt x="29" y="8"/>
                    <a:pt x="27" y="5"/>
                    <a:pt x="32" y="6"/>
                  </a:cubicBezTo>
                  <a:cubicBezTo>
                    <a:pt x="35" y="6"/>
                    <a:pt x="36" y="3"/>
                    <a:pt x="38" y="5"/>
                  </a:cubicBezTo>
                  <a:cubicBezTo>
                    <a:pt x="39" y="5"/>
                    <a:pt x="38" y="2"/>
                    <a:pt x="41" y="5"/>
                  </a:cubicBezTo>
                  <a:cubicBezTo>
                    <a:pt x="42" y="8"/>
                    <a:pt x="42" y="3"/>
                    <a:pt x="44" y="6"/>
                  </a:cubicBezTo>
                  <a:cubicBezTo>
                    <a:pt x="45" y="9"/>
                    <a:pt x="47" y="6"/>
                    <a:pt x="50" y="6"/>
                  </a:cubicBezTo>
                  <a:cubicBezTo>
                    <a:pt x="54" y="6"/>
                    <a:pt x="48" y="0"/>
                    <a:pt x="53" y="2"/>
                  </a:cubicBezTo>
                  <a:cubicBezTo>
                    <a:pt x="56" y="5"/>
                    <a:pt x="56" y="6"/>
                    <a:pt x="54" y="8"/>
                  </a:cubicBezTo>
                  <a:cubicBezTo>
                    <a:pt x="53" y="8"/>
                    <a:pt x="54" y="11"/>
                    <a:pt x="51" y="12"/>
                  </a:cubicBezTo>
                  <a:cubicBezTo>
                    <a:pt x="51" y="11"/>
                    <a:pt x="48" y="12"/>
                    <a:pt x="45" y="11"/>
                  </a:cubicBezTo>
                  <a:cubicBezTo>
                    <a:pt x="42" y="9"/>
                    <a:pt x="44" y="12"/>
                    <a:pt x="41" y="11"/>
                  </a:cubicBezTo>
                  <a:cubicBezTo>
                    <a:pt x="38" y="9"/>
                    <a:pt x="38" y="12"/>
                    <a:pt x="35" y="14"/>
                  </a:cubicBezTo>
                  <a:cubicBezTo>
                    <a:pt x="32" y="14"/>
                    <a:pt x="35" y="14"/>
                    <a:pt x="33" y="15"/>
                  </a:cubicBezTo>
                  <a:cubicBezTo>
                    <a:pt x="33" y="17"/>
                    <a:pt x="35" y="15"/>
                    <a:pt x="36" y="19"/>
                  </a:cubicBezTo>
                  <a:cubicBezTo>
                    <a:pt x="39" y="20"/>
                    <a:pt x="38" y="20"/>
                    <a:pt x="36" y="19"/>
                  </a:cubicBezTo>
                  <a:cubicBezTo>
                    <a:pt x="33" y="17"/>
                    <a:pt x="32" y="17"/>
                    <a:pt x="35" y="19"/>
                  </a:cubicBezTo>
                  <a:cubicBezTo>
                    <a:pt x="36" y="22"/>
                    <a:pt x="35" y="22"/>
                    <a:pt x="32" y="20"/>
                  </a:cubicBezTo>
                  <a:cubicBezTo>
                    <a:pt x="30" y="17"/>
                    <a:pt x="30" y="19"/>
                    <a:pt x="32" y="20"/>
                  </a:cubicBezTo>
                  <a:cubicBezTo>
                    <a:pt x="33" y="23"/>
                    <a:pt x="30" y="23"/>
                    <a:pt x="29" y="20"/>
                  </a:cubicBezTo>
                  <a:cubicBezTo>
                    <a:pt x="29" y="15"/>
                    <a:pt x="25" y="19"/>
                    <a:pt x="25" y="15"/>
                  </a:cubicBezTo>
                  <a:cubicBezTo>
                    <a:pt x="27" y="12"/>
                    <a:pt x="24" y="15"/>
                    <a:pt x="24" y="17"/>
                  </a:cubicBezTo>
                  <a:cubicBezTo>
                    <a:pt x="21" y="22"/>
                    <a:pt x="32" y="28"/>
                    <a:pt x="29" y="31"/>
                  </a:cubicBezTo>
                  <a:cubicBezTo>
                    <a:pt x="27" y="33"/>
                    <a:pt x="29" y="28"/>
                    <a:pt x="27" y="28"/>
                  </a:cubicBezTo>
                  <a:cubicBezTo>
                    <a:pt x="24" y="28"/>
                    <a:pt x="30" y="33"/>
                    <a:pt x="24" y="33"/>
                  </a:cubicBezTo>
                  <a:cubicBezTo>
                    <a:pt x="21" y="34"/>
                    <a:pt x="29" y="34"/>
                    <a:pt x="29" y="36"/>
                  </a:cubicBezTo>
                  <a:cubicBezTo>
                    <a:pt x="30" y="39"/>
                    <a:pt x="30" y="37"/>
                    <a:pt x="32" y="39"/>
                  </a:cubicBezTo>
                  <a:cubicBezTo>
                    <a:pt x="32" y="40"/>
                    <a:pt x="36" y="40"/>
                    <a:pt x="35" y="42"/>
                  </a:cubicBezTo>
                  <a:cubicBezTo>
                    <a:pt x="35" y="43"/>
                    <a:pt x="36" y="46"/>
                    <a:pt x="35" y="46"/>
                  </a:cubicBezTo>
                  <a:cubicBezTo>
                    <a:pt x="35" y="46"/>
                    <a:pt x="33" y="45"/>
                    <a:pt x="32" y="43"/>
                  </a:cubicBezTo>
                  <a:cubicBezTo>
                    <a:pt x="30" y="42"/>
                    <a:pt x="27" y="43"/>
                    <a:pt x="27" y="45"/>
                  </a:cubicBezTo>
                  <a:cubicBezTo>
                    <a:pt x="29" y="46"/>
                    <a:pt x="27" y="46"/>
                    <a:pt x="29" y="46"/>
                  </a:cubicBezTo>
                  <a:cubicBezTo>
                    <a:pt x="30" y="48"/>
                    <a:pt x="32" y="50"/>
                    <a:pt x="30" y="50"/>
                  </a:cubicBezTo>
                  <a:cubicBezTo>
                    <a:pt x="29" y="50"/>
                    <a:pt x="29" y="51"/>
                    <a:pt x="27" y="50"/>
                  </a:cubicBezTo>
                  <a:cubicBezTo>
                    <a:pt x="27" y="48"/>
                    <a:pt x="27" y="48"/>
                    <a:pt x="25" y="48"/>
                  </a:cubicBezTo>
                  <a:cubicBezTo>
                    <a:pt x="22" y="48"/>
                    <a:pt x="30" y="59"/>
                    <a:pt x="29" y="60"/>
                  </a:cubicBezTo>
                  <a:cubicBezTo>
                    <a:pt x="25" y="60"/>
                    <a:pt x="24" y="53"/>
                    <a:pt x="24" y="57"/>
                  </a:cubicBezTo>
                  <a:cubicBezTo>
                    <a:pt x="22" y="60"/>
                    <a:pt x="21" y="62"/>
                    <a:pt x="21" y="59"/>
                  </a:cubicBezTo>
                  <a:cubicBezTo>
                    <a:pt x="21" y="56"/>
                    <a:pt x="19" y="51"/>
                    <a:pt x="19" y="56"/>
                  </a:cubicBezTo>
                  <a:cubicBezTo>
                    <a:pt x="18" y="59"/>
                    <a:pt x="15" y="53"/>
                    <a:pt x="15" y="51"/>
                  </a:cubicBezTo>
                  <a:cubicBezTo>
                    <a:pt x="16" y="50"/>
                    <a:pt x="16" y="48"/>
                    <a:pt x="15" y="48"/>
                  </a:cubicBezTo>
                  <a:cubicBezTo>
                    <a:pt x="12" y="48"/>
                    <a:pt x="13" y="46"/>
                    <a:pt x="12" y="45"/>
                  </a:cubicBezTo>
                  <a:cubicBezTo>
                    <a:pt x="10" y="43"/>
                    <a:pt x="13" y="45"/>
                    <a:pt x="13" y="42"/>
                  </a:cubicBezTo>
                  <a:cubicBezTo>
                    <a:pt x="13" y="40"/>
                    <a:pt x="15" y="42"/>
                    <a:pt x="16" y="40"/>
                  </a:cubicBezTo>
                  <a:cubicBezTo>
                    <a:pt x="18" y="39"/>
                    <a:pt x="18" y="39"/>
                    <a:pt x="21" y="40"/>
                  </a:cubicBezTo>
                  <a:cubicBezTo>
                    <a:pt x="24" y="42"/>
                    <a:pt x="24" y="43"/>
                    <a:pt x="27" y="42"/>
                  </a:cubicBezTo>
                  <a:cubicBezTo>
                    <a:pt x="30" y="42"/>
                    <a:pt x="29" y="40"/>
                    <a:pt x="27" y="40"/>
                  </a:cubicBezTo>
                  <a:cubicBezTo>
                    <a:pt x="25" y="40"/>
                    <a:pt x="24" y="39"/>
                    <a:pt x="22" y="39"/>
                  </a:cubicBezTo>
                  <a:cubicBezTo>
                    <a:pt x="19" y="40"/>
                    <a:pt x="21" y="39"/>
                    <a:pt x="18" y="39"/>
                  </a:cubicBezTo>
                  <a:cubicBezTo>
                    <a:pt x="13" y="40"/>
                    <a:pt x="15" y="37"/>
                    <a:pt x="13" y="39"/>
                  </a:cubicBezTo>
                  <a:cubicBezTo>
                    <a:pt x="12" y="42"/>
                    <a:pt x="12" y="37"/>
                    <a:pt x="9" y="36"/>
                  </a:cubicBezTo>
                  <a:cubicBezTo>
                    <a:pt x="7" y="33"/>
                    <a:pt x="13" y="34"/>
                    <a:pt x="12" y="33"/>
                  </a:cubicBezTo>
                  <a:cubicBezTo>
                    <a:pt x="9" y="29"/>
                    <a:pt x="10" y="34"/>
                    <a:pt x="9" y="31"/>
                  </a:cubicBezTo>
                  <a:cubicBezTo>
                    <a:pt x="7" y="29"/>
                    <a:pt x="6" y="31"/>
                    <a:pt x="4" y="25"/>
                  </a:cubicBezTo>
                  <a:cubicBezTo>
                    <a:pt x="4" y="25"/>
                    <a:pt x="6" y="25"/>
                    <a:pt x="6" y="23"/>
                  </a:cubicBezTo>
                  <a:cubicBezTo>
                    <a:pt x="6" y="22"/>
                    <a:pt x="6" y="22"/>
                    <a:pt x="6" y="22"/>
                  </a:cubicBezTo>
                  <a:cubicBezTo>
                    <a:pt x="6" y="20"/>
                    <a:pt x="9" y="22"/>
                    <a:pt x="9" y="19"/>
                  </a:cubicBezTo>
                  <a:cubicBezTo>
                    <a:pt x="9" y="14"/>
                    <a:pt x="10" y="17"/>
                    <a:pt x="12" y="15"/>
                  </a:cubicBezTo>
                  <a:cubicBezTo>
                    <a:pt x="12" y="12"/>
                    <a:pt x="10" y="12"/>
                    <a:pt x="10" y="12"/>
                  </a:cubicBezTo>
                  <a:cubicBezTo>
                    <a:pt x="22" y="11"/>
                    <a:pt x="16" y="6"/>
                    <a:pt x="21" y="8"/>
                  </a:cubicBezTo>
                  <a:close/>
                  <a:moveTo>
                    <a:pt x="7" y="43"/>
                  </a:moveTo>
                  <a:cubicBezTo>
                    <a:pt x="9" y="43"/>
                    <a:pt x="12" y="46"/>
                    <a:pt x="10" y="46"/>
                  </a:cubicBezTo>
                  <a:cubicBezTo>
                    <a:pt x="9" y="46"/>
                    <a:pt x="7" y="45"/>
                    <a:pt x="7" y="43"/>
                  </a:cubicBezTo>
                  <a:close/>
                  <a:moveTo>
                    <a:pt x="9" y="42"/>
                  </a:moveTo>
                  <a:cubicBezTo>
                    <a:pt x="10" y="43"/>
                    <a:pt x="10" y="42"/>
                    <a:pt x="9" y="40"/>
                  </a:cubicBezTo>
                  <a:cubicBezTo>
                    <a:pt x="7" y="40"/>
                    <a:pt x="7" y="37"/>
                    <a:pt x="7" y="39"/>
                  </a:cubicBezTo>
                  <a:cubicBezTo>
                    <a:pt x="7" y="40"/>
                    <a:pt x="6" y="39"/>
                    <a:pt x="6" y="40"/>
                  </a:cubicBezTo>
                  <a:cubicBezTo>
                    <a:pt x="6" y="42"/>
                    <a:pt x="7" y="42"/>
                    <a:pt x="9" y="42"/>
                  </a:cubicBezTo>
                  <a:close/>
                  <a:moveTo>
                    <a:pt x="27" y="60"/>
                  </a:moveTo>
                  <a:cubicBezTo>
                    <a:pt x="29" y="62"/>
                    <a:pt x="27" y="65"/>
                    <a:pt x="27" y="64"/>
                  </a:cubicBezTo>
                  <a:cubicBezTo>
                    <a:pt x="25" y="62"/>
                    <a:pt x="25" y="60"/>
                    <a:pt x="27" y="60"/>
                  </a:cubicBezTo>
                  <a:close/>
                  <a:moveTo>
                    <a:pt x="41" y="74"/>
                  </a:moveTo>
                  <a:cubicBezTo>
                    <a:pt x="42" y="78"/>
                    <a:pt x="45" y="76"/>
                    <a:pt x="50" y="76"/>
                  </a:cubicBezTo>
                  <a:cubicBezTo>
                    <a:pt x="54" y="76"/>
                    <a:pt x="54" y="71"/>
                    <a:pt x="50" y="73"/>
                  </a:cubicBezTo>
                  <a:cubicBezTo>
                    <a:pt x="47" y="76"/>
                    <a:pt x="50" y="71"/>
                    <a:pt x="47" y="73"/>
                  </a:cubicBezTo>
                  <a:cubicBezTo>
                    <a:pt x="44" y="73"/>
                    <a:pt x="44" y="70"/>
                    <a:pt x="39" y="71"/>
                  </a:cubicBezTo>
                  <a:cubicBezTo>
                    <a:pt x="36" y="73"/>
                    <a:pt x="36" y="68"/>
                    <a:pt x="35" y="70"/>
                  </a:cubicBezTo>
                  <a:cubicBezTo>
                    <a:pt x="33" y="70"/>
                    <a:pt x="33" y="68"/>
                    <a:pt x="33" y="68"/>
                  </a:cubicBezTo>
                  <a:cubicBezTo>
                    <a:pt x="32" y="70"/>
                    <a:pt x="32" y="70"/>
                    <a:pt x="32" y="71"/>
                  </a:cubicBezTo>
                  <a:cubicBezTo>
                    <a:pt x="32" y="74"/>
                    <a:pt x="36" y="71"/>
                    <a:pt x="41" y="74"/>
                  </a:cubicBezTo>
                  <a:close/>
                  <a:moveTo>
                    <a:pt x="68" y="60"/>
                  </a:moveTo>
                  <a:cubicBezTo>
                    <a:pt x="68" y="59"/>
                    <a:pt x="63" y="62"/>
                    <a:pt x="63" y="64"/>
                  </a:cubicBezTo>
                  <a:cubicBezTo>
                    <a:pt x="65" y="64"/>
                    <a:pt x="63" y="65"/>
                    <a:pt x="65" y="67"/>
                  </a:cubicBezTo>
                  <a:cubicBezTo>
                    <a:pt x="67" y="67"/>
                    <a:pt x="68" y="60"/>
                    <a:pt x="68" y="60"/>
                  </a:cubicBezTo>
                  <a:close/>
                  <a:moveTo>
                    <a:pt x="50" y="37"/>
                  </a:moveTo>
                  <a:cubicBezTo>
                    <a:pt x="51" y="36"/>
                    <a:pt x="53" y="40"/>
                    <a:pt x="50" y="42"/>
                  </a:cubicBezTo>
                  <a:cubicBezTo>
                    <a:pt x="48" y="42"/>
                    <a:pt x="51" y="39"/>
                    <a:pt x="50" y="39"/>
                  </a:cubicBezTo>
                  <a:cubicBezTo>
                    <a:pt x="50" y="37"/>
                    <a:pt x="48" y="37"/>
                    <a:pt x="50" y="37"/>
                  </a:cubicBezTo>
                  <a:close/>
                  <a:moveTo>
                    <a:pt x="54" y="31"/>
                  </a:moveTo>
                  <a:cubicBezTo>
                    <a:pt x="53" y="28"/>
                    <a:pt x="54" y="29"/>
                    <a:pt x="53" y="28"/>
                  </a:cubicBezTo>
                  <a:cubicBezTo>
                    <a:pt x="53" y="28"/>
                    <a:pt x="51" y="28"/>
                    <a:pt x="50" y="29"/>
                  </a:cubicBezTo>
                  <a:cubicBezTo>
                    <a:pt x="48" y="29"/>
                    <a:pt x="50" y="31"/>
                    <a:pt x="53" y="33"/>
                  </a:cubicBezTo>
                  <a:cubicBezTo>
                    <a:pt x="54" y="33"/>
                    <a:pt x="56" y="33"/>
                    <a:pt x="54" y="31"/>
                  </a:cubicBezTo>
                  <a:close/>
                  <a:moveTo>
                    <a:pt x="41" y="12"/>
                  </a:moveTo>
                  <a:cubicBezTo>
                    <a:pt x="41" y="12"/>
                    <a:pt x="41" y="15"/>
                    <a:pt x="39" y="14"/>
                  </a:cubicBezTo>
                  <a:cubicBezTo>
                    <a:pt x="38" y="14"/>
                    <a:pt x="39" y="12"/>
                    <a:pt x="41" y="12"/>
                  </a:cubicBezTo>
                  <a:close/>
                  <a:moveTo>
                    <a:pt x="30" y="36"/>
                  </a:moveTo>
                  <a:cubicBezTo>
                    <a:pt x="33" y="37"/>
                    <a:pt x="32" y="39"/>
                    <a:pt x="33" y="39"/>
                  </a:cubicBezTo>
                  <a:cubicBezTo>
                    <a:pt x="36" y="39"/>
                    <a:pt x="36" y="43"/>
                    <a:pt x="38" y="43"/>
                  </a:cubicBezTo>
                  <a:cubicBezTo>
                    <a:pt x="39" y="45"/>
                    <a:pt x="39" y="42"/>
                    <a:pt x="38" y="42"/>
                  </a:cubicBezTo>
                  <a:cubicBezTo>
                    <a:pt x="36" y="40"/>
                    <a:pt x="36" y="39"/>
                    <a:pt x="36" y="37"/>
                  </a:cubicBezTo>
                  <a:cubicBezTo>
                    <a:pt x="36" y="34"/>
                    <a:pt x="35" y="37"/>
                    <a:pt x="30" y="33"/>
                  </a:cubicBezTo>
                  <a:cubicBezTo>
                    <a:pt x="29" y="31"/>
                    <a:pt x="25" y="33"/>
                    <a:pt x="25" y="34"/>
                  </a:cubicBezTo>
                  <a:cubicBezTo>
                    <a:pt x="27" y="34"/>
                    <a:pt x="29" y="34"/>
                    <a:pt x="30" y="36"/>
                  </a:cubicBezTo>
                  <a:close/>
                  <a:moveTo>
                    <a:pt x="47" y="53"/>
                  </a:moveTo>
                  <a:cubicBezTo>
                    <a:pt x="48" y="51"/>
                    <a:pt x="48" y="56"/>
                    <a:pt x="47" y="54"/>
                  </a:cubicBezTo>
                  <a:cubicBezTo>
                    <a:pt x="45" y="54"/>
                    <a:pt x="45" y="53"/>
                    <a:pt x="47" y="53"/>
                  </a:cubicBezTo>
                  <a:close/>
                  <a:moveTo>
                    <a:pt x="60" y="71"/>
                  </a:moveTo>
                  <a:cubicBezTo>
                    <a:pt x="59" y="71"/>
                    <a:pt x="59" y="67"/>
                    <a:pt x="60" y="68"/>
                  </a:cubicBezTo>
                  <a:cubicBezTo>
                    <a:pt x="60" y="70"/>
                    <a:pt x="60" y="71"/>
                    <a:pt x="60" y="71"/>
                  </a:cubicBezTo>
                  <a:close/>
                  <a:moveTo>
                    <a:pt x="4" y="28"/>
                  </a:moveTo>
                  <a:cubicBezTo>
                    <a:pt x="1" y="25"/>
                    <a:pt x="1" y="25"/>
                    <a:pt x="1" y="25"/>
                  </a:cubicBezTo>
                  <a:cubicBezTo>
                    <a:pt x="3" y="23"/>
                    <a:pt x="1" y="23"/>
                    <a:pt x="0" y="23"/>
                  </a:cubicBezTo>
                  <a:cubicBezTo>
                    <a:pt x="0" y="25"/>
                    <a:pt x="1" y="28"/>
                    <a:pt x="4" y="28"/>
                  </a:cubicBezTo>
                  <a:close/>
                  <a:moveTo>
                    <a:pt x="44" y="23"/>
                  </a:moveTo>
                  <a:cubicBezTo>
                    <a:pt x="45" y="22"/>
                    <a:pt x="45" y="25"/>
                    <a:pt x="45" y="23"/>
                  </a:cubicBezTo>
                  <a:cubicBezTo>
                    <a:pt x="45" y="22"/>
                    <a:pt x="47" y="20"/>
                    <a:pt x="45" y="22"/>
                  </a:cubicBezTo>
                  <a:cubicBezTo>
                    <a:pt x="45" y="22"/>
                    <a:pt x="42" y="20"/>
                    <a:pt x="42" y="22"/>
                  </a:cubicBezTo>
                  <a:cubicBezTo>
                    <a:pt x="42" y="23"/>
                    <a:pt x="44" y="23"/>
                    <a:pt x="44" y="23"/>
                  </a:cubicBezTo>
                  <a:close/>
                  <a:moveTo>
                    <a:pt x="48" y="20"/>
                  </a:moveTo>
                  <a:cubicBezTo>
                    <a:pt x="48" y="17"/>
                    <a:pt x="51" y="19"/>
                    <a:pt x="50" y="20"/>
                  </a:cubicBezTo>
                  <a:cubicBezTo>
                    <a:pt x="48" y="20"/>
                    <a:pt x="48" y="20"/>
                    <a:pt x="48" y="20"/>
                  </a:cubicBezTo>
                  <a:close/>
                  <a:moveTo>
                    <a:pt x="44" y="54"/>
                  </a:moveTo>
                  <a:cubicBezTo>
                    <a:pt x="42" y="53"/>
                    <a:pt x="44" y="51"/>
                    <a:pt x="45" y="53"/>
                  </a:cubicBezTo>
                  <a:cubicBezTo>
                    <a:pt x="44" y="54"/>
                    <a:pt x="44" y="54"/>
                    <a:pt x="44" y="54"/>
                  </a:cubicBezTo>
                  <a:close/>
                  <a:moveTo>
                    <a:pt x="38" y="57"/>
                  </a:moveTo>
                  <a:cubicBezTo>
                    <a:pt x="36" y="57"/>
                    <a:pt x="38" y="59"/>
                    <a:pt x="39" y="57"/>
                  </a:cubicBezTo>
                  <a:cubicBezTo>
                    <a:pt x="39" y="56"/>
                    <a:pt x="39" y="56"/>
                    <a:pt x="38" y="57"/>
                  </a:cubicBezTo>
                  <a:close/>
                  <a:moveTo>
                    <a:pt x="38" y="48"/>
                  </a:moveTo>
                  <a:cubicBezTo>
                    <a:pt x="36" y="48"/>
                    <a:pt x="38" y="46"/>
                    <a:pt x="38" y="46"/>
                  </a:cubicBezTo>
                  <a:cubicBezTo>
                    <a:pt x="38" y="48"/>
                    <a:pt x="38" y="48"/>
                    <a:pt x="38" y="48"/>
                  </a:cubicBezTo>
                  <a:close/>
                  <a:moveTo>
                    <a:pt x="38" y="51"/>
                  </a:moveTo>
                  <a:cubicBezTo>
                    <a:pt x="36" y="51"/>
                    <a:pt x="38" y="48"/>
                    <a:pt x="38" y="50"/>
                  </a:cubicBezTo>
                  <a:cubicBezTo>
                    <a:pt x="39" y="50"/>
                    <a:pt x="39" y="51"/>
                    <a:pt x="38" y="51"/>
                  </a:cubicBezTo>
                  <a:close/>
                  <a:moveTo>
                    <a:pt x="50" y="48"/>
                  </a:moveTo>
                  <a:cubicBezTo>
                    <a:pt x="50" y="46"/>
                    <a:pt x="53" y="46"/>
                    <a:pt x="53" y="46"/>
                  </a:cubicBezTo>
                  <a:cubicBezTo>
                    <a:pt x="53" y="46"/>
                    <a:pt x="50" y="50"/>
                    <a:pt x="50" y="48"/>
                  </a:cubicBezTo>
                  <a:close/>
                  <a:moveTo>
                    <a:pt x="7" y="37"/>
                  </a:moveTo>
                  <a:cubicBezTo>
                    <a:pt x="6" y="37"/>
                    <a:pt x="7" y="34"/>
                    <a:pt x="9" y="34"/>
                  </a:cubicBezTo>
                  <a:cubicBezTo>
                    <a:pt x="9" y="36"/>
                    <a:pt x="9" y="37"/>
                    <a:pt x="7" y="37"/>
                  </a:cubicBezTo>
                  <a:close/>
                  <a:moveTo>
                    <a:pt x="41" y="34"/>
                  </a:moveTo>
                  <a:cubicBezTo>
                    <a:pt x="39" y="34"/>
                    <a:pt x="39" y="33"/>
                    <a:pt x="39" y="33"/>
                  </a:cubicBezTo>
                  <a:cubicBezTo>
                    <a:pt x="39" y="31"/>
                    <a:pt x="41" y="34"/>
                    <a:pt x="41" y="34"/>
                  </a:cubicBezTo>
                  <a:close/>
                  <a:moveTo>
                    <a:pt x="42" y="48"/>
                  </a:moveTo>
                  <a:cubicBezTo>
                    <a:pt x="44" y="50"/>
                    <a:pt x="45" y="48"/>
                    <a:pt x="44" y="46"/>
                  </a:cubicBezTo>
                  <a:cubicBezTo>
                    <a:pt x="42" y="46"/>
                    <a:pt x="41" y="42"/>
                    <a:pt x="41" y="43"/>
                  </a:cubicBezTo>
                  <a:cubicBezTo>
                    <a:pt x="39" y="45"/>
                    <a:pt x="42" y="45"/>
                    <a:pt x="42" y="48"/>
                  </a:cubicBezTo>
                  <a:close/>
                </a:path>
              </a:pathLst>
            </a:custGeom>
            <a:solidFill>
              <a:schemeClr val="tx2"/>
            </a:solidFill>
            <a:ln w="6350" cmpd="sng">
              <a:solidFill>
                <a:schemeClr val="bg1"/>
              </a:solidFill>
              <a:round/>
              <a:headEnd/>
              <a:tailEnd/>
            </a:ln>
          </p:spPr>
          <p:txBody>
            <a:bodyPr/>
            <a:lstStyle/>
            <a:p>
              <a:endParaRPr lang="en-GB" sz="1633" dirty="0"/>
            </a:p>
          </p:txBody>
        </p:sp>
        <p:sp>
          <p:nvSpPr>
            <p:cNvPr id="274" name="Freeform 236"/>
            <p:cNvSpPr>
              <a:spLocks noEditPoints="1"/>
            </p:cNvSpPr>
            <p:nvPr/>
          </p:nvSpPr>
          <p:spPr bwMode="auto">
            <a:xfrm>
              <a:off x="8585045" y="3667325"/>
              <a:ext cx="546306" cy="719825"/>
            </a:xfrm>
            <a:custGeom>
              <a:avLst/>
              <a:gdLst/>
              <a:ahLst/>
              <a:cxnLst>
                <a:cxn ang="0">
                  <a:pos x="53" y="168"/>
                </a:cxn>
                <a:cxn ang="0">
                  <a:pos x="39" y="142"/>
                </a:cxn>
                <a:cxn ang="0">
                  <a:pos x="49" y="146"/>
                </a:cxn>
                <a:cxn ang="0">
                  <a:pos x="102" y="123"/>
                </a:cxn>
                <a:cxn ang="0">
                  <a:pos x="111" y="122"/>
                </a:cxn>
                <a:cxn ang="0">
                  <a:pos x="122" y="118"/>
                </a:cxn>
                <a:cxn ang="0">
                  <a:pos x="128" y="112"/>
                </a:cxn>
                <a:cxn ang="0">
                  <a:pos x="134" y="107"/>
                </a:cxn>
                <a:cxn ang="0">
                  <a:pos x="142" y="75"/>
                </a:cxn>
                <a:cxn ang="0">
                  <a:pos x="137" y="47"/>
                </a:cxn>
                <a:cxn ang="0">
                  <a:pos x="134" y="53"/>
                </a:cxn>
                <a:cxn ang="0">
                  <a:pos x="126" y="64"/>
                </a:cxn>
                <a:cxn ang="0">
                  <a:pos x="107" y="98"/>
                </a:cxn>
                <a:cxn ang="0">
                  <a:pos x="102" y="95"/>
                </a:cxn>
                <a:cxn ang="0">
                  <a:pos x="90" y="109"/>
                </a:cxn>
                <a:cxn ang="0">
                  <a:pos x="61" y="123"/>
                </a:cxn>
                <a:cxn ang="0">
                  <a:pos x="67" y="125"/>
                </a:cxn>
                <a:cxn ang="0">
                  <a:pos x="87" y="122"/>
                </a:cxn>
                <a:cxn ang="0">
                  <a:pos x="90" y="131"/>
                </a:cxn>
                <a:cxn ang="0">
                  <a:pos x="52" y="140"/>
                </a:cxn>
                <a:cxn ang="0">
                  <a:pos x="52" y="154"/>
                </a:cxn>
                <a:cxn ang="0">
                  <a:pos x="58" y="156"/>
                </a:cxn>
                <a:cxn ang="0">
                  <a:pos x="62" y="137"/>
                </a:cxn>
                <a:cxn ang="0">
                  <a:pos x="53" y="131"/>
                </a:cxn>
                <a:cxn ang="0">
                  <a:pos x="46" y="137"/>
                </a:cxn>
                <a:cxn ang="0">
                  <a:pos x="52" y="143"/>
                </a:cxn>
                <a:cxn ang="0">
                  <a:pos x="82" y="136"/>
                </a:cxn>
                <a:cxn ang="0">
                  <a:pos x="79" y="126"/>
                </a:cxn>
                <a:cxn ang="0">
                  <a:pos x="70" y="131"/>
                </a:cxn>
                <a:cxn ang="0">
                  <a:pos x="71" y="142"/>
                </a:cxn>
                <a:cxn ang="0">
                  <a:pos x="117" y="86"/>
                </a:cxn>
                <a:cxn ang="0">
                  <a:pos x="137" y="44"/>
                </a:cxn>
                <a:cxn ang="0">
                  <a:pos x="152" y="40"/>
                </a:cxn>
                <a:cxn ang="0">
                  <a:pos x="175" y="25"/>
                </a:cxn>
                <a:cxn ang="0">
                  <a:pos x="164" y="19"/>
                </a:cxn>
                <a:cxn ang="0">
                  <a:pos x="142" y="6"/>
                </a:cxn>
                <a:cxn ang="0">
                  <a:pos x="135" y="28"/>
                </a:cxn>
                <a:cxn ang="0">
                  <a:pos x="129" y="48"/>
                </a:cxn>
                <a:cxn ang="0">
                  <a:pos x="90" y="123"/>
                </a:cxn>
                <a:cxn ang="0">
                  <a:pos x="76" y="103"/>
                </a:cxn>
                <a:cxn ang="0">
                  <a:pos x="35" y="206"/>
                </a:cxn>
                <a:cxn ang="0">
                  <a:pos x="32" y="210"/>
                </a:cxn>
                <a:cxn ang="0">
                  <a:pos x="41" y="195"/>
                </a:cxn>
                <a:cxn ang="0">
                  <a:pos x="44" y="190"/>
                </a:cxn>
                <a:cxn ang="0">
                  <a:pos x="0" y="229"/>
                </a:cxn>
                <a:cxn ang="0">
                  <a:pos x="3" y="229"/>
                </a:cxn>
                <a:cxn ang="0">
                  <a:pos x="12" y="226"/>
                </a:cxn>
              </a:cxnLst>
              <a:rect l="0" t="0" r="r" b="b"/>
              <a:pathLst>
                <a:path w="175" h="231">
                  <a:moveTo>
                    <a:pt x="53" y="168"/>
                  </a:moveTo>
                  <a:cubicBezTo>
                    <a:pt x="52" y="168"/>
                    <a:pt x="53" y="165"/>
                    <a:pt x="53" y="167"/>
                  </a:cubicBezTo>
                  <a:cubicBezTo>
                    <a:pt x="55" y="167"/>
                    <a:pt x="55" y="168"/>
                    <a:pt x="53" y="168"/>
                  </a:cubicBezTo>
                  <a:close/>
                  <a:moveTo>
                    <a:pt x="39" y="142"/>
                  </a:moveTo>
                  <a:cubicBezTo>
                    <a:pt x="41" y="142"/>
                    <a:pt x="41" y="143"/>
                    <a:pt x="39" y="143"/>
                  </a:cubicBezTo>
                  <a:cubicBezTo>
                    <a:pt x="38" y="143"/>
                    <a:pt x="39" y="142"/>
                    <a:pt x="39" y="142"/>
                  </a:cubicBezTo>
                  <a:close/>
                  <a:moveTo>
                    <a:pt x="49" y="146"/>
                  </a:moveTo>
                  <a:cubicBezTo>
                    <a:pt x="49" y="145"/>
                    <a:pt x="52" y="143"/>
                    <a:pt x="52" y="145"/>
                  </a:cubicBezTo>
                  <a:cubicBezTo>
                    <a:pt x="52" y="146"/>
                    <a:pt x="50" y="148"/>
                    <a:pt x="49" y="146"/>
                  </a:cubicBezTo>
                  <a:close/>
                  <a:moveTo>
                    <a:pt x="93" y="134"/>
                  </a:moveTo>
                  <a:cubicBezTo>
                    <a:pt x="96" y="137"/>
                    <a:pt x="97" y="131"/>
                    <a:pt x="99" y="128"/>
                  </a:cubicBezTo>
                  <a:cubicBezTo>
                    <a:pt x="102" y="125"/>
                    <a:pt x="107" y="126"/>
                    <a:pt x="102" y="123"/>
                  </a:cubicBezTo>
                  <a:cubicBezTo>
                    <a:pt x="99" y="122"/>
                    <a:pt x="103" y="115"/>
                    <a:pt x="103" y="118"/>
                  </a:cubicBezTo>
                  <a:cubicBezTo>
                    <a:pt x="103" y="123"/>
                    <a:pt x="108" y="118"/>
                    <a:pt x="105" y="122"/>
                  </a:cubicBezTo>
                  <a:cubicBezTo>
                    <a:pt x="103" y="125"/>
                    <a:pt x="108" y="122"/>
                    <a:pt x="111" y="122"/>
                  </a:cubicBezTo>
                  <a:cubicBezTo>
                    <a:pt x="114" y="123"/>
                    <a:pt x="113" y="123"/>
                    <a:pt x="116" y="120"/>
                  </a:cubicBezTo>
                  <a:cubicBezTo>
                    <a:pt x="117" y="117"/>
                    <a:pt x="119" y="115"/>
                    <a:pt x="119" y="120"/>
                  </a:cubicBezTo>
                  <a:cubicBezTo>
                    <a:pt x="117" y="125"/>
                    <a:pt x="120" y="123"/>
                    <a:pt x="122" y="118"/>
                  </a:cubicBezTo>
                  <a:cubicBezTo>
                    <a:pt x="122" y="115"/>
                    <a:pt x="122" y="114"/>
                    <a:pt x="125" y="115"/>
                  </a:cubicBezTo>
                  <a:cubicBezTo>
                    <a:pt x="126" y="118"/>
                    <a:pt x="125" y="115"/>
                    <a:pt x="126" y="112"/>
                  </a:cubicBezTo>
                  <a:cubicBezTo>
                    <a:pt x="128" y="111"/>
                    <a:pt x="129" y="111"/>
                    <a:pt x="128" y="112"/>
                  </a:cubicBezTo>
                  <a:cubicBezTo>
                    <a:pt x="128" y="115"/>
                    <a:pt x="126" y="122"/>
                    <a:pt x="128" y="118"/>
                  </a:cubicBezTo>
                  <a:cubicBezTo>
                    <a:pt x="129" y="115"/>
                    <a:pt x="131" y="118"/>
                    <a:pt x="132" y="114"/>
                  </a:cubicBezTo>
                  <a:cubicBezTo>
                    <a:pt x="132" y="107"/>
                    <a:pt x="139" y="115"/>
                    <a:pt x="134" y="107"/>
                  </a:cubicBezTo>
                  <a:cubicBezTo>
                    <a:pt x="129" y="101"/>
                    <a:pt x="139" y="97"/>
                    <a:pt x="135" y="89"/>
                  </a:cubicBezTo>
                  <a:cubicBezTo>
                    <a:pt x="135" y="84"/>
                    <a:pt x="137" y="79"/>
                    <a:pt x="140" y="83"/>
                  </a:cubicBezTo>
                  <a:cubicBezTo>
                    <a:pt x="143" y="84"/>
                    <a:pt x="139" y="79"/>
                    <a:pt x="142" y="75"/>
                  </a:cubicBezTo>
                  <a:cubicBezTo>
                    <a:pt x="145" y="70"/>
                    <a:pt x="146" y="64"/>
                    <a:pt x="142" y="61"/>
                  </a:cubicBezTo>
                  <a:cubicBezTo>
                    <a:pt x="139" y="56"/>
                    <a:pt x="139" y="51"/>
                    <a:pt x="140" y="50"/>
                  </a:cubicBezTo>
                  <a:cubicBezTo>
                    <a:pt x="140" y="47"/>
                    <a:pt x="139" y="48"/>
                    <a:pt x="137" y="47"/>
                  </a:cubicBezTo>
                  <a:cubicBezTo>
                    <a:pt x="135" y="45"/>
                    <a:pt x="134" y="51"/>
                    <a:pt x="137" y="50"/>
                  </a:cubicBezTo>
                  <a:cubicBezTo>
                    <a:pt x="140" y="48"/>
                    <a:pt x="139" y="54"/>
                    <a:pt x="137" y="53"/>
                  </a:cubicBezTo>
                  <a:cubicBezTo>
                    <a:pt x="135" y="51"/>
                    <a:pt x="134" y="56"/>
                    <a:pt x="134" y="53"/>
                  </a:cubicBezTo>
                  <a:cubicBezTo>
                    <a:pt x="134" y="48"/>
                    <a:pt x="131" y="48"/>
                    <a:pt x="131" y="53"/>
                  </a:cubicBezTo>
                  <a:cubicBezTo>
                    <a:pt x="131" y="58"/>
                    <a:pt x="126" y="53"/>
                    <a:pt x="128" y="58"/>
                  </a:cubicBezTo>
                  <a:cubicBezTo>
                    <a:pt x="129" y="64"/>
                    <a:pt x="126" y="62"/>
                    <a:pt x="126" y="64"/>
                  </a:cubicBezTo>
                  <a:cubicBezTo>
                    <a:pt x="126" y="65"/>
                    <a:pt x="131" y="62"/>
                    <a:pt x="126" y="75"/>
                  </a:cubicBezTo>
                  <a:cubicBezTo>
                    <a:pt x="125" y="84"/>
                    <a:pt x="122" y="84"/>
                    <a:pt x="119" y="90"/>
                  </a:cubicBezTo>
                  <a:cubicBezTo>
                    <a:pt x="114" y="97"/>
                    <a:pt x="111" y="95"/>
                    <a:pt x="107" y="98"/>
                  </a:cubicBezTo>
                  <a:cubicBezTo>
                    <a:pt x="103" y="101"/>
                    <a:pt x="107" y="97"/>
                    <a:pt x="105" y="95"/>
                  </a:cubicBezTo>
                  <a:cubicBezTo>
                    <a:pt x="103" y="95"/>
                    <a:pt x="110" y="94"/>
                    <a:pt x="108" y="90"/>
                  </a:cubicBezTo>
                  <a:cubicBezTo>
                    <a:pt x="107" y="89"/>
                    <a:pt x="102" y="92"/>
                    <a:pt x="102" y="95"/>
                  </a:cubicBezTo>
                  <a:cubicBezTo>
                    <a:pt x="103" y="100"/>
                    <a:pt x="96" y="106"/>
                    <a:pt x="96" y="107"/>
                  </a:cubicBezTo>
                  <a:cubicBezTo>
                    <a:pt x="97" y="109"/>
                    <a:pt x="97" y="112"/>
                    <a:pt x="93" y="112"/>
                  </a:cubicBezTo>
                  <a:cubicBezTo>
                    <a:pt x="88" y="114"/>
                    <a:pt x="93" y="111"/>
                    <a:pt x="90" y="109"/>
                  </a:cubicBezTo>
                  <a:cubicBezTo>
                    <a:pt x="88" y="109"/>
                    <a:pt x="76" y="115"/>
                    <a:pt x="75" y="112"/>
                  </a:cubicBezTo>
                  <a:cubicBezTo>
                    <a:pt x="73" y="109"/>
                    <a:pt x="71" y="112"/>
                    <a:pt x="67" y="117"/>
                  </a:cubicBezTo>
                  <a:cubicBezTo>
                    <a:pt x="62" y="123"/>
                    <a:pt x="62" y="118"/>
                    <a:pt x="61" y="123"/>
                  </a:cubicBezTo>
                  <a:cubicBezTo>
                    <a:pt x="59" y="126"/>
                    <a:pt x="56" y="123"/>
                    <a:pt x="56" y="126"/>
                  </a:cubicBezTo>
                  <a:cubicBezTo>
                    <a:pt x="56" y="131"/>
                    <a:pt x="61" y="128"/>
                    <a:pt x="64" y="129"/>
                  </a:cubicBezTo>
                  <a:cubicBezTo>
                    <a:pt x="68" y="131"/>
                    <a:pt x="65" y="126"/>
                    <a:pt x="67" y="125"/>
                  </a:cubicBezTo>
                  <a:cubicBezTo>
                    <a:pt x="70" y="125"/>
                    <a:pt x="68" y="126"/>
                    <a:pt x="71" y="126"/>
                  </a:cubicBezTo>
                  <a:cubicBezTo>
                    <a:pt x="75" y="125"/>
                    <a:pt x="78" y="125"/>
                    <a:pt x="81" y="123"/>
                  </a:cubicBezTo>
                  <a:cubicBezTo>
                    <a:pt x="85" y="122"/>
                    <a:pt x="81" y="120"/>
                    <a:pt x="87" y="122"/>
                  </a:cubicBezTo>
                  <a:cubicBezTo>
                    <a:pt x="91" y="123"/>
                    <a:pt x="91" y="120"/>
                    <a:pt x="93" y="122"/>
                  </a:cubicBezTo>
                  <a:cubicBezTo>
                    <a:pt x="93" y="125"/>
                    <a:pt x="90" y="125"/>
                    <a:pt x="90" y="126"/>
                  </a:cubicBezTo>
                  <a:cubicBezTo>
                    <a:pt x="90" y="128"/>
                    <a:pt x="88" y="129"/>
                    <a:pt x="90" y="131"/>
                  </a:cubicBezTo>
                  <a:cubicBezTo>
                    <a:pt x="93" y="132"/>
                    <a:pt x="90" y="132"/>
                    <a:pt x="94" y="134"/>
                  </a:cubicBezTo>
                  <a:cubicBezTo>
                    <a:pt x="93" y="134"/>
                    <a:pt x="93" y="134"/>
                    <a:pt x="93" y="134"/>
                  </a:cubicBezTo>
                  <a:close/>
                  <a:moveTo>
                    <a:pt x="52" y="140"/>
                  </a:moveTo>
                  <a:cubicBezTo>
                    <a:pt x="50" y="140"/>
                    <a:pt x="50" y="136"/>
                    <a:pt x="52" y="139"/>
                  </a:cubicBezTo>
                  <a:cubicBezTo>
                    <a:pt x="53" y="142"/>
                    <a:pt x="55" y="145"/>
                    <a:pt x="52" y="148"/>
                  </a:cubicBezTo>
                  <a:cubicBezTo>
                    <a:pt x="50" y="151"/>
                    <a:pt x="50" y="150"/>
                    <a:pt x="52" y="154"/>
                  </a:cubicBezTo>
                  <a:cubicBezTo>
                    <a:pt x="52" y="157"/>
                    <a:pt x="49" y="156"/>
                    <a:pt x="53" y="157"/>
                  </a:cubicBezTo>
                  <a:cubicBezTo>
                    <a:pt x="56" y="159"/>
                    <a:pt x="53" y="162"/>
                    <a:pt x="56" y="159"/>
                  </a:cubicBezTo>
                  <a:cubicBezTo>
                    <a:pt x="59" y="157"/>
                    <a:pt x="56" y="157"/>
                    <a:pt x="58" y="156"/>
                  </a:cubicBezTo>
                  <a:cubicBezTo>
                    <a:pt x="59" y="154"/>
                    <a:pt x="58" y="157"/>
                    <a:pt x="59" y="156"/>
                  </a:cubicBezTo>
                  <a:cubicBezTo>
                    <a:pt x="61" y="156"/>
                    <a:pt x="61" y="142"/>
                    <a:pt x="64" y="142"/>
                  </a:cubicBezTo>
                  <a:cubicBezTo>
                    <a:pt x="67" y="140"/>
                    <a:pt x="65" y="137"/>
                    <a:pt x="62" y="137"/>
                  </a:cubicBezTo>
                  <a:cubicBezTo>
                    <a:pt x="59" y="137"/>
                    <a:pt x="64" y="134"/>
                    <a:pt x="62" y="132"/>
                  </a:cubicBezTo>
                  <a:cubicBezTo>
                    <a:pt x="61" y="131"/>
                    <a:pt x="58" y="136"/>
                    <a:pt x="58" y="131"/>
                  </a:cubicBezTo>
                  <a:cubicBezTo>
                    <a:pt x="56" y="129"/>
                    <a:pt x="53" y="128"/>
                    <a:pt x="53" y="131"/>
                  </a:cubicBezTo>
                  <a:cubicBezTo>
                    <a:pt x="52" y="134"/>
                    <a:pt x="52" y="131"/>
                    <a:pt x="50" y="134"/>
                  </a:cubicBezTo>
                  <a:cubicBezTo>
                    <a:pt x="49" y="137"/>
                    <a:pt x="49" y="131"/>
                    <a:pt x="47" y="134"/>
                  </a:cubicBezTo>
                  <a:cubicBezTo>
                    <a:pt x="47" y="137"/>
                    <a:pt x="44" y="134"/>
                    <a:pt x="46" y="137"/>
                  </a:cubicBezTo>
                  <a:cubicBezTo>
                    <a:pt x="47" y="140"/>
                    <a:pt x="46" y="139"/>
                    <a:pt x="47" y="140"/>
                  </a:cubicBezTo>
                  <a:cubicBezTo>
                    <a:pt x="49" y="143"/>
                    <a:pt x="46" y="145"/>
                    <a:pt x="49" y="143"/>
                  </a:cubicBezTo>
                  <a:cubicBezTo>
                    <a:pt x="52" y="140"/>
                    <a:pt x="49" y="145"/>
                    <a:pt x="52" y="143"/>
                  </a:cubicBezTo>
                  <a:cubicBezTo>
                    <a:pt x="53" y="142"/>
                    <a:pt x="53" y="142"/>
                    <a:pt x="52" y="140"/>
                  </a:cubicBezTo>
                  <a:close/>
                  <a:moveTo>
                    <a:pt x="78" y="134"/>
                  </a:moveTo>
                  <a:cubicBezTo>
                    <a:pt x="81" y="132"/>
                    <a:pt x="82" y="139"/>
                    <a:pt x="82" y="136"/>
                  </a:cubicBezTo>
                  <a:cubicBezTo>
                    <a:pt x="84" y="131"/>
                    <a:pt x="87" y="132"/>
                    <a:pt x="87" y="129"/>
                  </a:cubicBezTo>
                  <a:cubicBezTo>
                    <a:pt x="85" y="128"/>
                    <a:pt x="87" y="128"/>
                    <a:pt x="85" y="126"/>
                  </a:cubicBezTo>
                  <a:cubicBezTo>
                    <a:pt x="84" y="125"/>
                    <a:pt x="82" y="125"/>
                    <a:pt x="79" y="126"/>
                  </a:cubicBezTo>
                  <a:cubicBezTo>
                    <a:pt x="76" y="128"/>
                    <a:pt x="78" y="129"/>
                    <a:pt x="76" y="129"/>
                  </a:cubicBezTo>
                  <a:cubicBezTo>
                    <a:pt x="75" y="128"/>
                    <a:pt x="73" y="131"/>
                    <a:pt x="73" y="129"/>
                  </a:cubicBezTo>
                  <a:cubicBezTo>
                    <a:pt x="73" y="126"/>
                    <a:pt x="73" y="126"/>
                    <a:pt x="70" y="131"/>
                  </a:cubicBezTo>
                  <a:cubicBezTo>
                    <a:pt x="68" y="134"/>
                    <a:pt x="64" y="136"/>
                    <a:pt x="67" y="136"/>
                  </a:cubicBezTo>
                  <a:cubicBezTo>
                    <a:pt x="70" y="136"/>
                    <a:pt x="67" y="137"/>
                    <a:pt x="70" y="140"/>
                  </a:cubicBezTo>
                  <a:cubicBezTo>
                    <a:pt x="71" y="142"/>
                    <a:pt x="67" y="142"/>
                    <a:pt x="71" y="142"/>
                  </a:cubicBezTo>
                  <a:cubicBezTo>
                    <a:pt x="75" y="143"/>
                    <a:pt x="73" y="136"/>
                    <a:pt x="78" y="134"/>
                  </a:cubicBezTo>
                  <a:close/>
                  <a:moveTo>
                    <a:pt x="116" y="84"/>
                  </a:moveTo>
                  <a:cubicBezTo>
                    <a:pt x="117" y="81"/>
                    <a:pt x="117" y="84"/>
                    <a:pt x="117" y="86"/>
                  </a:cubicBezTo>
                  <a:cubicBezTo>
                    <a:pt x="116" y="87"/>
                    <a:pt x="114" y="86"/>
                    <a:pt x="116" y="84"/>
                  </a:cubicBezTo>
                  <a:close/>
                  <a:moveTo>
                    <a:pt x="132" y="45"/>
                  </a:moveTo>
                  <a:cubicBezTo>
                    <a:pt x="134" y="40"/>
                    <a:pt x="134" y="45"/>
                    <a:pt x="137" y="44"/>
                  </a:cubicBezTo>
                  <a:cubicBezTo>
                    <a:pt x="142" y="42"/>
                    <a:pt x="129" y="40"/>
                    <a:pt x="131" y="36"/>
                  </a:cubicBezTo>
                  <a:cubicBezTo>
                    <a:pt x="134" y="31"/>
                    <a:pt x="134" y="39"/>
                    <a:pt x="139" y="36"/>
                  </a:cubicBezTo>
                  <a:cubicBezTo>
                    <a:pt x="142" y="33"/>
                    <a:pt x="143" y="34"/>
                    <a:pt x="152" y="40"/>
                  </a:cubicBezTo>
                  <a:cubicBezTo>
                    <a:pt x="157" y="44"/>
                    <a:pt x="155" y="33"/>
                    <a:pt x="160" y="31"/>
                  </a:cubicBezTo>
                  <a:cubicBezTo>
                    <a:pt x="163" y="30"/>
                    <a:pt x="166" y="31"/>
                    <a:pt x="169" y="30"/>
                  </a:cubicBezTo>
                  <a:cubicBezTo>
                    <a:pt x="174" y="26"/>
                    <a:pt x="175" y="26"/>
                    <a:pt x="175" y="25"/>
                  </a:cubicBezTo>
                  <a:cubicBezTo>
                    <a:pt x="174" y="23"/>
                    <a:pt x="172" y="28"/>
                    <a:pt x="169" y="23"/>
                  </a:cubicBezTo>
                  <a:cubicBezTo>
                    <a:pt x="168" y="19"/>
                    <a:pt x="172" y="14"/>
                    <a:pt x="171" y="14"/>
                  </a:cubicBezTo>
                  <a:cubicBezTo>
                    <a:pt x="169" y="16"/>
                    <a:pt x="168" y="20"/>
                    <a:pt x="164" y="19"/>
                  </a:cubicBezTo>
                  <a:cubicBezTo>
                    <a:pt x="161" y="19"/>
                    <a:pt x="164" y="17"/>
                    <a:pt x="160" y="17"/>
                  </a:cubicBezTo>
                  <a:cubicBezTo>
                    <a:pt x="155" y="16"/>
                    <a:pt x="149" y="8"/>
                    <a:pt x="146" y="5"/>
                  </a:cubicBezTo>
                  <a:cubicBezTo>
                    <a:pt x="143" y="0"/>
                    <a:pt x="139" y="2"/>
                    <a:pt x="142" y="6"/>
                  </a:cubicBezTo>
                  <a:cubicBezTo>
                    <a:pt x="145" y="12"/>
                    <a:pt x="140" y="12"/>
                    <a:pt x="142" y="16"/>
                  </a:cubicBezTo>
                  <a:cubicBezTo>
                    <a:pt x="143" y="19"/>
                    <a:pt x="139" y="20"/>
                    <a:pt x="139" y="23"/>
                  </a:cubicBezTo>
                  <a:cubicBezTo>
                    <a:pt x="140" y="25"/>
                    <a:pt x="140" y="30"/>
                    <a:pt x="135" y="28"/>
                  </a:cubicBezTo>
                  <a:cubicBezTo>
                    <a:pt x="132" y="25"/>
                    <a:pt x="129" y="25"/>
                    <a:pt x="132" y="28"/>
                  </a:cubicBezTo>
                  <a:cubicBezTo>
                    <a:pt x="134" y="31"/>
                    <a:pt x="123" y="36"/>
                    <a:pt x="128" y="39"/>
                  </a:cubicBezTo>
                  <a:cubicBezTo>
                    <a:pt x="132" y="42"/>
                    <a:pt x="126" y="45"/>
                    <a:pt x="129" y="48"/>
                  </a:cubicBezTo>
                  <a:cubicBezTo>
                    <a:pt x="129" y="48"/>
                    <a:pt x="129" y="50"/>
                    <a:pt x="132" y="45"/>
                  </a:cubicBezTo>
                  <a:close/>
                  <a:moveTo>
                    <a:pt x="87" y="126"/>
                  </a:moveTo>
                  <a:cubicBezTo>
                    <a:pt x="87" y="125"/>
                    <a:pt x="90" y="122"/>
                    <a:pt x="90" y="123"/>
                  </a:cubicBezTo>
                  <a:cubicBezTo>
                    <a:pt x="90" y="125"/>
                    <a:pt x="88" y="128"/>
                    <a:pt x="87" y="126"/>
                  </a:cubicBezTo>
                  <a:close/>
                  <a:moveTo>
                    <a:pt x="76" y="106"/>
                  </a:moveTo>
                  <a:cubicBezTo>
                    <a:pt x="76" y="103"/>
                    <a:pt x="76" y="103"/>
                    <a:pt x="76" y="103"/>
                  </a:cubicBezTo>
                  <a:cubicBezTo>
                    <a:pt x="75" y="104"/>
                    <a:pt x="75" y="106"/>
                    <a:pt x="76" y="106"/>
                  </a:cubicBezTo>
                  <a:close/>
                  <a:moveTo>
                    <a:pt x="32" y="210"/>
                  </a:moveTo>
                  <a:cubicBezTo>
                    <a:pt x="32" y="209"/>
                    <a:pt x="32" y="209"/>
                    <a:pt x="35" y="206"/>
                  </a:cubicBezTo>
                  <a:cubicBezTo>
                    <a:pt x="38" y="204"/>
                    <a:pt x="36" y="203"/>
                    <a:pt x="35" y="204"/>
                  </a:cubicBezTo>
                  <a:cubicBezTo>
                    <a:pt x="33" y="207"/>
                    <a:pt x="32" y="207"/>
                    <a:pt x="30" y="210"/>
                  </a:cubicBezTo>
                  <a:cubicBezTo>
                    <a:pt x="30" y="212"/>
                    <a:pt x="32" y="212"/>
                    <a:pt x="32" y="210"/>
                  </a:cubicBezTo>
                  <a:close/>
                  <a:moveTo>
                    <a:pt x="41" y="195"/>
                  </a:moveTo>
                  <a:cubicBezTo>
                    <a:pt x="39" y="193"/>
                    <a:pt x="41" y="192"/>
                    <a:pt x="41" y="193"/>
                  </a:cubicBezTo>
                  <a:cubicBezTo>
                    <a:pt x="43" y="195"/>
                    <a:pt x="41" y="196"/>
                    <a:pt x="41" y="195"/>
                  </a:cubicBezTo>
                  <a:close/>
                  <a:moveTo>
                    <a:pt x="44" y="190"/>
                  </a:moveTo>
                  <a:cubicBezTo>
                    <a:pt x="44" y="187"/>
                    <a:pt x="47" y="185"/>
                    <a:pt x="47" y="187"/>
                  </a:cubicBezTo>
                  <a:cubicBezTo>
                    <a:pt x="47" y="187"/>
                    <a:pt x="44" y="192"/>
                    <a:pt x="44" y="190"/>
                  </a:cubicBezTo>
                  <a:close/>
                  <a:moveTo>
                    <a:pt x="0" y="229"/>
                  </a:moveTo>
                  <a:cubicBezTo>
                    <a:pt x="0" y="228"/>
                    <a:pt x="1" y="229"/>
                    <a:pt x="1" y="231"/>
                  </a:cubicBezTo>
                  <a:cubicBezTo>
                    <a:pt x="1" y="231"/>
                    <a:pt x="0" y="231"/>
                    <a:pt x="0" y="229"/>
                  </a:cubicBezTo>
                  <a:close/>
                  <a:moveTo>
                    <a:pt x="3" y="229"/>
                  </a:moveTo>
                  <a:cubicBezTo>
                    <a:pt x="1" y="229"/>
                    <a:pt x="4" y="226"/>
                    <a:pt x="4" y="228"/>
                  </a:cubicBezTo>
                  <a:cubicBezTo>
                    <a:pt x="4" y="229"/>
                    <a:pt x="4" y="231"/>
                    <a:pt x="3" y="229"/>
                  </a:cubicBezTo>
                  <a:close/>
                  <a:moveTo>
                    <a:pt x="12" y="226"/>
                  </a:moveTo>
                  <a:cubicBezTo>
                    <a:pt x="11" y="224"/>
                    <a:pt x="12" y="224"/>
                    <a:pt x="14" y="224"/>
                  </a:cubicBezTo>
                  <a:cubicBezTo>
                    <a:pt x="14" y="226"/>
                    <a:pt x="12" y="226"/>
                    <a:pt x="12" y="226"/>
                  </a:cubicBezTo>
                  <a:close/>
                </a:path>
              </a:pathLst>
            </a:custGeom>
            <a:solidFill>
              <a:schemeClr val="accent5"/>
            </a:solidFill>
            <a:ln w="6350" cmpd="sng">
              <a:solidFill>
                <a:schemeClr val="bg1"/>
              </a:solidFill>
              <a:round/>
              <a:headEnd/>
              <a:tailEnd/>
            </a:ln>
          </p:spPr>
          <p:txBody>
            <a:bodyPr/>
            <a:lstStyle/>
            <a:p>
              <a:endParaRPr lang="en-GB" sz="1633" dirty="0"/>
            </a:p>
          </p:txBody>
        </p:sp>
        <p:sp>
          <p:nvSpPr>
            <p:cNvPr id="275" name="Freeform 237"/>
            <p:cNvSpPr>
              <a:spLocks noEditPoints="1"/>
            </p:cNvSpPr>
            <p:nvPr/>
          </p:nvSpPr>
          <p:spPr bwMode="auto">
            <a:xfrm>
              <a:off x="6007768" y="2102349"/>
              <a:ext cx="4235476" cy="1724045"/>
            </a:xfrm>
            <a:custGeom>
              <a:avLst/>
              <a:gdLst/>
              <a:ahLst/>
              <a:cxnLst>
                <a:cxn ang="0">
                  <a:pos x="404" y="136"/>
                </a:cxn>
                <a:cxn ang="0">
                  <a:pos x="273" y="177"/>
                </a:cxn>
                <a:cxn ang="0">
                  <a:pos x="361" y="90"/>
                </a:cxn>
                <a:cxn ang="0">
                  <a:pos x="278" y="138"/>
                </a:cxn>
                <a:cxn ang="0">
                  <a:pos x="227" y="31"/>
                </a:cxn>
                <a:cxn ang="0">
                  <a:pos x="217" y="29"/>
                </a:cxn>
                <a:cxn ang="0">
                  <a:pos x="343" y="18"/>
                </a:cxn>
                <a:cxn ang="0">
                  <a:pos x="328" y="25"/>
                </a:cxn>
                <a:cxn ang="0">
                  <a:pos x="297" y="32"/>
                </a:cxn>
                <a:cxn ang="0">
                  <a:pos x="314" y="31"/>
                </a:cxn>
                <a:cxn ang="0">
                  <a:pos x="285" y="12"/>
                </a:cxn>
                <a:cxn ang="0">
                  <a:pos x="291" y="14"/>
                </a:cxn>
                <a:cxn ang="0">
                  <a:pos x="288" y="20"/>
                </a:cxn>
                <a:cxn ang="0">
                  <a:pos x="276" y="23"/>
                </a:cxn>
                <a:cxn ang="0">
                  <a:pos x="1351" y="247"/>
                </a:cxn>
                <a:cxn ang="0">
                  <a:pos x="1184" y="200"/>
                </a:cxn>
                <a:cxn ang="0">
                  <a:pos x="902" y="164"/>
                </a:cxn>
                <a:cxn ang="0">
                  <a:pos x="734" y="116"/>
                </a:cxn>
                <a:cxn ang="0">
                  <a:pos x="570" y="104"/>
                </a:cxn>
                <a:cxn ang="0">
                  <a:pos x="474" y="154"/>
                </a:cxn>
                <a:cxn ang="0">
                  <a:pos x="457" y="217"/>
                </a:cxn>
                <a:cxn ang="0">
                  <a:pos x="381" y="169"/>
                </a:cxn>
                <a:cxn ang="0">
                  <a:pos x="214" y="233"/>
                </a:cxn>
                <a:cxn ang="0">
                  <a:pos x="144" y="275"/>
                </a:cxn>
                <a:cxn ang="0">
                  <a:pos x="90" y="191"/>
                </a:cxn>
                <a:cxn ang="0">
                  <a:pos x="84" y="250"/>
                </a:cxn>
                <a:cxn ang="0">
                  <a:pos x="80" y="306"/>
                </a:cxn>
                <a:cxn ang="0">
                  <a:pos x="67" y="332"/>
                </a:cxn>
                <a:cxn ang="0">
                  <a:pos x="87" y="380"/>
                </a:cxn>
                <a:cxn ang="0">
                  <a:pos x="109" y="422"/>
                </a:cxn>
                <a:cxn ang="0">
                  <a:pos x="163" y="455"/>
                </a:cxn>
                <a:cxn ang="0">
                  <a:pos x="148" y="492"/>
                </a:cxn>
                <a:cxn ang="0">
                  <a:pos x="172" y="528"/>
                </a:cxn>
                <a:cxn ang="0">
                  <a:pos x="220" y="548"/>
                </a:cxn>
                <a:cxn ang="0">
                  <a:pos x="217" y="469"/>
                </a:cxn>
                <a:cxn ang="0">
                  <a:pos x="329" y="432"/>
                </a:cxn>
                <a:cxn ang="0">
                  <a:pos x="472" y="425"/>
                </a:cxn>
                <a:cxn ang="0">
                  <a:pos x="623" y="433"/>
                </a:cxn>
                <a:cxn ang="0">
                  <a:pos x="798" y="419"/>
                </a:cxn>
                <a:cxn ang="0">
                  <a:pos x="899" y="508"/>
                </a:cxn>
                <a:cxn ang="0">
                  <a:pos x="900" y="534"/>
                </a:cxn>
                <a:cxn ang="0">
                  <a:pos x="957" y="401"/>
                </a:cxn>
                <a:cxn ang="0">
                  <a:pos x="1013" y="334"/>
                </a:cxn>
                <a:cxn ang="0">
                  <a:pos x="1121" y="329"/>
                </a:cxn>
                <a:cxn ang="0">
                  <a:pos x="1146" y="326"/>
                </a:cxn>
                <a:cxn ang="0">
                  <a:pos x="1273" y="256"/>
                </a:cxn>
                <a:cxn ang="0">
                  <a:pos x="978" y="489"/>
                </a:cxn>
                <a:cxn ang="0">
                  <a:pos x="984" y="441"/>
                </a:cxn>
                <a:cxn ang="0">
                  <a:pos x="975" y="407"/>
                </a:cxn>
                <a:cxn ang="0">
                  <a:pos x="1025" y="503"/>
                </a:cxn>
                <a:cxn ang="0">
                  <a:pos x="1066" y="464"/>
                </a:cxn>
                <a:cxn ang="0">
                  <a:pos x="1080" y="446"/>
                </a:cxn>
                <a:cxn ang="0">
                  <a:pos x="25" y="390"/>
                </a:cxn>
                <a:cxn ang="0">
                  <a:pos x="937" y="393"/>
                </a:cxn>
                <a:cxn ang="0">
                  <a:pos x="1274" y="175"/>
                </a:cxn>
                <a:cxn ang="0">
                  <a:pos x="1018" y="107"/>
                </a:cxn>
                <a:cxn ang="0">
                  <a:pos x="946" y="118"/>
                </a:cxn>
                <a:cxn ang="0">
                  <a:pos x="870" y="149"/>
                </a:cxn>
                <a:cxn ang="0">
                  <a:pos x="739" y="121"/>
                </a:cxn>
                <a:cxn ang="0">
                  <a:pos x="638" y="35"/>
                </a:cxn>
                <a:cxn ang="0">
                  <a:pos x="600" y="29"/>
                </a:cxn>
                <a:cxn ang="0">
                  <a:pos x="571" y="14"/>
                </a:cxn>
              </a:cxnLst>
              <a:rect l="0" t="0" r="r" b="b"/>
              <a:pathLst>
                <a:path w="1359" h="553">
                  <a:moveTo>
                    <a:pt x="314" y="189"/>
                  </a:moveTo>
                  <a:cubicBezTo>
                    <a:pt x="314" y="189"/>
                    <a:pt x="319" y="189"/>
                    <a:pt x="317" y="192"/>
                  </a:cubicBezTo>
                  <a:cubicBezTo>
                    <a:pt x="317" y="194"/>
                    <a:pt x="325" y="192"/>
                    <a:pt x="325" y="191"/>
                  </a:cubicBezTo>
                  <a:cubicBezTo>
                    <a:pt x="326" y="189"/>
                    <a:pt x="320" y="188"/>
                    <a:pt x="316" y="183"/>
                  </a:cubicBezTo>
                  <a:cubicBezTo>
                    <a:pt x="313" y="180"/>
                    <a:pt x="313" y="182"/>
                    <a:pt x="311" y="183"/>
                  </a:cubicBezTo>
                  <a:cubicBezTo>
                    <a:pt x="308" y="183"/>
                    <a:pt x="313" y="186"/>
                    <a:pt x="309" y="185"/>
                  </a:cubicBezTo>
                  <a:cubicBezTo>
                    <a:pt x="308" y="185"/>
                    <a:pt x="308" y="186"/>
                    <a:pt x="311" y="189"/>
                  </a:cubicBezTo>
                  <a:cubicBezTo>
                    <a:pt x="313" y="191"/>
                    <a:pt x="314" y="191"/>
                    <a:pt x="314" y="189"/>
                  </a:cubicBezTo>
                  <a:close/>
                  <a:moveTo>
                    <a:pt x="404" y="136"/>
                  </a:moveTo>
                  <a:cubicBezTo>
                    <a:pt x="398" y="138"/>
                    <a:pt x="396" y="144"/>
                    <a:pt x="409" y="143"/>
                  </a:cubicBezTo>
                  <a:cubicBezTo>
                    <a:pt x="419" y="141"/>
                    <a:pt x="410" y="133"/>
                    <a:pt x="404" y="136"/>
                  </a:cubicBezTo>
                  <a:close/>
                  <a:moveTo>
                    <a:pt x="290" y="168"/>
                  </a:moveTo>
                  <a:cubicBezTo>
                    <a:pt x="287" y="163"/>
                    <a:pt x="282" y="164"/>
                    <a:pt x="285" y="154"/>
                  </a:cubicBezTo>
                  <a:cubicBezTo>
                    <a:pt x="287" y="144"/>
                    <a:pt x="297" y="144"/>
                    <a:pt x="290" y="139"/>
                  </a:cubicBezTo>
                  <a:cubicBezTo>
                    <a:pt x="282" y="136"/>
                    <a:pt x="288" y="138"/>
                    <a:pt x="274" y="139"/>
                  </a:cubicBezTo>
                  <a:cubicBezTo>
                    <a:pt x="261" y="141"/>
                    <a:pt x="271" y="143"/>
                    <a:pt x="264" y="146"/>
                  </a:cubicBezTo>
                  <a:cubicBezTo>
                    <a:pt x="258" y="149"/>
                    <a:pt x="265" y="147"/>
                    <a:pt x="262" y="154"/>
                  </a:cubicBezTo>
                  <a:cubicBezTo>
                    <a:pt x="259" y="160"/>
                    <a:pt x="256" y="152"/>
                    <a:pt x="255" y="158"/>
                  </a:cubicBezTo>
                  <a:cubicBezTo>
                    <a:pt x="252" y="164"/>
                    <a:pt x="252" y="166"/>
                    <a:pt x="259" y="166"/>
                  </a:cubicBezTo>
                  <a:cubicBezTo>
                    <a:pt x="268" y="166"/>
                    <a:pt x="255" y="168"/>
                    <a:pt x="264" y="172"/>
                  </a:cubicBezTo>
                  <a:cubicBezTo>
                    <a:pt x="271" y="177"/>
                    <a:pt x="265" y="163"/>
                    <a:pt x="270" y="169"/>
                  </a:cubicBezTo>
                  <a:cubicBezTo>
                    <a:pt x="274" y="175"/>
                    <a:pt x="262" y="175"/>
                    <a:pt x="273" y="177"/>
                  </a:cubicBezTo>
                  <a:cubicBezTo>
                    <a:pt x="282" y="178"/>
                    <a:pt x="276" y="180"/>
                    <a:pt x="285" y="180"/>
                  </a:cubicBezTo>
                  <a:cubicBezTo>
                    <a:pt x="293" y="180"/>
                    <a:pt x="294" y="183"/>
                    <a:pt x="302" y="178"/>
                  </a:cubicBezTo>
                  <a:cubicBezTo>
                    <a:pt x="305" y="177"/>
                    <a:pt x="291" y="174"/>
                    <a:pt x="290" y="168"/>
                  </a:cubicBezTo>
                  <a:close/>
                  <a:moveTo>
                    <a:pt x="299" y="136"/>
                  </a:moveTo>
                  <a:cubicBezTo>
                    <a:pt x="299" y="133"/>
                    <a:pt x="303" y="136"/>
                    <a:pt x="305" y="130"/>
                  </a:cubicBezTo>
                  <a:cubicBezTo>
                    <a:pt x="306" y="126"/>
                    <a:pt x="311" y="127"/>
                    <a:pt x="311" y="124"/>
                  </a:cubicBezTo>
                  <a:cubicBezTo>
                    <a:pt x="311" y="121"/>
                    <a:pt x="311" y="121"/>
                    <a:pt x="322" y="118"/>
                  </a:cubicBezTo>
                  <a:cubicBezTo>
                    <a:pt x="331" y="115"/>
                    <a:pt x="320" y="115"/>
                    <a:pt x="335" y="107"/>
                  </a:cubicBezTo>
                  <a:cubicBezTo>
                    <a:pt x="351" y="101"/>
                    <a:pt x="376" y="98"/>
                    <a:pt x="389" y="91"/>
                  </a:cubicBezTo>
                  <a:cubicBezTo>
                    <a:pt x="401" y="85"/>
                    <a:pt x="387" y="79"/>
                    <a:pt x="375" y="84"/>
                  </a:cubicBezTo>
                  <a:cubicBezTo>
                    <a:pt x="363" y="87"/>
                    <a:pt x="370" y="87"/>
                    <a:pt x="361" y="90"/>
                  </a:cubicBezTo>
                  <a:cubicBezTo>
                    <a:pt x="352" y="93"/>
                    <a:pt x="358" y="88"/>
                    <a:pt x="348" y="93"/>
                  </a:cubicBezTo>
                  <a:cubicBezTo>
                    <a:pt x="337" y="98"/>
                    <a:pt x="343" y="91"/>
                    <a:pt x="332" y="93"/>
                  </a:cubicBezTo>
                  <a:cubicBezTo>
                    <a:pt x="323" y="93"/>
                    <a:pt x="332" y="96"/>
                    <a:pt x="326" y="96"/>
                  </a:cubicBezTo>
                  <a:cubicBezTo>
                    <a:pt x="320" y="96"/>
                    <a:pt x="306" y="101"/>
                    <a:pt x="303" y="107"/>
                  </a:cubicBezTo>
                  <a:cubicBezTo>
                    <a:pt x="299" y="112"/>
                    <a:pt x="300" y="105"/>
                    <a:pt x="296" y="109"/>
                  </a:cubicBezTo>
                  <a:cubicBezTo>
                    <a:pt x="291" y="113"/>
                    <a:pt x="293" y="107"/>
                    <a:pt x="290" y="110"/>
                  </a:cubicBezTo>
                  <a:cubicBezTo>
                    <a:pt x="285" y="113"/>
                    <a:pt x="293" y="113"/>
                    <a:pt x="290" y="115"/>
                  </a:cubicBezTo>
                  <a:cubicBezTo>
                    <a:pt x="285" y="116"/>
                    <a:pt x="294" y="118"/>
                    <a:pt x="288" y="118"/>
                  </a:cubicBezTo>
                  <a:cubicBezTo>
                    <a:pt x="282" y="119"/>
                    <a:pt x="285" y="126"/>
                    <a:pt x="278" y="129"/>
                  </a:cubicBezTo>
                  <a:cubicBezTo>
                    <a:pt x="270" y="132"/>
                    <a:pt x="268" y="135"/>
                    <a:pt x="274" y="135"/>
                  </a:cubicBezTo>
                  <a:cubicBezTo>
                    <a:pt x="281" y="133"/>
                    <a:pt x="270" y="139"/>
                    <a:pt x="278" y="138"/>
                  </a:cubicBezTo>
                  <a:cubicBezTo>
                    <a:pt x="285" y="135"/>
                    <a:pt x="285" y="135"/>
                    <a:pt x="291" y="139"/>
                  </a:cubicBezTo>
                  <a:cubicBezTo>
                    <a:pt x="293" y="141"/>
                    <a:pt x="299" y="141"/>
                    <a:pt x="299" y="136"/>
                  </a:cubicBezTo>
                  <a:close/>
                  <a:moveTo>
                    <a:pt x="207" y="23"/>
                  </a:moveTo>
                  <a:cubicBezTo>
                    <a:pt x="211" y="23"/>
                    <a:pt x="211" y="26"/>
                    <a:pt x="215" y="25"/>
                  </a:cubicBezTo>
                  <a:cubicBezTo>
                    <a:pt x="221" y="21"/>
                    <a:pt x="221" y="20"/>
                    <a:pt x="227" y="21"/>
                  </a:cubicBezTo>
                  <a:cubicBezTo>
                    <a:pt x="232" y="23"/>
                    <a:pt x="235" y="21"/>
                    <a:pt x="226" y="18"/>
                  </a:cubicBezTo>
                  <a:cubicBezTo>
                    <a:pt x="215" y="17"/>
                    <a:pt x="223" y="20"/>
                    <a:pt x="215" y="20"/>
                  </a:cubicBezTo>
                  <a:cubicBezTo>
                    <a:pt x="206" y="21"/>
                    <a:pt x="198" y="23"/>
                    <a:pt x="204" y="25"/>
                  </a:cubicBezTo>
                  <a:cubicBezTo>
                    <a:pt x="207" y="25"/>
                    <a:pt x="206" y="25"/>
                    <a:pt x="207" y="23"/>
                  </a:cubicBezTo>
                  <a:close/>
                  <a:moveTo>
                    <a:pt x="223" y="29"/>
                  </a:moveTo>
                  <a:cubicBezTo>
                    <a:pt x="227" y="28"/>
                    <a:pt x="221" y="32"/>
                    <a:pt x="227" y="31"/>
                  </a:cubicBezTo>
                  <a:cubicBezTo>
                    <a:pt x="233" y="29"/>
                    <a:pt x="232" y="32"/>
                    <a:pt x="235" y="29"/>
                  </a:cubicBezTo>
                  <a:cubicBezTo>
                    <a:pt x="236" y="28"/>
                    <a:pt x="230" y="29"/>
                    <a:pt x="232" y="28"/>
                  </a:cubicBezTo>
                  <a:cubicBezTo>
                    <a:pt x="235" y="26"/>
                    <a:pt x="238" y="28"/>
                    <a:pt x="239" y="25"/>
                  </a:cubicBezTo>
                  <a:cubicBezTo>
                    <a:pt x="242" y="23"/>
                    <a:pt x="244" y="25"/>
                    <a:pt x="252" y="23"/>
                  </a:cubicBezTo>
                  <a:cubicBezTo>
                    <a:pt x="259" y="21"/>
                    <a:pt x="255" y="18"/>
                    <a:pt x="249" y="20"/>
                  </a:cubicBezTo>
                  <a:cubicBezTo>
                    <a:pt x="242" y="21"/>
                    <a:pt x="252" y="18"/>
                    <a:pt x="246" y="18"/>
                  </a:cubicBezTo>
                  <a:cubicBezTo>
                    <a:pt x="239" y="17"/>
                    <a:pt x="233" y="20"/>
                    <a:pt x="235" y="20"/>
                  </a:cubicBezTo>
                  <a:cubicBezTo>
                    <a:pt x="238" y="21"/>
                    <a:pt x="239" y="25"/>
                    <a:pt x="230" y="25"/>
                  </a:cubicBezTo>
                  <a:cubicBezTo>
                    <a:pt x="223" y="25"/>
                    <a:pt x="220" y="25"/>
                    <a:pt x="223" y="26"/>
                  </a:cubicBezTo>
                  <a:cubicBezTo>
                    <a:pt x="227" y="28"/>
                    <a:pt x="223" y="28"/>
                    <a:pt x="220" y="28"/>
                  </a:cubicBezTo>
                  <a:cubicBezTo>
                    <a:pt x="217" y="26"/>
                    <a:pt x="212" y="26"/>
                    <a:pt x="217" y="29"/>
                  </a:cubicBezTo>
                  <a:cubicBezTo>
                    <a:pt x="220" y="31"/>
                    <a:pt x="220" y="29"/>
                    <a:pt x="223" y="29"/>
                  </a:cubicBezTo>
                  <a:close/>
                  <a:moveTo>
                    <a:pt x="271" y="28"/>
                  </a:moveTo>
                  <a:cubicBezTo>
                    <a:pt x="268" y="25"/>
                    <a:pt x="267" y="25"/>
                    <a:pt x="261" y="28"/>
                  </a:cubicBezTo>
                  <a:cubicBezTo>
                    <a:pt x="256" y="29"/>
                    <a:pt x="276" y="32"/>
                    <a:pt x="271" y="28"/>
                  </a:cubicBezTo>
                  <a:close/>
                  <a:moveTo>
                    <a:pt x="246" y="14"/>
                  </a:moveTo>
                  <a:cubicBezTo>
                    <a:pt x="249" y="11"/>
                    <a:pt x="253" y="12"/>
                    <a:pt x="249" y="14"/>
                  </a:cubicBezTo>
                  <a:cubicBezTo>
                    <a:pt x="246" y="15"/>
                    <a:pt x="241" y="17"/>
                    <a:pt x="246" y="14"/>
                  </a:cubicBezTo>
                  <a:close/>
                  <a:moveTo>
                    <a:pt x="352" y="20"/>
                  </a:moveTo>
                  <a:cubicBezTo>
                    <a:pt x="360" y="18"/>
                    <a:pt x="364" y="20"/>
                    <a:pt x="364" y="15"/>
                  </a:cubicBezTo>
                  <a:cubicBezTo>
                    <a:pt x="364" y="12"/>
                    <a:pt x="357" y="11"/>
                    <a:pt x="354" y="14"/>
                  </a:cubicBezTo>
                  <a:cubicBezTo>
                    <a:pt x="352" y="17"/>
                    <a:pt x="349" y="14"/>
                    <a:pt x="343" y="18"/>
                  </a:cubicBezTo>
                  <a:cubicBezTo>
                    <a:pt x="338" y="20"/>
                    <a:pt x="344" y="21"/>
                    <a:pt x="352" y="20"/>
                  </a:cubicBezTo>
                  <a:close/>
                  <a:moveTo>
                    <a:pt x="338" y="4"/>
                  </a:moveTo>
                  <a:cubicBezTo>
                    <a:pt x="343" y="3"/>
                    <a:pt x="354" y="3"/>
                    <a:pt x="352" y="4"/>
                  </a:cubicBezTo>
                  <a:cubicBezTo>
                    <a:pt x="349" y="7"/>
                    <a:pt x="337" y="4"/>
                    <a:pt x="338" y="4"/>
                  </a:cubicBezTo>
                  <a:close/>
                  <a:moveTo>
                    <a:pt x="305" y="3"/>
                  </a:moveTo>
                  <a:cubicBezTo>
                    <a:pt x="306" y="0"/>
                    <a:pt x="317" y="0"/>
                    <a:pt x="317" y="3"/>
                  </a:cubicBezTo>
                  <a:cubicBezTo>
                    <a:pt x="316" y="4"/>
                    <a:pt x="303" y="6"/>
                    <a:pt x="305" y="3"/>
                  </a:cubicBezTo>
                  <a:close/>
                  <a:moveTo>
                    <a:pt x="329" y="17"/>
                  </a:moveTo>
                  <a:cubicBezTo>
                    <a:pt x="334" y="17"/>
                    <a:pt x="341" y="11"/>
                    <a:pt x="328" y="14"/>
                  </a:cubicBezTo>
                  <a:cubicBezTo>
                    <a:pt x="317" y="17"/>
                    <a:pt x="325" y="18"/>
                    <a:pt x="329" y="17"/>
                  </a:cubicBezTo>
                  <a:close/>
                  <a:moveTo>
                    <a:pt x="328" y="25"/>
                  </a:moveTo>
                  <a:cubicBezTo>
                    <a:pt x="334" y="26"/>
                    <a:pt x="332" y="23"/>
                    <a:pt x="337" y="23"/>
                  </a:cubicBezTo>
                  <a:cubicBezTo>
                    <a:pt x="341" y="23"/>
                    <a:pt x="340" y="14"/>
                    <a:pt x="331" y="18"/>
                  </a:cubicBezTo>
                  <a:cubicBezTo>
                    <a:pt x="322" y="21"/>
                    <a:pt x="319" y="14"/>
                    <a:pt x="316" y="21"/>
                  </a:cubicBezTo>
                  <a:cubicBezTo>
                    <a:pt x="313" y="29"/>
                    <a:pt x="322" y="23"/>
                    <a:pt x="328" y="25"/>
                  </a:cubicBezTo>
                  <a:close/>
                  <a:moveTo>
                    <a:pt x="241" y="29"/>
                  </a:moveTo>
                  <a:cubicBezTo>
                    <a:pt x="246" y="28"/>
                    <a:pt x="246" y="29"/>
                    <a:pt x="242" y="31"/>
                  </a:cubicBezTo>
                  <a:cubicBezTo>
                    <a:pt x="239" y="34"/>
                    <a:pt x="236" y="29"/>
                    <a:pt x="241" y="29"/>
                  </a:cubicBezTo>
                  <a:close/>
                  <a:moveTo>
                    <a:pt x="246" y="32"/>
                  </a:moveTo>
                  <a:cubicBezTo>
                    <a:pt x="250" y="29"/>
                    <a:pt x="258" y="34"/>
                    <a:pt x="252" y="34"/>
                  </a:cubicBezTo>
                  <a:cubicBezTo>
                    <a:pt x="246" y="34"/>
                    <a:pt x="239" y="34"/>
                    <a:pt x="246" y="32"/>
                  </a:cubicBezTo>
                  <a:close/>
                  <a:moveTo>
                    <a:pt x="297" y="32"/>
                  </a:moveTo>
                  <a:cubicBezTo>
                    <a:pt x="302" y="32"/>
                    <a:pt x="299" y="26"/>
                    <a:pt x="296" y="28"/>
                  </a:cubicBezTo>
                  <a:cubicBezTo>
                    <a:pt x="293" y="28"/>
                    <a:pt x="288" y="26"/>
                    <a:pt x="288" y="29"/>
                  </a:cubicBezTo>
                  <a:cubicBezTo>
                    <a:pt x="287" y="34"/>
                    <a:pt x="291" y="31"/>
                    <a:pt x="297" y="32"/>
                  </a:cubicBezTo>
                  <a:close/>
                  <a:moveTo>
                    <a:pt x="305" y="31"/>
                  </a:moveTo>
                  <a:cubicBezTo>
                    <a:pt x="309" y="32"/>
                    <a:pt x="303" y="28"/>
                    <a:pt x="311" y="28"/>
                  </a:cubicBezTo>
                  <a:cubicBezTo>
                    <a:pt x="317" y="28"/>
                    <a:pt x="317" y="26"/>
                    <a:pt x="309" y="25"/>
                  </a:cubicBezTo>
                  <a:cubicBezTo>
                    <a:pt x="303" y="25"/>
                    <a:pt x="296" y="25"/>
                    <a:pt x="299" y="28"/>
                  </a:cubicBezTo>
                  <a:cubicBezTo>
                    <a:pt x="300" y="29"/>
                    <a:pt x="300" y="29"/>
                    <a:pt x="305" y="31"/>
                  </a:cubicBezTo>
                  <a:close/>
                  <a:moveTo>
                    <a:pt x="313" y="31"/>
                  </a:moveTo>
                  <a:cubicBezTo>
                    <a:pt x="308" y="34"/>
                    <a:pt x="314" y="34"/>
                    <a:pt x="319" y="34"/>
                  </a:cubicBezTo>
                  <a:cubicBezTo>
                    <a:pt x="325" y="32"/>
                    <a:pt x="319" y="31"/>
                    <a:pt x="314" y="31"/>
                  </a:cubicBezTo>
                  <a:cubicBezTo>
                    <a:pt x="313" y="31"/>
                    <a:pt x="313" y="31"/>
                    <a:pt x="313" y="31"/>
                  </a:cubicBezTo>
                  <a:close/>
                  <a:moveTo>
                    <a:pt x="299" y="9"/>
                  </a:moveTo>
                  <a:cubicBezTo>
                    <a:pt x="302" y="9"/>
                    <a:pt x="303" y="9"/>
                    <a:pt x="308" y="9"/>
                  </a:cubicBezTo>
                  <a:cubicBezTo>
                    <a:pt x="313" y="9"/>
                    <a:pt x="309" y="9"/>
                    <a:pt x="305" y="7"/>
                  </a:cubicBezTo>
                  <a:cubicBezTo>
                    <a:pt x="300" y="6"/>
                    <a:pt x="302" y="6"/>
                    <a:pt x="297" y="7"/>
                  </a:cubicBezTo>
                  <a:cubicBezTo>
                    <a:pt x="294" y="9"/>
                    <a:pt x="294" y="9"/>
                    <a:pt x="299" y="9"/>
                  </a:cubicBezTo>
                  <a:close/>
                  <a:moveTo>
                    <a:pt x="293" y="12"/>
                  </a:moveTo>
                  <a:cubicBezTo>
                    <a:pt x="294" y="14"/>
                    <a:pt x="296" y="12"/>
                    <a:pt x="303" y="11"/>
                  </a:cubicBezTo>
                  <a:cubicBezTo>
                    <a:pt x="306" y="11"/>
                    <a:pt x="299" y="9"/>
                    <a:pt x="294" y="9"/>
                  </a:cubicBezTo>
                  <a:cubicBezTo>
                    <a:pt x="288" y="9"/>
                    <a:pt x="296" y="12"/>
                    <a:pt x="291" y="11"/>
                  </a:cubicBezTo>
                  <a:cubicBezTo>
                    <a:pt x="288" y="11"/>
                    <a:pt x="284" y="11"/>
                    <a:pt x="285" y="12"/>
                  </a:cubicBezTo>
                  <a:cubicBezTo>
                    <a:pt x="288" y="14"/>
                    <a:pt x="288" y="11"/>
                    <a:pt x="293" y="12"/>
                  </a:cubicBezTo>
                  <a:close/>
                  <a:moveTo>
                    <a:pt x="305" y="14"/>
                  </a:moveTo>
                  <a:cubicBezTo>
                    <a:pt x="306" y="14"/>
                    <a:pt x="313" y="15"/>
                    <a:pt x="311" y="17"/>
                  </a:cubicBezTo>
                  <a:cubicBezTo>
                    <a:pt x="308" y="17"/>
                    <a:pt x="303" y="15"/>
                    <a:pt x="305" y="14"/>
                  </a:cubicBezTo>
                  <a:close/>
                  <a:moveTo>
                    <a:pt x="313" y="20"/>
                  </a:moveTo>
                  <a:cubicBezTo>
                    <a:pt x="314" y="20"/>
                    <a:pt x="316" y="17"/>
                    <a:pt x="308" y="18"/>
                  </a:cubicBezTo>
                  <a:cubicBezTo>
                    <a:pt x="300" y="20"/>
                    <a:pt x="309" y="20"/>
                    <a:pt x="313" y="20"/>
                  </a:cubicBezTo>
                  <a:close/>
                  <a:moveTo>
                    <a:pt x="296" y="17"/>
                  </a:moveTo>
                  <a:cubicBezTo>
                    <a:pt x="299" y="17"/>
                    <a:pt x="299" y="18"/>
                    <a:pt x="305" y="18"/>
                  </a:cubicBezTo>
                  <a:cubicBezTo>
                    <a:pt x="311" y="17"/>
                    <a:pt x="306" y="17"/>
                    <a:pt x="303" y="15"/>
                  </a:cubicBezTo>
                  <a:cubicBezTo>
                    <a:pt x="299" y="15"/>
                    <a:pt x="293" y="14"/>
                    <a:pt x="291" y="14"/>
                  </a:cubicBezTo>
                  <a:cubicBezTo>
                    <a:pt x="290" y="15"/>
                    <a:pt x="294" y="15"/>
                    <a:pt x="296" y="17"/>
                  </a:cubicBezTo>
                  <a:close/>
                  <a:moveTo>
                    <a:pt x="284" y="17"/>
                  </a:moveTo>
                  <a:cubicBezTo>
                    <a:pt x="287" y="17"/>
                    <a:pt x="282" y="17"/>
                    <a:pt x="290" y="18"/>
                  </a:cubicBezTo>
                  <a:cubicBezTo>
                    <a:pt x="299" y="20"/>
                    <a:pt x="297" y="21"/>
                    <a:pt x="302" y="20"/>
                  </a:cubicBezTo>
                  <a:cubicBezTo>
                    <a:pt x="305" y="18"/>
                    <a:pt x="302" y="20"/>
                    <a:pt x="299" y="18"/>
                  </a:cubicBezTo>
                  <a:cubicBezTo>
                    <a:pt x="294" y="17"/>
                    <a:pt x="291" y="15"/>
                    <a:pt x="287" y="15"/>
                  </a:cubicBezTo>
                  <a:cubicBezTo>
                    <a:pt x="284" y="17"/>
                    <a:pt x="281" y="12"/>
                    <a:pt x="278" y="15"/>
                  </a:cubicBezTo>
                  <a:cubicBezTo>
                    <a:pt x="276" y="17"/>
                    <a:pt x="281" y="15"/>
                    <a:pt x="284" y="17"/>
                  </a:cubicBezTo>
                  <a:close/>
                  <a:moveTo>
                    <a:pt x="278" y="20"/>
                  </a:moveTo>
                  <a:cubicBezTo>
                    <a:pt x="281" y="20"/>
                    <a:pt x="279" y="21"/>
                    <a:pt x="282" y="20"/>
                  </a:cubicBezTo>
                  <a:cubicBezTo>
                    <a:pt x="285" y="20"/>
                    <a:pt x="290" y="20"/>
                    <a:pt x="288" y="20"/>
                  </a:cubicBezTo>
                  <a:cubicBezTo>
                    <a:pt x="287" y="20"/>
                    <a:pt x="282" y="17"/>
                    <a:pt x="281" y="18"/>
                  </a:cubicBezTo>
                  <a:cubicBezTo>
                    <a:pt x="279" y="20"/>
                    <a:pt x="276" y="17"/>
                    <a:pt x="273" y="18"/>
                  </a:cubicBezTo>
                  <a:cubicBezTo>
                    <a:pt x="273" y="20"/>
                    <a:pt x="274" y="20"/>
                    <a:pt x="278" y="20"/>
                  </a:cubicBezTo>
                  <a:close/>
                  <a:moveTo>
                    <a:pt x="296" y="21"/>
                  </a:moveTo>
                  <a:cubicBezTo>
                    <a:pt x="299" y="21"/>
                    <a:pt x="294" y="20"/>
                    <a:pt x="291" y="20"/>
                  </a:cubicBezTo>
                  <a:cubicBezTo>
                    <a:pt x="287" y="20"/>
                    <a:pt x="285" y="21"/>
                    <a:pt x="287" y="21"/>
                  </a:cubicBezTo>
                  <a:cubicBezTo>
                    <a:pt x="288" y="23"/>
                    <a:pt x="293" y="21"/>
                    <a:pt x="296" y="21"/>
                  </a:cubicBezTo>
                  <a:close/>
                  <a:moveTo>
                    <a:pt x="302" y="23"/>
                  </a:moveTo>
                  <a:cubicBezTo>
                    <a:pt x="297" y="23"/>
                    <a:pt x="302" y="21"/>
                    <a:pt x="305" y="21"/>
                  </a:cubicBezTo>
                  <a:cubicBezTo>
                    <a:pt x="306" y="21"/>
                    <a:pt x="306" y="25"/>
                    <a:pt x="302" y="23"/>
                  </a:cubicBezTo>
                  <a:close/>
                  <a:moveTo>
                    <a:pt x="276" y="23"/>
                  </a:moveTo>
                  <a:cubicBezTo>
                    <a:pt x="274" y="21"/>
                    <a:pt x="271" y="23"/>
                    <a:pt x="273" y="23"/>
                  </a:cubicBezTo>
                  <a:cubicBezTo>
                    <a:pt x="274" y="25"/>
                    <a:pt x="270" y="26"/>
                    <a:pt x="276" y="25"/>
                  </a:cubicBezTo>
                  <a:cubicBezTo>
                    <a:pt x="279" y="25"/>
                    <a:pt x="278" y="25"/>
                    <a:pt x="276" y="23"/>
                  </a:cubicBezTo>
                  <a:close/>
                  <a:moveTo>
                    <a:pt x="1273" y="256"/>
                  </a:moveTo>
                  <a:cubicBezTo>
                    <a:pt x="1273" y="256"/>
                    <a:pt x="1273" y="256"/>
                    <a:pt x="1273" y="256"/>
                  </a:cubicBezTo>
                  <a:cubicBezTo>
                    <a:pt x="1278" y="252"/>
                    <a:pt x="1278" y="252"/>
                    <a:pt x="1275" y="247"/>
                  </a:cubicBezTo>
                  <a:cubicBezTo>
                    <a:pt x="1270" y="242"/>
                    <a:pt x="1280" y="241"/>
                    <a:pt x="1283" y="250"/>
                  </a:cubicBezTo>
                  <a:cubicBezTo>
                    <a:pt x="1287" y="259"/>
                    <a:pt x="1301" y="244"/>
                    <a:pt x="1305" y="256"/>
                  </a:cubicBezTo>
                  <a:cubicBezTo>
                    <a:pt x="1311" y="269"/>
                    <a:pt x="1316" y="261"/>
                    <a:pt x="1321" y="267"/>
                  </a:cubicBezTo>
                  <a:cubicBezTo>
                    <a:pt x="1324" y="273"/>
                    <a:pt x="1334" y="267"/>
                    <a:pt x="1334" y="258"/>
                  </a:cubicBezTo>
                  <a:cubicBezTo>
                    <a:pt x="1334" y="247"/>
                    <a:pt x="1343" y="255"/>
                    <a:pt x="1351" y="247"/>
                  </a:cubicBezTo>
                  <a:cubicBezTo>
                    <a:pt x="1359" y="237"/>
                    <a:pt x="1348" y="245"/>
                    <a:pt x="1342" y="236"/>
                  </a:cubicBezTo>
                  <a:cubicBezTo>
                    <a:pt x="1337" y="230"/>
                    <a:pt x="1330" y="230"/>
                    <a:pt x="1321" y="230"/>
                  </a:cubicBezTo>
                  <a:cubicBezTo>
                    <a:pt x="1310" y="230"/>
                    <a:pt x="1330" y="247"/>
                    <a:pt x="1318" y="239"/>
                  </a:cubicBezTo>
                  <a:cubicBezTo>
                    <a:pt x="1305" y="233"/>
                    <a:pt x="1324" y="228"/>
                    <a:pt x="1304" y="219"/>
                  </a:cubicBezTo>
                  <a:cubicBezTo>
                    <a:pt x="1293" y="213"/>
                    <a:pt x="1283" y="208"/>
                    <a:pt x="1273" y="203"/>
                  </a:cubicBezTo>
                  <a:cubicBezTo>
                    <a:pt x="1273" y="203"/>
                    <a:pt x="1273" y="203"/>
                    <a:pt x="1273" y="203"/>
                  </a:cubicBezTo>
                  <a:cubicBezTo>
                    <a:pt x="1266" y="199"/>
                    <a:pt x="1258" y="196"/>
                    <a:pt x="1249" y="194"/>
                  </a:cubicBezTo>
                  <a:cubicBezTo>
                    <a:pt x="1232" y="189"/>
                    <a:pt x="1244" y="191"/>
                    <a:pt x="1222" y="189"/>
                  </a:cubicBezTo>
                  <a:cubicBezTo>
                    <a:pt x="1197" y="188"/>
                    <a:pt x="1203" y="178"/>
                    <a:pt x="1197" y="189"/>
                  </a:cubicBezTo>
                  <a:cubicBezTo>
                    <a:pt x="1190" y="200"/>
                    <a:pt x="1209" y="194"/>
                    <a:pt x="1199" y="203"/>
                  </a:cubicBezTo>
                  <a:cubicBezTo>
                    <a:pt x="1188" y="213"/>
                    <a:pt x="1193" y="200"/>
                    <a:pt x="1184" y="200"/>
                  </a:cubicBezTo>
                  <a:cubicBezTo>
                    <a:pt x="1174" y="200"/>
                    <a:pt x="1187" y="189"/>
                    <a:pt x="1171" y="194"/>
                  </a:cubicBezTo>
                  <a:cubicBezTo>
                    <a:pt x="1156" y="200"/>
                    <a:pt x="1153" y="188"/>
                    <a:pt x="1133" y="192"/>
                  </a:cubicBezTo>
                  <a:cubicBezTo>
                    <a:pt x="1114" y="197"/>
                    <a:pt x="1112" y="191"/>
                    <a:pt x="1115" y="186"/>
                  </a:cubicBezTo>
                  <a:cubicBezTo>
                    <a:pt x="1118" y="180"/>
                    <a:pt x="1103" y="168"/>
                    <a:pt x="1071" y="174"/>
                  </a:cubicBezTo>
                  <a:cubicBezTo>
                    <a:pt x="1040" y="180"/>
                    <a:pt x="1042" y="161"/>
                    <a:pt x="1031" y="157"/>
                  </a:cubicBezTo>
                  <a:cubicBezTo>
                    <a:pt x="1021" y="152"/>
                    <a:pt x="1021" y="157"/>
                    <a:pt x="1002" y="152"/>
                  </a:cubicBezTo>
                  <a:cubicBezTo>
                    <a:pt x="984" y="147"/>
                    <a:pt x="981" y="150"/>
                    <a:pt x="967" y="147"/>
                  </a:cubicBezTo>
                  <a:cubicBezTo>
                    <a:pt x="954" y="143"/>
                    <a:pt x="969" y="152"/>
                    <a:pt x="954" y="152"/>
                  </a:cubicBezTo>
                  <a:cubicBezTo>
                    <a:pt x="938" y="152"/>
                    <a:pt x="966" y="171"/>
                    <a:pt x="951" y="166"/>
                  </a:cubicBezTo>
                  <a:cubicBezTo>
                    <a:pt x="934" y="161"/>
                    <a:pt x="940" y="169"/>
                    <a:pt x="928" y="164"/>
                  </a:cubicBezTo>
                  <a:cubicBezTo>
                    <a:pt x="914" y="161"/>
                    <a:pt x="914" y="174"/>
                    <a:pt x="902" y="164"/>
                  </a:cubicBezTo>
                  <a:cubicBezTo>
                    <a:pt x="890" y="155"/>
                    <a:pt x="893" y="186"/>
                    <a:pt x="879" y="174"/>
                  </a:cubicBezTo>
                  <a:cubicBezTo>
                    <a:pt x="865" y="161"/>
                    <a:pt x="864" y="157"/>
                    <a:pt x="856" y="154"/>
                  </a:cubicBezTo>
                  <a:cubicBezTo>
                    <a:pt x="847" y="150"/>
                    <a:pt x="861" y="166"/>
                    <a:pt x="852" y="158"/>
                  </a:cubicBezTo>
                  <a:cubicBezTo>
                    <a:pt x="844" y="152"/>
                    <a:pt x="827" y="146"/>
                    <a:pt x="803" y="144"/>
                  </a:cubicBezTo>
                  <a:cubicBezTo>
                    <a:pt x="766" y="141"/>
                    <a:pt x="797" y="136"/>
                    <a:pt x="785" y="135"/>
                  </a:cubicBezTo>
                  <a:cubicBezTo>
                    <a:pt x="772" y="133"/>
                    <a:pt x="762" y="133"/>
                    <a:pt x="751" y="135"/>
                  </a:cubicBezTo>
                  <a:cubicBezTo>
                    <a:pt x="740" y="136"/>
                    <a:pt x="747" y="126"/>
                    <a:pt x="739" y="130"/>
                  </a:cubicBezTo>
                  <a:cubicBezTo>
                    <a:pt x="731" y="135"/>
                    <a:pt x="733" y="127"/>
                    <a:pt x="722" y="129"/>
                  </a:cubicBezTo>
                  <a:cubicBezTo>
                    <a:pt x="712" y="132"/>
                    <a:pt x="724" y="136"/>
                    <a:pt x="704" y="139"/>
                  </a:cubicBezTo>
                  <a:cubicBezTo>
                    <a:pt x="686" y="143"/>
                    <a:pt x="686" y="139"/>
                    <a:pt x="704" y="132"/>
                  </a:cubicBezTo>
                  <a:cubicBezTo>
                    <a:pt x="722" y="124"/>
                    <a:pt x="718" y="121"/>
                    <a:pt x="734" y="116"/>
                  </a:cubicBezTo>
                  <a:cubicBezTo>
                    <a:pt x="750" y="112"/>
                    <a:pt x="750" y="102"/>
                    <a:pt x="747" y="96"/>
                  </a:cubicBezTo>
                  <a:cubicBezTo>
                    <a:pt x="743" y="91"/>
                    <a:pt x="739" y="94"/>
                    <a:pt x="731" y="88"/>
                  </a:cubicBezTo>
                  <a:cubicBezTo>
                    <a:pt x="725" y="82"/>
                    <a:pt x="719" y="88"/>
                    <a:pt x="710" y="85"/>
                  </a:cubicBezTo>
                  <a:cubicBezTo>
                    <a:pt x="701" y="84"/>
                    <a:pt x="705" y="88"/>
                    <a:pt x="695" y="90"/>
                  </a:cubicBezTo>
                  <a:cubicBezTo>
                    <a:pt x="678" y="91"/>
                    <a:pt x="708" y="82"/>
                    <a:pt x="689" y="82"/>
                  </a:cubicBezTo>
                  <a:cubicBezTo>
                    <a:pt x="670" y="81"/>
                    <a:pt x="676" y="79"/>
                    <a:pt x="686" y="76"/>
                  </a:cubicBezTo>
                  <a:cubicBezTo>
                    <a:pt x="693" y="74"/>
                    <a:pt x="676" y="66"/>
                    <a:pt x="661" y="73"/>
                  </a:cubicBezTo>
                  <a:cubicBezTo>
                    <a:pt x="637" y="84"/>
                    <a:pt x="651" y="88"/>
                    <a:pt x="640" y="88"/>
                  </a:cubicBezTo>
                  <a:cubicBezTo>
                    <a:pt x="617" y="90"/>
                    <a:pt x="643" y="90"/>
                    <a:pt x="622" y="94"/>
                  </a:cubicBezTo>
                  <a:cubicBezTo>
                    <a:pt x="600" y="99"/>
                    <a:pt x="625" y="90"/>
                    <a:pt x="596" y="94"/>
                  </a:cubicBezTo>
                  <a:cubicBezTo>
                    <a:pt x="568" y="98"/>
                    <a:pt x="599" y="101"/>
                    <a:pt x="570" y="104"/>
                  </a:cubicBezTo>
                  <a:cubicBezTo>
                    <a:pt x="539" y="105"/>
                    <a:pt x="553" y="110"/>
                    <a:pt x="538" y="110"/>
                  </a:cubicBezTo>
                  <a:cubicBezTo>
                    <a:pt x="524" y="112"/>
                    <a:pt x="523" y="124"/>
                    <a:pt x="532" y="126"/>
                  </a:cubicBezTo>
                  <a:cubicBezTo>
                    <a:pt x="539" y="126"/>
                    <a:pt x="535" y="129"/>
                    <a:pt x="524" y="132"/>
                  </a:cubicBezTo>
                  <a:cubicBezTo>
                    <a:pt x="508" y="135"/>
                    <a:pt x="488" y="130"/>
                    <a:pt x="483" y="138"/>
                  </a:cubicBezTo>
                  <a:cubicBezTo>
                    <a:pt x="477" y="144"/>
                    <a:pt x="491" y="138"/>
                    <a:pt x="486" y="147"/>
                  </a:cubicBezTo>
                  <a:cubicBezTo>
                    <a:pt x="480" y="155"/>
                    <a:pt x="497" y="150"/>
                    <a:pt x="497" y="157"/>
                  </a:cubicBezTo>
                  <a:cubicBezTo>
                    <a:pt x="498" y="164"/>
                    <a:pt x="512" y="157"/>
                    <a:pt x="508" y="166"/>
                  </a:cubicBezTo>
                  <a:cubicBezTo>
                    <a:pt x="501" y="177"/>
                    <a:pt x="517" y="175"/>
                    <a:pt x="508" y="183"/>
                  </a:cubicBezTo>
                  <a:cubicBezTo>
                    <a:pt x="497" y="192"/>
                    <a:pt x="512" y="171"/>
                    <a:pt x="501" y="174"/>
                  </a:cubicBezTo>
                  <a:cubicBezTo>
                    <a:pt x="491" y="178"/>
                    <a:pt x="512" y="163"/>
                    <a:pt x="498" y="163"/>
                  </a:cubicBezTo>
                  <a:cubicBezTo>
                    <a:pt x="486" y="163"/>
                    <a:pt x="491" y="155"/>
                    <a:pt x="474" y="154"/>
                  </a:cubicBezTo>
                  <a:cubicBezTo>
                    <a:pt x="456" y="150"/>
                    <a:pt x="462" y="161"/>
                    <a:pt x="457" y="160"/>
                  </a:cubicBezTo>
                  <a:cubicBezTo>
                    <a:pt x="450" y="157"/>
                    <a:pt x="442" y="163"/>
                    <a:pt x="454" y="166"/>
                  </a:cubicBezTo>
                  <a:cubicBezTo>
                    <a:pt x="466" y="171"/>
                    <a:pt x="459" y="172"/>
                    <a:pt x="448" y="171"/>
                  </a:cubicBezTo>
                  <a:cubicBezTo>
                    <a:pt x="436" y="169"/>
                    <a:pt x="448" y="157"/>
                    <a:pt x="445" y="150"/>
                  </a:cubicBezTo>
                  <a:cubicBezTo>
                    <a:pt x="441" y="144"/>
                    <a:pt x="437" y="143"/>
                    <a:pt x="439" y="152"/>
                  </a:cubicBezTo>
                  <a:cubicBezTo>
                    <a:pt x="444" y="164"/>
                    <a:pt x="419" y="158"/>
                    <a:pt x="428" y="169"/>
                  </a:cubicBezTo>
                  <a:cubicBezTo>
                    <a:pt x="434" y="178"/>
                    <a:pt x="437" y="178"/>
                    <a:pt x="431" y="186"/>
                  </a:cubicBezTo>
                  <a:cubicBezTo>
                    <a:pt x="424" y="194"/>
                    <a:pt x="431" y="194"/>
                    <a:pt x="431" y="200"/>
                  </a:cubicBezTo>
                  <a:cubicBezTo>
                    <a:pt x="430" y="206"/>
                    <a:pt x="445" y="196"/>
                    <a:pt x="456" y="202"/>
                  </a:cubicBezTo>
                  <a:cubicBezTo>
                    <a:pt x="468" y="209"/>
                    <a:pt x="463" y="211"/>
                    <a:pt x="462" y="214"/>
                  </a:cubicBezTo>
                  <a:cubicBezTo>
                    <a:pt x="460" y="217"/>
                    <a:pt x="456" y="225"/>
                    <a:pt x="457" y="217"/>
                  </a:cubicBezTo>
                  <a:cubicBezTo>
                    <a:pt x="460" y="209"/>
                    <a:pt x="457" y="200"/>
                    <a:pt x="442" y="205"/>
                  </a:cubicBezTo>
                  <a:cubicBezTo>
                    <a:pt x="428" y="209"/>
                    <a:pt x="444" y="219"/>
                    <a:pt x="436" y="222"/>
                  </a:cubicBezTo>
                  <a:cubicBezTo>
                    <a:pt x="428" y="227"/>
                    <a:pt x="434" y="231"/>
                    <a:pt x="425" y="234"/>
                  </a:cubicBezTo>
                  <a:cubicBezTo>
                    <a:pt x="416" y="239"/>
                    <a:pt x="425" y="244"/>
                    <a:pt x="407" y="241"/>
                  </a:cubicBezTo>
                  <a:cubicBezTo>
                    <a:pt x="387" y="237"/>
                    <a:pt x="413" y="241"/>
                    <a:pt x="418" y="230"/>
                  </a:cubicBezTo>
                  <a:cubicBezTo>
                    <a:pt x="424" y="219"/>
                    <a:pt x="427" y="225"/>
                    <a:pt x="427" y="216"/>
                  </a:cubicBezTo>
                  <a:cubicBezTo>
                    <a:pt x="428" y="206"/>
                    <a:pt x="419" y="206"/>
                    <a:pt x="421" y="196"/>
                  </a:cubicBezTo>
                  <a:cubicBezTo>
                    <a:pt x="422" y="183"/>
                    <a:pt x="425" y="177"/>
                    <a:pt x="418" y="169"/>
                  </a:cubicBezTo>
                  <a:cubicBezTo>
                    <a:pt x="409" y="163"/>
                    <a:pt x="424" y="164"/>
                    <a:pt x="424" y="154"/>
                  </a:cubicBezTo>
                  <a:cubicBezTo>
                    <a:pt x="424" y="141"/>
                    <a:pt x="406" y="147"/>
                    <a:pt x="398" y="146"/>
                  </a:cubicBezTo>
                  <a:cubicBezTo>
                    <a:pt x="389" y="143"/>
                    <a:pt x="392" y="164"/>
                    <a:pt x="381" y="169"/>
                  </a:cubicBezTo>
                  <a:cubicBezTo>
                    <a:pt x="364" y="175"/>
                    <a:pt x="384" y="175"/>
                    <a:pt x="376" y="186"/>
                  </a:cubicBezTo>
                  <a:cubicBezTo>
                    <a:pt x="369" y="199"/>
                    <a:pt x="398" y="199"/>
                    <a:pt x="392" y="209"/>
                  </a:cubicBezTo>
                  <a:cubicBezTo>
                    <a:pt x="384" y="219"/>
                    <a:pt x="389" y="209"/>
                    <a:pt x="361" y="199"/>
                  </a:cubicBezTo>
                  <a:cubicBezTo>
                    <a:pt x="332" y="186"/>
                    <a:pt x="319" y="192"/>
                    <a:pt x="326" y="200"/>
                  </a:cubicBezTo>
                  <a:cubicBezTo>
                    <a:pt x="331" y="205"/>
                    <a:pt x="316" y="216"/>
                    <a:pt x="316" y="208"/>
                  </a:cubicBezTo>
                  <a:cubicBezTo>
                    <a:pt x="316" y="199"/>
                    <a:pt x="311" y="202"/>
                    <a:pt x="302" y="208"/>
                  </a:cubicBezTo>
                  <a:cubicBezTo>
                    <a:pt x="293" y="214"/>
                    <a:pt x="294" y="202"/>
                    <a:pt x="282" y="211"/>
                  </a:cubicBezTo>
                  <a:cubicBezTo>
                    <a:pt x="270" y="219"/>
                    <a:pt x="270" y="208"/>
                    <a:pt x="276" y="203"/>
                  </a:cubicBezTo>
                  <a:cubicBezTo>
                    <a:pt x="281" y="200"/>
                    <a:pt x="270" y="202"/>
                    <a:pt x="250" y="213"/>
                  </a:cubicBezTo>
                  <a:cubicBezTo>
                    <a:pt x="230" y="222"/>
                    <a:pt x="227" y="214"/>
                    <a:pt x="224" y="227"/>
                  </a:cubicBezTo>
                  <a:cubicBezTo>
                    <a:pt x="221" y="239"/>
                    <a:pt x="220" y="230"/>
                    <a:pt x="214" y="233"/>
                  </a:cubicBezTo>
                  <a:cubicBezTo>
                    <a:pt x="206" y="237"/>
                    <a:pt x="211" y="231"/>
                    <a:pt x="204" y="228"/>
                  </a:cubicBezTo>
                  <a:cubicBezTo>
                    <a:pt x="197" y="225"/>
                    <a:pt x="206" y="220"/>
                    <a:pt x="212" y="220"/>
                  </a:cubicBezTo>
                  <a:cubicBezTo>
                    <a:pt x="218" y="220"/>
                    <a:pt x="212" y="208"/>
                    <a:pt x="203" y="209"/>
                  </a:cubicBezTo>
                  <a:cubicBezTo>
                    <a:pt x="194" y="209"/>
                    <a:pt x="185" y="203"/>
                    <a:pt x="192" y="211"/>
                  </a:cubicBezTo>
                  <a:cubicBezTo>
                    <a:pt x="200" y="217"/>
                    <a:pt x="186" y="224"/>
                    <a:pt x="195" y="230"/>
                  </a:cubicBezTo>
                  <a:cubicBezTo>
                    <a:pt x="203" y="234"/>
                    <a:pt x="194" y="236"/>
                    <a:pt x="195" y="245"/>
                  </a:cubicBezTo>
                  <a:cubicBezTo>
                    <a:pt x="197" y="253"/>
                    <a:pt x="189" y="231"/>
                    <a:pt x="176" y="241"/>
                  </a:cubicBezTo>
                  <a:cubicBezTo>
                    <a:pt x="162" y="250"/>
                    <a:pt x="156" y="248"/>
                    <a:pt x="163" y="258"/>
                  </a:cubicBezTo>
                  <a:cubicBezTo>
                    <a:pt x="172" y="267"/>
                    <a:pt x="162" y="269"/>
                    <a:pt x="148" y="261"/>
                  </a:cubicBezTo>
                  <a:cubicBezTo>
                    <a:pt x="133" y="255"/>
                    <a:pt x="130" y="259"/>
                    <a:pt x="136" y="264"/>
                  </a:cubicBezTo>
                  <a:cubicBezTo>
                    <a:pt x="142" y="270"/>
                    <a:pt x="153" y="269"/>
                    <a:pt x="144" y="275"/>
                  </a:cubicBezTo>
                  <a:cubicBezTo>
                    <a:pt x="136" y="279"/>
                    <a:pt x="137" y="269"/>
                    <a:pt x="128" y="267"/>
                  </a:cubicBezTo>
                  <a:cubicBezTo>
                    <a:pt x="118" y="265"/>
                    <a:pt x="125" y="261"/>
                    <a:pt x="121" y="256"/>
                  </a:cubicBezTo>
                  <a:cubicBezTo>
                    <a:pt x="115" y="252"/>
                    <a:pt x="127" y="250"/>
                    <a:pt x="119" y="244"/>
                  </a:cubicBezTo>
                  <a:cubicBezTo>
                    <a:pt x="112" y="237"/>
                    <a:pt x="104" y="236"/>
                    <a:pt x="102" y="230"/>
                  </a:cubicBezTo>
                  <a:cubicBezTo>
                    <a:pt x="101" y="224"/>
                    <a:pt x="102" y="234"/>
                    <a:pt x="118" y="237"/>
                  </a:cubicBezTo>
                  <a:cubicBezTo>
                    <a:pt x="133" y="239"/>
                    <a:pt x="148" y="250"/>
                    <a:pt x="162" y="242"/>
                  </a:cubicBezTo>
                  <a:cubicBezTo>
                    <a:pt x="176" y="234"/>
                    <a:pt x="180" y="228"/>
                    <a:pt x="165" y="219"/>
                  </a:cubicBezTo>
                  <a:cubicBezTo>
                    <a:pt x="151" y="209"/>
                    <a:pt x="153" y="214"/>
                    <a:pt x="137" y="203"/>
                  </a:cubicBezTo>
                  <a:cubicBezTo>
                    <a:pt x="122" y="194"/>
                    <a:pt x="127" y="202"/>
                    <a:pt x="113" y="199"/>
                  </a:cubicBezTo>
                  <a:cubicBezTo>
                    <a:pt x="101" y="194"/>
                    <a:pt x="113" y="194"/>
                    <a:pt x="104" y="191"/>
                  </a:cubicBezTo>
                  <a:cubicBezTo>
                    <a:pt x="95" y="186"/>
                    <a:pt x="102" y="196"/>
                    <a:pt x="90" y="191"/>
                  </a:cubicBezTo>
                  <a:cubicBezTo>
                    <a:pt x="90" y="192"/>
                    <a:pt x="90" y="192"/>
                    <a:pt x="90" y="192"/>
                  </a:cubicBezTo>
                  <a:cubicBezTo>
                    <a:pt x="92" y="196"/>
                    <a:pt x="89" y="196"/>
                    <a:pt x="87" y="194"/>
                  </a:cubicBezTo>
                  <a:cubicBezTo>
                    <a:pt x="84" y="194"/>
                    <a:pt x="86" y="194"/>
                    <a:pt x="84" y="196"/>
                  </a:cubicBezTo>
                  <a:cubicBezTo>
                    <a:pt x="83" y="197"/>
                    <a:pt x="78" y="197"/>
                    <a:pt x="78" y="199"/>
                  </a:cubicBezTo>
                  <a:cubicBezTo>
                    <a:pt x="77" y="202"/>
                    <a:pt x="77" y="203"/>
                    <a:pt x="75" y="202"/>
                  </a:cubicBezTo>
                  <a:cubicBezTo>
                    <a:pt x="67" y="206"/>
                    <a:pt x="74" y="203"/>
                    <a:pt x="74" y="205"/>
                  </a:cubicBezTo>
                  <a:cubicBezTo>
                    <a:pt x="75" y="208"/>
                    <a:pt x="70" y="206"/>
                    <a:pt x="72" y="211"/>
                  </a:cubicBezTo>
                  <a:cubicBezTo>
                    <a:pt x="74" y="219"/>
                    <a:pt x="77" y="213"/>
                    <a:pt x="80" y="217"/>
                  </a:cubicBezTo>
                  <a:cubicBezTo>
                    <a:pt x="83" y="222"/>
                    <a:pt x="86" y="220"/>
                    <a:pt x="83" y="224"/>
                  </a:cubicBezTo>
                  <a:cubicBezTo>
                    <a:pt x="80" y="227"/>
                    <a:pt x="74" y="231"/>
                    <a:pt x="77" y="234"/>
                  </a:cubicBezTo>
                  <a:cubicBezTo>
                    <a:pt x="80" y="236"/>
                    <a:pt x="86" y="250"/>
                    <a:pt x="84" y="250"/>
                  </a:cubicBezTo>
                  <a:cubicBezTo>
                    <a:pt x="81" y="250"/>
                    <a:pt x="81" y="250"/>
                    <a:pt x="81" y="252"/>
                  </a:cubicBezTo>
                  <a:cubicBezTo>
                    <a:pt x="83" y="252"/>
                    <a:pt x="81" y="252"/>
                    <a:pt x="81" y="253"/>
                  </a:cubicBezTo>
                  <a:cubicBezTo>
                    <a:pt x="81" y="256"/>
                    <a:pt x="80" y="255"/>
                    <a:pt x="81" y="256"/>
                  </a:cubicBezTo>
                  <a:cubicBezTo>
                    <a:pt x="84" y="258"/>
                    <a:pt x="80" y="258"/>
                    <a:pt x="80" y="259"/>
                  </a:cubicBezTo>
                  <a:cubicBezTo>
                    <a:pt x="81" y="262"/>
                    <a:pt x="87" y="262"/>
                    <a:pt x="84" y="264"/>
                  </a:cubicBezTo>
                  <a:cubicBezTo>
                    <a:pt x="83" y="265"/>
                    <a:pt x="84" y="265"/>
                    <a:pt x="84" y="267"/>
                  </a:cubicBezTo>
                  <a:cubicBezTo>
                    <a:pt x="83" y="269"/>
                    <a:pt x="89" y="269"/>
                    <a:pt x="89" y="272"/>
                  </a:cubicBezTo>
                  <a:cubicBezTo>
                    <a:pt x="87" y="275"/>
                    <a:pt x="81" y="275"/>
                    <a:pt x="84" y="278"/>
                  </a:cubicBezTo>
                  <a:cubicBezTo>
                    <a:pt x="87" y="279"/>
                    <a:pt x="92" y="281"/>
                    <a:pt x="93" y="284"/>
                  </a:cubicBezTo>
                  <a:cubicBezTo>
                    <a:pt x="95" y="287"/>
                    <a:pt x="96" y="286"/>
                    <a:pt x="95" y="289"/>
                  </a:cubicBezTo>
                  <a:cubicBezTo>
                    <a:pt x="93" y="292"/>
                    <a:pt x="89" y="298"/>
                    <a:pt x="80" y="306"/>
                  </a:cubicBezTo>
                  <a:cubicBezTo>
                    <a:pt x="72" y="314"/>
                    <a:pt x="69" y="315"/>
                    <a:pt x="66" y="318"/>
                  </a:cubicBezTo>
                  <a:cubicBezTo>
                    <a:pt x="69" y="320"/>
                    <a:pt x="72" y="315"/>
                    <a:pt x="74" y="317"/>
                  </a:cubicBezTo>
                  <a:cubicBezTo>
                    <a:pt x="74" y="317"/>
                    <a:pt x="72" y="317"/>
                    <a:pt x="72" y="318"/>
                  </a:cubicBezTo>
                  <a:cubicBezTo>
                    <a:pt x="74" y="321"/>
                    <a:pt x="69" y="317"/>
                    <a:pt x="72" y="320"/>
                  </a:cubicBezTo>
                  <a:cubicBezTo>
                    <a:pt x="74" y="323"/>
                    <a:pt x="74" y="320"/>
                    <a:pt x="75" y="323"/>
                  </a:cubicBezTo>
                  <a:cubicBezTo>
                    <a:pt x="77" y="325"/>
                    <a:pt x="81" y="321"/>
                    <a:pt x="83" y="325"/>
                  </a:cubicBezTo>
                  <a:cubicBezTo>
                    <a:pt x="83" y="326"/>
                    <a:pt x="86" y="325"/>
                    <a:pt x="86" y="326"/>
                  </a:cubicBezTo>
                  <a:cubicBezTo>
                    <a:pt x="84" y="328"/>
                    <a:pt x="84" y="328"/>
                    <a:pt x="80" y="326"/>
                  </a:cubicBezTo>
                  <a:cubicBezTo>
                    <a:pt x="74" y="325"/>
                    <a:pt x="77" y="331"/>
                    <a:pt x="74" y="328"/>
                  </a:cubicBezTo>
                  <a:cubicBezTo>
                    <a:pt x="69" y="326"/>
                    <a:pt x="72" y="332"/>
                    <a:pt x="69" y="329"/>
                  </a:cubicBezTo>
                  <a:cubicBezTo>
                    <a:pt x="66" y="328"/>
                    <a:pt x="69" y="331"/>
                    <a:pt x="67" y="332"/>
                  </a:cubicBezTo>
                  <a:cubicBezTo>
                    <a:pt x="70" y="335"/>
                    <a:pt x="66" y="334"/>
                    <a:pt x="66" y="337"/>
                  </a:cubicBezTo>
                  <a:cubicBezTo>
                    <a:pt x="66" y="342"/>
                    <a:pt x="61" y="338"/>
                    <a:pt x="63" y="345"/>
                  </a:cubicBezTo>
                  <a:cubicBezTo>
                    <a:pt x="66" y="349"/>
                    <a:pt x="61" y="346"/>
                    <a:pt x="64" y="351"/>
                  </a:cubicBezTo>
                  <a:cubicBezTo>
                    <a:pt x="67" y="356"/>
                    <a:pt x="64" y="352"/>
                    <a:pt x="63" y="357"/>
                  </a:cubicBezTo>
                  <a:cubicBezTo>
                    <a:pt x="64" y="360"/>
                    <a:pt x="67" y="360"/>
                    <a:pt x="66" y="362"/>
                  </a:cubicBezTo>
                  <a:cubicBezTo>
                    <a:pt x="66" y="363"/>
                    <a:pt x="64" y="366"/>
                    <a:pt x="66" y="366"/>
                  </a:cubicBezTo>
                  <a:cubicBezTo>
                    <a:pt x="67" y="366"/>
                    <a:pt x="66" y="366"/>
                    <a:pt x="67" y="370"/>
                  </a:cubicBezTo>
                  <a:cubicBezTo>
                    <a:pt x="70" y="373"/>
                    <a:pt x="69" y="376"/>
                    <a:pt x="69" y="376"/>
                  </a:cubicBezTo>
                  <a:cubicBezTo>
                    <a:pt x="74" y="374"/>
                    <a:pt x="70" y="377"/>
                    <a:pt x="75" y="377"/>
                  </a:cubicBezTo>
                  <a:cubicBezTo>
                    <a:pt x="81" y="376"/>
                    <a:pt x="77" y="382"/>
                    <a:pt x="81" y="380"/>
                  </a:cubicBezTo>
                  <a:cubicBezTo>
                    <a:pt x="84" y="377"/>
                    <a:pt x="87" y="379"/>
                    <a:pt x="87" y="380"/>
                  </a:cubicBezTo>
                  <a:cubicBezTo>
                    <a:pt x="89" y="382"/>
                    <a:pt x="92" y="380"/>
                    <a:pt x="90" y="384"/>
                  </a:cubicBezTo>
                  <a:cubicBezTo>
                    <a:pt x="89" y="388"/>
                    <a:pt x="93" y="388"/>
                    <a:pt x="90" y="390"/>
                  </a:cubicBezTo>
                  <a:cubicBezTo>
                    <a:pt x="87" y="393"/>
                    <a:pt x="92" y="391"/>
                    <a:pt x="92" y="396"/>
                  </a:cubicBezTo>
                  <a:cubicBezTo>
                    <a:pt x="93" y="402"/>
                    <a:pt x="99" y="401"/>
                    <a:pt x="98" y="402"/>
                  </a:cubicBezTo>
                  <a:cubicBezTo>
                    <a:pt x="95" y="407"/>
                    <a:pt x="102" y="402"/>
                    <a:pt x="102" y="407"/>
                  </a:cubicBezTo>
                  <a:cubicBezTo>
                    <a:pt x="102" y="408"/>
                    <a:pt x="107" y="408"/>
                    <a:pt x="104" y="410"/>
                  </a:cubicBezTo>
                  <a:cubicBezTo>
                    <a:pt x="101" y="412"/>
                    <a:pt x="101" y="415"/>
                    <a:pt x="96" y="412"/>
                  </a:cubicBezTo>
                  <a:cubicBezTo>
                    <a:pt x="95" y="410"/>
                    <a:pt x="93" y="413"/>
                    <a:pt x="95" y="415"/>
                  </a:cubicBezTo>
                  <a:cubicBezTo>
                    <a:pt x="98" y="419"/>
                    <a:pt x="93" y="419"/>
                    <a:pt x="96" y="424"/>
                  </a:cubicBezTo>
                  <a:cubicBezTo>
                    <a:pt x="98" y="425"/>
                    <a:pt x="101" y="427"/>
                    <a:pt x="102" y="424"/>
                  </a:cubicBezTo>
                  <a:cubicBezTo>
                    <a:pt x="102" y="421"/>
                    <a:pt x="105" y="424"/>
                    <a:pt x="109" y="422"/>
                  </a:cubicBezTo>
                  <a:cubicBezTo>
                    <a:pt x="112" y="419"/>
                    <a:pt x="110" y="424"/>
                    <a:pt x="113" y="422"/>
                  </a:cubicBezTo>
                  <a:cubicBezTo>
                    <a:pt x="116" y="419"/>
                    <a:pt x="113" y="425"/>
                    <a:pt x="118" y="427"/>
                  </a:cubicBezTo>
                  <a:cubicBezTo>
                    <a:pt x="121" y="429"/>
                    <a:pt x="115" y="430"/>
                    <a:pt x="116" y="432"/>
                  </a:cubicBezTo>
                  <a:cubicBezTo>
                    <a:pt x="119" y="435"/>
                    <a:pt x="116" y="435"/>
                    <a:pt x="119" y="435"/>
                  </a:cubicBezTo>
                  <a:cubicBezTo>
                    <a:pt x="122" y="436"/>
                    <a:pt x="122" y="433"/>
                    <a:pt x="125" y="438"/>
                  </a:cubicBezTo>
                  <a:cubicBezTo>
                    <a:pt x="128" y="441"/>
                    <a:pt x="125" y="447"/>
                    <a:pt x="128" y="446"/>
                  </a:cubicBezTo>
                  <a:cubicBezTo>
                    <a:pt x="133" y="444"/>
                    <a:pt x="133" y="449"/>
                    <a:pt x="139" y="446"/>
                  </a:cubicBezTo>
                  <a:cubicBezTo>
                    <a:pt x="144" y="443"/>
                    <a:pt x="142" y="447"/>
                    <a:pt x="145" y="449"/>
                  </a:cubicBezTo>
                  <a:cubicBezTo>
                    <a:pt x="148" y="452"/>
                    <a:pt x="150" y="447"/>
                    <a:pt x="153" y="452"/>
                  </a:cubicBezTo>
                  <a:cubicBezTo>
                    <a:pt x="154" y="453"/>
                    <a:pt x="157" y="450"/>
                    <a:pt x="159" y="453"/>
                  </a:cubicBezTo>
                  <a:cubicBezTo>
                    <a:pt x="160" y="457"/>
                    <a:pt x="163" y="453"/>
                    <a:pt x="163" y="455"/>
                  </a:cubicBezTo>
                  <a:cubicBezTo>
                    <a:pt x="163" y="458"/>
                    <a:pt x="165" y="458"/>
                    <a:pt x="163" y="460"/>
                  </a:cubicBezTo>
                  <a:cubicBezTo>
                    <a:pt x="160" y="461"/>
                    <a:pt x="160" y="463"/>
                    <a:pt x="162" y="463"/>
                  </a:cubicBezTo>
                  <a:cubicBezTo>
                    <a:pt x="163" y="463"/>
                    <a:pt x="165" y="464"/>
                    <a:pt x="162" y="464"/>
                  </a:cubicBezTo>
                  <a:cubicBezTo>
                    <a:pt x="160" y="464"/>
                    <a:pt x="159" y="466"/>
                    <a:pt x="160" y="468"/>
                  </a:cubicBezTo>
                  <a:cubicBezTo>
                    <a:pt x="162" y="469"/>
                    <a:pt x="163" y="472"/>
                    <a:pt x="162" y="474"/>
                  </a:cubicBezTo>
                  <a:cubicBezTo>
                    <a:pt x="160" y="477"/>
                    <a:pt x="154" y="474"/>
                    <a:pt x="153" y="477"/>
                  </a:cubicBezTo>
                  <a:cubicBezTo>
                    <a:pt x="153" y="480"/>
                    <a:pt x="147" y="475"/>
                    <a:pt x="148" y="485"/>
                  </a:cubicBezTo>
                  <a:cubicBezTo>
                    <a:pt x="153" y="481"/>
                    <a:pt x="150" y="486"/>
                    <a:pt x="154" y="483"/>
                  </a:cubicBezTo>
                  <a:cubicBezTo>
                    <a:pt x="157" y="481"/>
                    <a:pt x="157" y="485"/>
                    <a:pt x="154" y="486"/>
                  </a:cubicBezTo>
                  <a:cubicBezTo>
                    <a:pt x="148" y="488"/>
                    <a:pt x="151" y="489"/>
                    <a:pt x="145" y="489"/>
                  </a:cubicBezTo>
                  <a:cubicBezTo>
                    <a:pt x="144" y="489"/>
                    <a:pt x="145" y="494"/>
                    <a:pt x="148" y="492"/>
                  </a:cubicBezTo>
                  <a:cubicBezTo>
                    <a:pt x="150" y="492"/>
                    <a:pt x="153" y="497"/>
                    <a:pt x="150" y="497"/>
                  </a:cubicBezTo>
                  <a:cubicBezTo>
                    <a:pt x="148" y="496"/>
                    <a:pt x="147" y="496"/>
                    <a:pt x="145" y="499"/>
                  </a:cubicBezTo>
                  <a:cubicBezTo>
                    <a:pt x="145" y="502"/>
                    <a:pt x="144" y="502"/>
                    <a:pt x="144" y="503"/>
                  </a:cubicBezTo>
                  <a:cubicBezTo>
                    <a:pt x="145" y="508"/>
                    <a:pt x="144" y="505"/>
                    <a:pt x="140" y="505"/>
                  </a:cubicBezTo>
                  <a:cubicBezTo>
                    <a:pt x="139" y="505"/>
                    <a:pt x="136" y="502"/>
                    <a:pt x="137" y="505"/>
                  </a:cubicBezTo>
                  <a:cubicBezTo>
                    <a:pt x="137" y="506"/>
                    <a:pt x="133" y="506"/>
                    <a:pt x="139" y="508"/>
                  </a:cubicBezTo>
                  <a:cubicBezTo>
                    <a:pt x="144" y="511"/>
                    <a:pt x="140" y="513"/>
                    <a:pt x="145" y="513"/>
                  </a:cubicBezTo>
                  <a:cubicBezTo>
                    <a:pt x="150" y="514"/>
                    <a:pt x="145" y="514"/>
                    <a:pt x="151" y="517"/>
                  </a:cubicBezTo>
                  <a:cubicBezTo>
                    <a:pt x="157" y="519"/>
                    <a:pt x="151" y="516"/>
                    <a:pt x="162" y="527"/>
                  </a:cubicBezTo>
                  <a:cubicBezTo>
                    <a:pt x="163" y="525"/>
                    <a:pt x="166" y="525"/>
                    <a:pt x="168" y="525"/>
                  </a:cubicBezTo>
                  <a:cubicBezTo>
                    <a:pt x="169" y="525"/>
                    <a:pt x="169" y="528"/>
                    <a:pt x="172" y="528"/>
                  </a:cubicBezTo>
                  <a:cubicBezTo>
                    <a:pt x="176" y="528"/>
                    <a:pt x="174" y="531"/>
                    <a:pt x="179" y="528"/>
                  </a:cubicBezTo>
                  <a:cubicBezTo>
                    <a:pt x="182" y="527"/>
                    <a:pt x="183" y="530"/>
                    <a:pt x="185" y="530"/>
                  </a:cubicBezTo>
                  <a:cubicBezTo>
                    <a:pt x="186" y="530"/>
                    <a:pt x="186" y="531"/>
                    <a:pt x="191" y="533"/>
                  </a:cubicBezTo>
                  <a:cubicBezTo>
                    <a:pt x="195" y="534"/>
                    <a:pt x="191" y="534"/>
                    <a:pt x="192" y="536"/>
                  </a:cubicBezTo>
                  <a:cubicBezTo>
                    <a:pt x="195" y="537"/>
                    <a:pt x="197" y="533"/>
                    <a:pt x="198" y="534"/>
                  </a:cubicBezTo>
                  <a:cubicBezTo>
                    <a:pt x="201" y="536"/>
                    <a:pt x="201" y="533"/>
                    <a:pt x="203" y="534"/>
                  </a:cubicBezTo>
                  <a:cubicBezTo>
                    <a:pt x="204" y="534"/>
                    <a:pt x="204" y="536"/>
                    <a:pt x="207" y="536"/>
                  </a:cubicBezTo>
                  <a:cubicBezTo>
                    <a:pt x="211" y="536"/>
                    <a:pt x="206" y="539"/>
                    <a:pt x="207" y="541"/>
                  </a:cubicBezTo>
                  <a:cubicBezTo>
                    <a:pt x="209" y="542"/>
                    <a:pt x="209" y="542"/>
                    <a:pt x="214" y="544"/>
                  </a:cubicBezTo>
                  <a:cubicBezTo>
                    <a:pt x="215" y="547"/>
                    <a:pt x="217" y="542"/>
                    <a:pt x="217" y="545"/>
                  </a:cubicBezTo>
                  <a:cubicBezTo>
                    <a:pt x="218" y="548"/>
                    <a:pt x="220" y="545"/>
                    <a:pt x="220" y="548"/>
                  </a:cubicBezTo>
                  <a:cubicBezTo>
                    <a:pt x="221" y="553"/>
                    <a:pt x="226" y="551"/>
                    <a:pt x="226" y="550"/>
                  </a:cubicBezTo>
                  <a:cubicBezTo>
                    <a:pt x="227" y="548"/>
                    <a:pt x="229" y="547"/>
                    <a:pt x="230" y="545"/>
                  </a:cubicBezTo>
                  <a:cubicBezTo>
                    <a:pt x="226" y="534"/>
                    <a:pt x="221" y="536"/>
                    <a:pt x="223" y="527"/>
                  </a:cubicBezTo>
                  <a:cubicBezTo>
                    <a:pt x="224" y="516"/>
                    <a:pt x="221" y="527"/>
                    <a:pt x="221" y="520"/>
                  </a:cubicBezTo>
                  <a:cubicBezTo>
                    <a:pt x="221" y="514"/>
                    <a:pt x="212" y="516"/>
                    <a:pt x="217" y="513"/>
                  </a:cubicBezTo>
                  <a:cubicBezTo>
                    <a:pt x="220" y="509"/>
                    <a:pt x="221" y="505"/>
                    <a:pt x="226" y="500"/>
                  </a:cubicBezTo>
                  <a:cubicBezTo>
                    <a:pt x="230" y="496"/>
                    <a:pt x="232" y="500"/>
                    <a:pt x="232" y="497"/>
                  </a:cubicBezTo>
                  <a:cubicBezTo>
                    <a:pt x="232" y="496"/>
                    <a:pt x="232" y="497"/>
                    <a:pt x="233" y="492"/>
                  </a:cubicBezTo>
                  <a:cubicBezTo>
                    <a:pt x="226" y="488"/>
                    <a:pt x="238" y="491"/>
                    <a:pt x="230" y="483"/>
                  </a:cubicBezTo>
                  <a:cubicBezTo>
                    <a:pt x="224" y="475"/>
                    <a:pt x="224" y="475"/>
                    <a:pt x="221" y="477"/>
                  </a:cubicBezTo>
                  <a:cubicBezTo>
                    <a:pt x="218" y="477"/>
                    <a:pt x="221" y="472"/>
                    <a:pt x="217" y="469"/>
                  </a:cubicBezTo>
                  <a:cubicBezTo>
                    <a:pt x="211" y="468"/>
                    <a:pt x="220" y="461"/>
                    <a:pt x="217" y="457"/>
                  </a:cubicBezTo>
                  <a:cubicBezTo>
                    <a:pt x="214" y="453"/>
                    <a:pt x="221" y="443"/>
                    <a:pt x="224" y="446"/>
                  </a:cubicBezTo>
                  <a:cubicBezTo>
                    <a:pt x="230" y="455"/>
                    <a:pt x="232" y="452"/>
                    <a:pt x="232" y="446"/>
                  </a:cubicBezTo>
                  <a:cubicBezTo>
                    <a:pt x="232" y="440"/>
                    <a:pt x="242" y="436"/>
                    <a:pt x="247" y="432"/>
                  </a:cubicBezTo>
                  <a:cubicBezTo>
                    <a:pt x="250" y="425"/>
                    <a:pt x="252" y="435"/>
                    <a:pt x="256" y="430"/>
                  </a:cubicBezTo>
                  <a:cubicBezTo>
                    <a:pt x="262" y="427"/>
                    <a:pt x="261" y="432"/>
                    <a:pt x="268" y="433"/>
                  </a:cubicBezTo>
                  <a:cubicBezTo>
                    <a:pt x="276" y="433"/>
                    <a:pt x="284" y="447"/>
                    <a:pt x="290" y="443"/>
                  </a:cubicBezTo>
                  <a:cubicBezTo>
                    <a:pt x="293" y="438"/>
                    <a:pt x="294" y="435"/>
                    <a:pt x="299" y="438"/>
                  </a:cubicBezTo>
                  <a:cubicBezTo>
                    <a:pt x="303" y="441"/>
                    <a:pt x="303" y="433"/>
                    <a:pt x="313" y="441"/>
                  </a:cubicBezTo>
                  <a:cubicBezTo>
                    <a:pt x="322" y="447"/>
                    <a:pt x="317" y="436"/>
                    <a:pt x="323" y="441"/>
                  </a:cubicBezTo>
                  <a:cubicBezTo>
                    <a:pt x="331" y="446"/>
                    <a:pt x="338" y="435"/>
                    <a:pt x="329" y="432"/>
                  </a:cubicBezTo>
                  <a:cubicBezTo>
                    <a:pt x="313" y="424"/>
                    <a:pt x="334" y="425"/>
                    <a:pt x="328" y="419"/>
                  </a:cubicBezTo>
                  <a:cubicBezTo>
                    <a:pt x="322" y="415"/>
                    <a:pt x="343" y="415"/>
                    <a:pt x="335" y="412"/>
                  </a:cubicBezTo>
                  <a:cubicBezTo>
                    <a:pt x="328" y="408"/>
                    <a:pt x="325" y="401"/>
                    <a:pt x="334" y="401"/>
                  </a:cubicBezTo>
                  <a:cubicBezTo>
                    <a:pt x="343" y="401"/>
                    <a:pt x="373" y="394"/>
                    <a:pt x="381" y="390"/>
                  </a:cubicBezTo>
                  <a:cubicBezTo>
                    <a:pt x="390" y="387"/>
                    <a:pt x="392" y="380"/>
                    <a:pt x="398" y="385"/>
                  </a:cubicBezTo>
                  <a:cubicBezTo>
                    <a:pt x="402" y="388"/>
                    <a:pt x="406" y="380"/>
                    <a:pt x="409" y="391"/>
                  </a:cubicBezTo>
                  <a:cubicBezTo>
                    <a:pt x="411" y="404"/>
                    <a:pt x="416" y="396"/>
                    <a:pt x="422" y="399"/>
                  </a:cubicBezTo>
                  <a:cubicBezTo>
                    <a:pt x="428" y="402"/>
                    <a:pt x="433" y="399"/>
                    <a:pt x="428" y="404"/>
                  </a:cubicBezTo>
                  <a:cubicBezTo>
                    <a:pt x="424" y="408"/>
                    <a:pt x="433" y="408"/>
                    <a:pt x="445" y="401"/>
                  </a:cubicBezTo>
                  <a:cubicBezTo>
                    <a:pt x="457" y="391"/>
                    <a:pt x="456" y="398"/>
                    <a:pt x="453" y="401"/>
                  </a:cubicBezTo>
                  <a:cubicBezTo>
                    <a:pt x="450" y="404"/>
                    <a:pt x="462" y="405"/>
                    <a:pt x="472" y="425"/>
                  </a:cubicBezTo>
                  <a:cubicBezTo>
                    <a:pt x="486" y="455"/>
                    <a:pt x="480" y="429"/>
                    <a:pt x="489" y="436"/>
                  </a:cubicBezTo>
                  <a:cubicBezTo>
                    <a:pt x="500" y="446"/>
                    <a:pt x="504" y="433"/>
                    <a:pt x="514" y="443"/>
                  </a:cubicBezTo>
                  <a:cubicBezTo>
                    <a:pt x="521" y="453"/>
                    <a:pt x="524" y="460"/>
                    <a:pt x="530" y="453"/>
                  </a:cubicBezTo>
                  <a:cubicBezTo>
                    <a:pt x="538" y="449"/>
                    <a:pt x="530" y="455"/>
                    <a:pt x="538" y="461"/>
                  </a:cubicBezTo>
                  <a:cubicBezTo>
                    <a:pt x="538" y="461"/>
                    <a:pt x="538" y="461"/>
                    <a:pt x="543" y="460"/>
                  </a:cubicBezTo>
                  <a:cubicBezTo>
                    <a:pt x="547" y="453"/>
                    <a:pt x="546" y="458"/>
                    <a:pt x="553" y="455"/>
                  </a:cubicBezTo>
                  <a:cubicBezTo>
                    <a:pt x="559" y="453"/>
                    <a:pt x="553" y="452"/>
                    <a:pt x="562" y="447"/>
                  </a:cubicBezTo>
                  <a:cubicBezTo>
                    <a:pt x="571" y="443"/>
                    <a:pt x="578" y="440"/>
                    <a:pt x="582" y="443"/>
                  </a:cubicBezTo>
                  <a:cubicBezTo>
                    <a:pt x="587" y="446"/>
                    <a:pt x="593" y="440"/>
                    <a:pt x="594" y="446"/>
                  </a:cubicBezTo>
                  <a:cubicBezTo>
                    <a:pt x="596" y="450"/>
                    <a:pt x="622" y="455"/>
                    <a:pt x="625" y="447"/>
                  </a:cubicBezTo>
                  <a:cubicBezTo>
                    <a:pt x="626" y="441"/>
                    <a:pt x="617" y="441"/>
                    <a:pt x="623" y="433"/>
                  </a:cubicBezTo>
                  <a:cubicBezTo>
                    <a:pt x="629" y="424"/>
                    <a:pt x="626" y="424"/>
                    <a:pt x="640" y="429"/>
                  </a:cubicBezTo>
                  <a:cubicBezTo>
                    <a:pt x="652" y="435"/>
                    <a:pt x="657" y="429"/>
                    <a:pt x="657" y="436"/>
                  </a:cubicBezTo>
                  <a:cubicBezTo>
                    <a:pt x="657" y="444"/>
                    <a:pt x="664" y="450"/>
                    <a:pt x="672" y="447"/>
                  </a:cubicBezTo>
                  <a:cubicBezTo>
                    <a:pt x="681" y="444"/>
                    <a:pt x="683" y="444"/>
                    <a:pt x="693" y="449"/>
                  </a:cubicBezTo>
                  <a:cubicBezTo>
                    <a:pt x="704" y="452"/>
                    <a:pt x="698" y="455"/>
                    <a:pt x="712" y="458"/>
                  </a:cubicBezTo>
                  <a:cubicBezTo>
                    <a:pt x="731" y="463"/>
                    <a:pt x="724" y="455"/>
                    <a:pt x="736" y="457"/>
                  </a:cubicBezTo>
                  <a:cubicBezTo>
                    <a:pt x="748" y="457"/>
                    <a:pt x="745" y="441"/>
                    <a:pt x="756" y="447"/>
                  </a:cubicBezTo>
                  <a:cubicBezTo>
                    <a:pt x="765" y="453"/>
                    <a:pt x="765" y="447"/>
                    <a:pt x="771" y="452"/>
                  </a:cubicBezTo>
                  <a:cubicBezTo>
                    <a:pt x="779" y="457"/>
                    <a:pt x="782" y="457"/>
                    <a:pt x="788" y="450"/>
                  </a:cubicBezTo>
                  <a:cubicBezTo>
                    <a:pt x="794" y="444"/>
                    <a:pt x="792" y="440"/>
                    <a:pt x="800" y="430"/>
                  </a:cubicBezTo>
                  <a:cubicBezTo>
                    <a:pt x="806" y="422"/>
                    <a:pt x="803" y="419"/>
                    <a:pt x="798" y="419"/>
                  </a:cubicBezTo>
                  <a:cubicBezTo>
                    <a:pt x="794" y="419"/>
                    <a:pt x="800" y="410"/>
                    <a:pt x="815" y="408"/>
                  </a:cubicBezTo>
                  <a:cubicBezTo>
                    <a:pt x="829" y="407"/>
                    <a:pt x="833" y="412"/>
                    <a:pt x="838" y="412"/>
                  </a:cubicBezTo>
                  <a:cubicBezTo>
                    <a:pt x="842" y="412"/>
                    <a:pt x="852" y="424"/>
                    <a:pt x="855" y="440"/>
                  </a:cubicBezTo>
                  <a:cubicBezTo>
                    <a:pt x="856" y="457"/>
                    <a:pt x="859" y="455"/>
                    <a:pt x="868" y="457"/>
                  </a:cubicBezTo>
                  <a:cubicBezTo>
                    <a:pt x="877" y="458"/>
                    <a:pt x="874" y="463"/>
                    <a:pt x="879" y="463"/>
                  </a:cubicBezTo>
                  <a:cubicBezTo>
                    <a:pt x="884" y="464"/>
                    <a:pt x="879" y="468"/>
                    <a:pt x="882" y="469"/>
                  </a:cubicBezTo>
                  <a:cubicBezTo>
                    <a:pt x="885" y="471"/>
                    <a:pt x="879" y="472"/>
                    <a:pt x="884" y="475"/>
                  </a:cubicBezTo>
                  <a:cubicBezTo>
                    <a:pt x="888" y="480"/>
                    <a:pt x="894" y="478"/>
                    <a:pt x="899" y="474"/>
                  </a:cubicBezTo>
                  <a:cubicBezTo>
                    <a:pt x="903" y="471"/>
                    <a:pt x="903" y="475"/>
                    <a:pt x="908" y="471"/>
                  </a:cubicBezTo>
                  <a:cubicBezTo>
                    <a:pt x="912" y="466"/>
                    <a:pt x="917" y="474"/>
                    <a:pt x="912" y="480"/>
                  </a:cubicBezTo>
                  <a:cubicBezTo>
                    <a:pt x="908" y="488"/>
                    <a:pt x="905" y="511"/>
                    <a:pt x="899" y="508"/>
                  </a:cubicBezTo>
                  <a:cubicBezTo>
                    <a:pt x="893" y="505"/>
                    <a:pt x="891" y="503"/>
                    <a:pt x="890" y="506"/>
                  </a:cubicBezTo>
                  <a:cubicBezTo>
                    <a:pt x="888" y="511"/>
                    <a:pt x="882" y="506"/>
                    <a:pt x="885" y="513"/>
                  </a:cubicBezTo>
                  <a:cubicBezTo>
                    <a:pt x="887" y="519"/>
                    <a:pt x="888" y="525"/>
                    <a:pt x="885" y="530"/>
                  </a:cubicBezTo>
                  <a:cubicBezTo>
                    <a:pt x="884" y="536"/>
                    <a:pt x="882" y="530"/>
                    <a:pt x="881" y="536"/>
                  </a:cubicBezTo>
                  <a:cubicBezTo>
                    <a:pt x="881" y="536"/>
                    <a:pt x="881" y="536"/>
                    <a:pt x="882" y="539"/>
                  </a:cubicBezTo>
                  <a:cubicBezTo>
                    <a:pt x="885" y="536"/>
                    <a:pt x="882" y="534"/>
                    <a:pt x="884" y="536"/>
                  </a:cubicBezTo>
                  <a:cubicBezTo>
                    <a:pt x="887" y="536"/>
                    <a:pt x="887" y="536"/>
                    <a:pt x="888" y="533"/>
                  </a:cubicBezTo>
                  <a:cubicBezTo>
                    <a:pt x="890" y="530"/>
                    <a:pt x="888" y="528"/>
                    <a:pt x="891" y="528"/>
                  </a:cubicBezTo>
                  <a:cubicBezTo>
                    <a:pt x="893" y="528"/>
                    <a:pt x="890" y="533"/>
                    <a:pt x="893" y="530"/>
                  </a:cubicBezTo>
                  <a:cubicBezTo>
                    <a:pt x="896" y="528"/>
                    <a:pt x="893" y="533"/>
                    <a:pt x="896" y="533"/>
                  </a:cubicBezTo>
                  <a:cubicBezTo>
                    <a:pt x="897" y="533"/>
                    <a:pt x="899" y="534"/>
                    <a:pt x="900" y="534"/>
                  </a:cubicBezTo>
                  <a:cubicBezTo>
                    <a:pt x="902" y="536"/>
                    <a:pt x="902" y="534"/>
                    <a:pt x="906" y="533"/>
                  </a:cubicBezTo>
                  <a:cubicBezTo>
                    <a:pt x="909" y="533"/>
                    <a:pt x="908" y="531"/>
                    <a:pt x="914" y="528"/>
                  </a:cubicBezTo>
                  <a:cubicBezTo>
                    <a:pt x="919" y="525"/>
                    <a:pt x="922" y="516"/>
                    <a:pt x="934" y="505"/>
                  </a:cubicBezTo>
                  <a:cubicBezTo>
                    <a:pt x="944" y="492"/>
                    <a:pt x="941" y="486"/>
                    <a:pt x="946" y="483"/>
                  </a:cubicBezTo>
                  <a:cubicBezTo>
                    <a:pt x="952" y="478"/>
                    <a:pt x="947" y="478"/>
                    <a:pt x="954" y="472"/>
                  </a:cubicBezTo>
                  <a:cubicBezTo>
                    <a:pt x="961" y="466"/>
                    <a:pt x="961" y="449"/>
                    <a:pt x="960" y="444"/>
                  </a:cubicBezTo>
                  <a:cubicBezTo>
                    <a:pt x="958" y="440"/>
                    <a:pt x="961" y="440"/>
                    <a:pt x="963" y="435"/>
                  </a:cubicBezTo>
                  <a:cubicBezTo>
                    <a:pt x="964" y="429"/>
                    <a:pt x="970" y="427"/>
                    <a:pt x="966" y="422"/>
                  </a:cubicBezTo>
                  <a:cubicBezTo>
                    <a:pt x="963" y="419"/>
                    <a:pt x="967" y="419"/>
                    <a:pt x="964" y="416"/>
                  </a:cubicBezTo>
                  <a:cubicBezTo>
                    <a:pt x="963" y="412"/>
                    <a:pt x="970" y="413"/>
                    <a:pt x="966" y="408"/>
                  </a:cubicBezTo>
                  <a:cubicBezTo>
                    <a:pt x="960" y="405"/>
                    <a:pt x="958" y="402"/>
                    <a:pt x="957" y="401"/>
                  </a:cubicBezTo>
                  <a:cubicBezTo>
                    <a:pt x="954" y="398"/>
                    <a:pt x="951" y="401"/>
                    <a:pt x="947" y="399"/>
                  </a:cubicBezTo>
                  <a:cubicBezTo>
                    <a:pt x="944" y="398"/>
                    <a:pt x="947" y="405"/>
                    <a:pt x="940" y="407"/>
                  </a:cubicBezTo>
                  <a:cubicBezTo>
                    <a:pt x="929" y="410"/>
                    <a:pt x="943" y="396"/>
                    <a:pt x="935" y="399"/>
                  </a:cubicBezTo>
                  <a:cubicBezTo>
                    <a:pt x="929" y="401"/>
                    <a:pt x="937" y="404"/>
                    <a:pt x="931" y="404"/>
                  </a:cubicBezTo>
                  <a:cubicBezTo>
                    <a:pt x="925" y="404"/>
                    <a:pt x="937" y="394"/>
                    <a:pt x="926" y="394"/>
                  </a:cubicBezTo>
                  <a:cubicBezTo>
                    <a:pt x="917" y="394"/>
                    <a:pt x="912" y="393"/>
                    <a:pt x="925" y="385"/>
                  </a:cubicBezTo>
                  <a:cubicBezTo>
                    <a:pt x="938" y="376"/>
                    <a:pt x="940" y="376"/>
                    <a:pt x="943" y="368"/>
                  </a:cubicBezTo>
                  <a:cubicBezTo>
                    <a:pt x="946" y="360"/>
                    <a:pt x="957" y="360"/>
                    <a:pt x="960" y="351"/>
                  </a:cubicBezTo>
                  <a:cubicBezTo>
                    <a:pt x="964" y="342"/>
                    <a:pt x="979" y="332"/>
                    <a:pt x="987" y="334"/>
                  </a:cubicBezTo>
                  <a:cubicBezTo>
                    <a:pt x="995" y="337"/>
                    <a:pt x="998" y="332"/>
                    <a:pt x="1002" y="335"/>
                  </a:cubicBezTo>
                  <a:cubicBezTo>
                    <a:pt x="1007" y="338"/>
                    <a:pt x="1002" y="332"/>
                    <a:pt x="1013" y="334"/>
                  </a:cubicBezTo>
                  <a:cubicBezTo>
                    <a:pt x="1025" y="335"/>
                    <a:pt x="1025" y="338"/>
                    <a:pt x="1028" y="331"/>
                  </a:cubicBezTo>
                  <a:cubicBezTo>
                    <a:pt x="1028" y="329"/>
                    <a:pt x="1056" y="329"/>
                    <a:pt x="1047" y="337"/>
                  </a:cubicBezTo>
                  <a:cubicBezTo>
                    <a:pt x="1039" y="343"/>
                    <a:pt x="1059" y="338"/>
                    <a:pt x="1060" y="337"/>
                  </a:cubicBezTo>
                  <a:cubicBezTo>
                    <a:pt x="1063" y="332"/>
                    <a:pt x="1066" y="343"/>
                    <a:pt x="1074" y="337"/>
                  </a:cubicBezTo>
                  <a:cubicBezTo>
                    <a:pt x="1082" y="332"/>
                    <a:pt x="1059" y="332"/>
                    <a:pt x="1075" y="320"/>
                  </a:cubicBezTo>
                  <a:cubicBezTo>
                    <a:pt x="1092" y="309"/>
                    <a:pt x="1085" y="304"/>
                    <a:pt x="1104" y="303"/>
                  </a:cubicBezTo>
                  <a:cubicBezTo>
                    <a:pt x="1121" y="300"/>
                    <a:pt x="1107" y="323"/>
                    <a:pt x="1120" y="317"/>
                  </a:cubicBezTo>
                  <a:cubicBezTo>
                    <a:pt x="1132" y="310"/>
                    <a:pt x="1129" y="303"/>
                    <a:pt x="1136" y="306"/>
                  </a:cubicBezTo>
                  <a:cubicBezTo>
                    <a:pt x="1144" y="307"/>
                    <a:pt x="1132" y="290"/>
                    <a:pt x="1146" y="290"/>
                  </a:cubicBezTo>
                  <a:cubicBezTo>
                    <a:pt x="1159" y="292"/>
                    <a:pt x="1147" y="290"/>
                    <a:pt x="1146" y="304"/>
                  </a:cubicBezTo>
                  <a:cubicBezTo>
                    <a:pt x="1142" y="318"/>
                    <a:pt x="1133" y="314"/>
                    <a:pt x="1121" y="329"/>
                  </a:cubicBezTo>
                  <a:cubicBezTo>
                    <a:pt x="1109" y="345"/>
                    <a:pt x="1103" y="351"/>
                    <a:pt x="1095" y="352"/>
                  </a:cubicBezTo>
                  <a:cubicBezTo>
                    <a:pt x="1086" y="356"/>
                    <a:pt x="1094" y="359"/>
                    <a:pt x="1086" y="365"/>
                  </a:cubicBezTo>
                  <a:cubicBezTo>
                    <a:pt x="1077" y="371"/>
                    <a:pt x="1080" y="398"/>
                    <a:pt x="1085" y="421"/>
                  </a:cubicBezTo>
                  <a:cubicBezTo>
                    <a:pt x="1086" y="430"/>
                    <a:pt x="1085" y="449"/>
                    <a:pt x="1098" y="429"/>
                  </a:cubicBezTo>
                  <a:cubicBezTo>
                    <a:pt x="1107" y="416"/>
                    <a:pt x="1098" y="412"/>
                    <a:pt x="1111" y="412"/>
                  </a:cubicBezTo>
                  <a:cubicBezTo>
                    <a:pt x="1120" y="412"/>
                    <a:pt x="1109" y="396"/>
                    <a:pt x="1121" y="396"/>
                  </a:cubicBezTo>
                  <a:cubicBezTo>
                    <a:pt x="1139" y="394"/>
                    <a:pt x="1124" y="387"/>
                    <a:pt x="1129" y="379"/>
                  </a:cubicBezTo>
                  <a:cubicBezTo>
                    <a:pt x="1133" y="370"/>
                    <a:pt x="1139" y="382"/>
                    <a:pt x="1141" y="374"/>
                  </a:cubicBezTo>
                  <a:cubicBezTo>
                    <a:pt x="1142" y="365"/>
                    <a:pt x="1130" y="368"/>
                    <a:pt x="1136" y="360"/>
                  </a:cubicBezTo>
                  <a:cubicBezTo>
                    <a:pt x="1147" y="348"/>
                    <a:pt x="1121" y="354"/>
                    <a:pt x="1133" y="345"/>
                  </a:cubicBezTo>
                  <a:cubicBezTo>
                    <a:pt x="1146" y="334"/>
                    <a:pt x="1138" y="329"/>
                    <a:pt x="1146" y="326"/>
                  </a:cubicBezTo>
                  <a:cubicBezTo>
                    <a:pt x="1155" y="323"/>
                    <a:pt x="1147" y="331"/>
                    <a:pt x="1158" y="323"/>
                  </a:cubicBezTo>
                  <a:cubicBezTo>
                    <a:pt x="1171" y="312"/>
                    <a:pt x="1155" y="337"/>
                    <a:pt x="1167" y="326"/>
                  </a:cubicBezTo>
                  <a:cubicBezTo>
                    <a:pt x="1181" y="314"/>
                    <a:pt x="1188" y="318"/>
                    <a:pt x="1194" y="326"/>
                  </a:cubicBezTo>
                  <a:cubicBezTo>
                    <a:pt x="1200" y="332"/>
                    <a:pt x="1190" y="325"/>
                    <a:pt x="1213" y="312"/>
                  </a:cubicBezTo>
                  <a:cubicBezTo>
                    <a:pt x="1222" y="307"/>
                    <a:pt x="1229" y="298"/>
                    <a:pt x="1241" y="295"/>
                  </a:cubicBezTo>
                  <a:cubicBezTo>
                    <a:pt x="1263" y="287"/>
                    <a:pt x="1263" y="298"/>
                    <a:pt x="1267" y="293"/>
                  </a:cubicBezTo>
                  <a:cubicBezTo>
                    <a:pt x="1273" y="287"/>
                    <a:pt x="1266" y="286"/>
                    <a:pt x="1263" y="275"/>
                  </a:cubicBezTo>
                  <a:cubicBezTo>
                    <a:pt x="1258" y="262"/>
                    <a:pt x="1255" y="275"/>
                    <a:pt x="1252" y="265"/>
                  </a:cubicBezTo>
                  <a:cubicBezTo>
                    <a:pt x="1251" y="259"/>
                    <a:pt x="1264" y="269"/>
                    <a:pt x="1270" y="259"/>
                  </a:cubicBezTo>
                  <a:cubicBezTo>
                    <a:pt x="1272" y="258"/>
                    <a:pt x="1273" y="258"/>
                    <a:pt x="1273" y="256"/>
                  </a:cubicBezTo>
                  <a:cubicBezTo>
                    <a:pt x="1273" y="256"/>
                    <a:pt x="1273" y="256"/>
                    <a:pt x="1273" y="256"/>
                  </a:cubicBezTo>
                  <a:close/>
                  <a:moveTo>
                    <a:pt x="969" y="421"/>
                  </a:moveTo>
                  <a:cubicBezTo>
                    <a:pt x="967" y="424"/>
                    <a:pt x="970" y="422"/>
                    <a:pt x="969" y="425"/>
                  </a:cubicBezTo>
                  <a:cubicBezTo>
                    <a:pt x="967" y="429"/>
                    <a:pt x="970" y="429"/>
                    <a:pt x="970" y="430"/>
                  </a:cubicBezTo>
                  <a:cubicBezTo>
                    <a:pt x="969" y="430"/>
                    <a:pt x="972" y="430"/>
                    <a:pt x="973" y="435"/>
                  </a:cubicBezTo>
                  <a:cubicBezTo>
                    <a:pt x="975" y="438"/>
                    <a:pt x="970" y="441"/>
                    <a:pt x="972" y="444"/>
                  </a:cubicBezTo>
                  <a:cubicBezTo>
                    <a:pt x="973" y="449"/>
                    <a:pt x="972" y="461"/>
                    <a:pt x="970" y="464"/>
                  </a:cubicBezTo>
                  <a:cubicBezTo>
                    <a:pt x="969" y="468"/>
                    <a:pt x="975" y="468"/>
                    <a:pt x="972" y="477"/>
                  </a:cubicBezTo>
                  <a:cubicBezTo>
                    <a:pt x="969" y="481"/>
                    <a:pt x="973" y="485"/>
                    <a:pt x="972" y="488"/>
                  </a:cubicBezTo>
                  <a:cubicBezTo>
                    <a:pt x="969" y="491"/>
                    <a:pt x="970" y="492"/>
                    <a:pt x="970" y="496"/>
                  </a:cubicBezTo>
                  <a:cubicBezTo>
                    <a:pt x="972" y="500"/>
                    <a:pt x="973" y="499"/>
                    <a:pt x="973" y="494"/>
                  </a:cubicBezTo>
                  <a:cubicBezTo>
                    <a:pt x="975" y="489"/>
                    <a:pt x="977" y="488"/>
                    <a:pt x="978" y="489"/>
                  </a:cubicBezTo>
                  <a:cubicBezTo>
                    <a:pt x="978" y="491"/>
                    <a:pt x="979" y="489"/>
                    <a:pt x="981" y="491"/>
                  </a:cubicBezTo>
                  <a:cubicBezTo>
                    <a:pt x="983" y="491"/>
                    <a:pt x="983" y="497"/>
                    <a:pt x="983" y="496"/>
                  </a:cubicBezTo>
                  <a:cubicBezTo>
                    <a:pt x="986" y="491"/>
                    <a:pt x="984" y="492"/>
                    <a:pt x="984" y="489"/>
                  </a:cubicBezTo>
                  <a:cubicBezTo>
                    <a:pt x="984" y="486"/>
                    <a:pt x="984" y="488"/>
                    <a:pt x="981" y="488"/>
                  </a:cubicBezTo>
                  <a:cubicBezTo>
                    <a:pt x="979" y="486"/>
                    <a:pt x="979" y="483"/>
                    <a:pt x="978" y="480"/>
                  </a:cubicBezTo>
                  <a:cubicBezTo>
                    <a:pt x="973" y="477"/>
                    <a:pt x="977" y="468"/>
                    <a:pt x="978" y="464"/>
                  </a:cubicBezTo>
                  <a:cubicBezTo>
                    <a:pt x="981" y="463"/>
                    <a:pt x="978" y="460"/>
                    <a:pt x="981" y="458"/>
                  </a:cubicBezTo>
                  <a:cubicBezTo>
                    <a:pt x="984" y="458"/>
                    <a:pt x="987" y="458"/>
                    <a:pt x="990" y="461"/>
                  </a:cubicBezTo>
                  <a:cubicBezTo>
                    <a:pt x="992" y="464"/>
                    <a:pt x="993" y="468"/>
                    <a:pt x="993" y="464"/>
                  </a:cubicBezTo>
                  <a:cubicBezTo>
                    <a:pt x="993" y="463"/>
                    <a:pt x="990" y="460"/>
                    <a:pt x="989" y="457"/>
                  </a:cubicBezTo>
                  <a:cubicBezTo>
                    <a:pt x="989" y="452"/>
                    <a:pt x="986" y="446"/>
                    <a:pt x="984" y="441"/>
                  </a:cubicBezTo>
                  <a:cubicBezTo>
                    <a:pt x="984" y="436"/>
                    <a:pt x="983" y="435"/>
                    <a:pt x="983" y="432"/>
                  </a:cubicBezTo>
                  <a:cubicBezTo>
                    <a:pt x="983" y="429"/>
                    <a:pt x="981" y="433"/>
                    <a:pt x="981" y="430"/>
                  </a:cubicBezTo>
                  <a:cubicBezTo>
                    <a:pt x="983" y="425"/>
                    <a:pt x="981" y="430"/>
                    <a:pt x="981" y="427"/>
                  </a:cubicBezTo>
                  <a:cubicBezTo>
                    <a:pt x="979" y="422"/>
                    <a:pt x="984" y="422"/>
                    <a:pt x="983" y="413"/>
                  </a:cubicBezTo>
                  <a:cubicBezTo>
                    <a:pt x="981" y="407"/>
                    <a:pt x="979" y="410"/>
                    <a:pt x="981" y="408"/>
                  </a:cubicBezTo>
                  <a:cubicBezTo>
                    <a:pt x="981" y="407"/>
                    <a:pt x="979" y="408"/>
                    <a:pt x="979" y="407"/>
                  </a:cubicBezTo>
                  <a:cubicBezTo>
                    <a:pt x="979" y="404"/>
                    <a:pt x="978" y="404"/>
                    <a:pt x="979" y="402"/>
                  </a:cubicBezTo>
                  <a:cubicBezTo>
                    <a:pt x="981" y="401"/>
                    <a:pt x="979" y="399"/>
                    <a:pt x="978" y="398"/>
                  </a:cubicBezTo>
                  <a:cubicBezTo>
                    <a:pt x="977" y="394"/>
                    <a:pt x="978" y="398"/>
                    <a:pt x="975" y="398"/>
                  </a:cubicBezTo>
                  <a:cubicBezTo>
                    <a:pt x="972" y="399"/>
                    <a:pt x="978" y="401"/>
                    <a:pt x="977" y="404"/>
                  </a:cubicBezTo>
                  <a:cubicBezTo>
                    <a:pt x="977" y="407"/>
                    <a:pt x="975" y="405"/>
                    <a:pt x="975" y="407"/>
                  </a:cubicBezTo>
                  <a:cubicBezTo>
                    <a:pt x="975" y="408"/>
                    <a:pt x="978" y="407"/>
                    <a:pt x="975" y="408"/>
                  </a:cubicBezTo>
                  <a:cubicBezTo>
                    <a:pt x="973" y="412"/>
                    <a:pt x="975" y="407"/>
                    <a:pt x="972" y="408"/>
                  </a:cubicBezTo>
                  <a:cubicBezTo>
                    <a:pt x="970" y="408"/>
                    <a:pt x="969" y="408"/>
                    <a:pt x="970" y="412"/>
                  </a:cubicBezTo>
                  <a:cubicBezTo>
                    <a:pt x="970" y="413"/>
                    <a:pt x="970" y="416"/>
                    <a:pt x="969" y="421"/>
                  </a:cubicBezTo>
                  <a:close/>
                  <a:moveTo>
                    <a:pt x="1007" y="517"/>
                  </a:moveTo>
                  <a:cubicBezTo>
                    <a:pt x="1010" y="516"/>
                    <a:pt x="1004" y="514"/>
                    <a:pt x="1004" y="516"/>
                  </a:cubicBezTo>
                  <a:cubicBezTo>
                    <a:pt x="1002" y="519"/>
                    <a:pt x="998" y="520"/>
                    <a:pt x="999" y="523"/>
                  </a:cubicBezTo>
                  <a:cubicBezTo>
                    <a:pt x="1001" y="525"/>
                    <a:pt x="1001" y="519"/>
                    <a:pt x="1007" y="517"/>
                  </a:cubicBezTo>
                  <a:close/>
                  <a:moveTo>
                    <a:pt x="1015" y="511"/>
                  </a:moveTo>
                  <a:cubicBezTo>
                    <a:pt x="1018" y="508"/>
                    <a:pt x="1018" y="509"/>
                    <a:pt x="1021" y="506"/>
                  </a:cubicBezTo>
                  <a:cubicBezTo>
                    <a:pt x="1024" y="505"/>
                    <a:pt x="1028" y="506"/>
                    <a:pt x="1025" y="503"/>
                  </a:cubicBezTo>
                  <a:cubicBezTo>
                    <a:pt x="1024" y="502"/>
                    <a:pt x="1022" y="506"/>
                    <a:pt x="1019" y="505"/>
                  </a:cubicBezTo>
                  <a:cubicBezTo>
                    <a:pt x="1018" y="503"/>
                    <a:pt x="1021" y="506"/>
                    <a:pt x="1018" y="506"/>
                  </a:cubicBezTo>
                  <a:cubicBezTo>
                    <a:pt x="1015" y="508"/>
                    <a:pt x="1012" y="509"/>
                    <a:pt x="1010" y="514"/>
                  </a:cubicBezTo>
                  <a:cubicBezTo>
                    <a:pt x="1010" y="516"/>
                    <a:pt x="1013" y="516"/>
                    <a:pt x="1015" y="511"/>
                  </a:cubicBezTo>
                  <a:close/>
                  <a:moveTo>
                    <a:pt x="1031" y="500"/>
                  </a:moveTo>
                  <a:cubicBezTo>
                    <a:pt x="1033" y="497"/>
                    <a:pt x="1037" y="494"/>
                    <a:pt x="1039" y="494"/>
                  </a:cubicBezTo>
                  <a:cubicBezTo>
                    <a:pt x="1040" y="496"/>
                    <a:pt x="1030" y="505"/>
                    <a:pt x="1031" y="500"/>
                  </a:cubicBezTo>
                  <a:close/>
                  <a:moveTo>
                    <a:pt x="1071" y="461"/>
                  </a:moveTo>
                  <a:cubicBezTo>
                    <a:pt x="1071" y="460"/>
                    <a:pt x="1072" y="453"/>
                    <a:pt x="1074" y="455"/>
                  </a:cubicBezTo>
                  <a:cubicBezTo>
                    <a:pt x="1075" y="457"/>
                    <a:pt x="1071" y="461"/>
                    <a:pt x="1071" y="461"/>
                  </a:cubicBezTo>
                  <a:close/>
                  <a:moveTo>
                    <a:pt x="1066" y="464"/>
                  </a:moveTo>
                  <a:cubicBezTo>
                    <a:pt x="1068" y="464"/>
                    <a:pt x="1069" y="463"/>
                    <a:pt x="1069" y="463"/>
                  </a:cubicBezTo>
                  <a:cubicBezTo>
                    <a:pt x="1069" y="464"/>
                    <a:pt x="1066" y="466"/>
                    <a:pt x="1066" y="464"/>
                  </a:cubicBezTo>
                  <a:close/>
                  <a:moveTo>
                    <a:pt x="1060" y="477"/>
                  </a:moveTo>
                  <a:cubicBezTo>
                    <a:pt x="1059" y="477"/>
                    <a:pt x="1059" y="475"/>
                    <a:pt x="1060" y="475"/>
                  </a:cubicBezTo>
                  <a:cubicBezTo>
                    <a:pt x="1060" y="477"/>
                    <a:pt x="1060" y="478"/>
                    <a:pt x="1060" y="477"/>
                  </a:cubicBezTo>
                  <a:close/>
                  <a:moveTo>
                    <a:pt x="1054" y="481"/>
                  </a:moveTo>
                  <a:cubicBezTo>
                    <a:pt x="1054" y="481"/>
                    <a:pt x="1056" y="480"/>
                    <a:pt x="1056" y="481"/>
                  </a:cubicBezTo>
                  <a:cubicBezTo>
                    <a:pt x="1056" y="481"/>
                    <a:pt x="1056" y="483"/>
                    <a:pt x="1054" y="481"/>
                  </a:cubicBezTo>
                  <a:close/>
                  <a:moveTo>
                    <a:pt x="1082" y="447"/>
                  </a:moveTo>
                  <a:cubicBezTo>
                    <a:pt x="1085" y="447"/>
                    <a:pt x="1085" y="441"/>
                    <a:pt x="1083" y="441"/>
                  </a:cubicBezTo>
                  <a:cubicBezTo>
                    <a:pt x="1082" y="441"/>
                    <a:pt x="1082" y="444"/>
                    <a:pt x="1080" y="446"/>
                  </a:cubicBezTo>
                  <a:cubicBezTo>
                    <a:pt x="1077" y="446"/>
                    <a:pt x="1075" y="447"/>
                    <a:pt x="1077" y="449"/>
                  </a:cubicBezTo>
                  <a:cubicBezTo>
                    <a:pt x="1079" y="452"/>
                    <a:pt x="1079" y="449"/>
                    <a:pt x="1082" y="447"/>
                  </a:cubicBezTo>
                  <a:close/>
                  <a:moveTo>
                    <a:pt x="1085" y="443"/>
                  </a:moveTo>
                  <a:cubicBezTo>
                    <a:pt x="1083" y="441"/>
                    <a:pt x="1086" y="440"/>
                    <a:pt x="1088" y="440"/>
                  </a:cubicBezTo>
                  <a:cubicBezTo>
                    <a:pt x="1088" y="441"/>
                    <a:pt x="1086" y="443"/>
                    <a:pt x="1085" y="443"/>
                  </a:cubicBezTo>
                  <a:close/>
                  <a:moveTo>
                    <a:pt x="1162" y="385"/>
                  </a:moveTo>
                  <a:cubicBezTo>
                    <a:pt x="1165" y="384"/>
                    <a:pt x="1170" y="396"/>
                    <a:pt x="1167" y="393"/>
                  </a:cubicBezTo>
                  <a:cubicBezTo>
                    <a:pt x="1164" y="390"/>
                    <a:pt x="1161" y="387"/>
                    <a:pt x="1162" y="385"/>
                  </a:cubicBezTo>
                  <a:close/>
                  <a:moveTo>
                    <a:pt x="0" y="396"/>
                  </a:moveTo>
                  <a:cubicBezTo>
                    <a:pt x="11" y="398"/>
                    <a:pt x="20" y="399"/>
                    <a:pt x="26" y="398"/>
                  </a:cubicBezTo>
                  <a:cubicBezTo>
                    <a:pt x="25" y="393"/>
                    <a:pt x="28" y="391"/>
                    <a:pt x="25" y="390"/>
                  </a:cubicBezTo>
                  <a:cubicBezTo>
                    <a:pt x="22" y="387"/>
                    <a:pt x="25" y="391"/>
                    <a:pt x="14" y="387"/>
                  </a:cubicBezTo>
                  <a:cubicBezTo>
                    <a:pt x="14" y="388"/>
                    <a:pt x="13" y="387"/>
                    <a:pt x="14" y="388"/>
                  </a:cubicBezTo>
                  <a:cubicBezTo>
                    <a:pt x="14" y="391"/>
                    <a:pt x="11" y="391"/>
                    <a:pt x="10" y="391"/>
                  </a:cubicBezTo>
                  <a:cubicBezTo>
                    <a:pt x="8" y="390"/>
                    <a:pt x="11" y="388"/>
                    <a:pt x="11" y="387"/>
                  </a:cubicBezTo>
                  <a:cubicBezTo>
                    <a:pt x="13" y="385"/>
                    <a:pt x="11" y="385"/>
                    <a:pt x="10" y="388"/>
                  </a:cubicBezTo>
                  <a:cubicBezTo>
                    <a:pt x="7" y="391"/>
                    <a:pt x="8" y="390"/>
                    <a:pt x="5" y="390"/>
                  </a:cubicBezTo>
                  <a:cubicBezTo>
                    <a:pt x="2" y="390"/>
                    <a:pt x="5" y="393"/>
                    <a:pt x="0" y="396"/>
                  </a:cubicBezTo>
                  <a:close/>
                  <a:moveTo>
                    <a:pt x="1142" y="342"/>
                  </a:moveTo>
                  <a:cubicBezTo>
                    <a:pt x="1147" y="337"/>
                    <a:pt x="1152" y="334"/>
                    <a:pt x="1152" y="337"/>
                  </a:cubicBezTo>
                  <a:cubicBezTo>
                    <a:pt x="1152" y="340"/>
                    <a:pt x="1141" y="345"/>
                    <a:pt x="1142" y="342"/>
                  </a:cubicBezTo>
                  <a:close/>
                  <a:moveTo>
                    <a:pt x="937" y="393"/>
                  </a:moveTo>
                  <a:cubicBezTo>
                    <a:pt x="934" y="390"/>
                    <a:pt x="935" y="387"/>
                    <a:pt x="938" y="388"/>
                  </a:cubicBezTo>
                  <a:cubicBezTo>
                    <a:pt x="943" y="388"/>
                    <a:pt x="940" y="394"/>
                    <a:pt x="937" y="393"/>
                  </a:cubicBezTo>
                  <a:close/>
                  <a:moveTo>
                    <a:pt x="1274" y="175"/>
                  </a:moveTo>
                  <a:cubicBezTo>
                    <a:pt x="1274" y="175"/>
                    <a:pt x="1274" y="175"/>
                    <a:pt x="1274" y="175"/>
                  </a:cubicBezTo>
                  <a:cubicBezTo>
                    <a:pt x="1278" y="175"/>
                    <a:pt x="1284" y="174"/>
                    <a:pt x="1289" y="172"/>
                  </a:cubicBezTo>
                  <a:cubicBezTo>
                    <a:pt x="1301" y="171"/>
                    <a:pt x="1287" y="163"/>
                    <a:pt x="1278" y="164"/>
                  </a:cubicBezTo>
                  <a:cubicBezTo>
                    <a:pt x="1277" y="164"/>
                    <a:pt x="1275" y="164"/>
                    <a:pt x="1274" y="164"/>
                  </a:cubicBezTo>
                  <a:cubicBezTo>
                    <a:pt x="1273" y="164"/>
                    <a:pt x="1273" y="164"/>
                    <a:pt x="1273" y="164"/>
                  </a:cubicBezTo>
                  <a:cubicBezTo>
                    <a:pt x="1267" y="166"/>
                    <a:pt x="1263" y="171"/>
                    <a:pt x="1261" y="174"/>
                  </a:cubicBezTo>
                  <a:cubicBezTo>
                    <a:pt x="1261" y="177"/>
                    <a:pt x="1267" y="177"/>
                    <a:pt x="1273" y="175"/>
                  </a:cubicBezTo>
                  <a:lnTo>
                    <a:pt x="1274" y="175"/>
                  </a:lnTo>
                  <a:close/>
                  <a:moveTo>
                    <a:pt x="1188" y="192"/>
                  </a:moveTo>
                  <a:cubicBezTo>
                    <a:pt x="1185" y="196"/>
                    <a:pt x="1174" y="191"/>
                    <a:pt x="1176" y="189"/>
                  </a:cubicBezTo>
                  <a:cubicBezTo>
                    <a:pt x="1179" y="188"/>
                    <a:pt x="1191" y="189"/>
                    <a:pt x="1188" y="192"/>
                  </a:cubicBezTo>
                  <a:close/>
                  <a:moveTo>
                    <a:pt x="978" y="132"/>
                  </a:moveTo>
                  <a:cubicBezTo>
                    <a:pt x="969" y="127"/>
                    <a:pt x="964" y="132"/>
                    <a:pt x="957" y="136"/>
                  </a:cubicBezTo>
                  <a:cubicBezTo>
                    <a:pt x="951" y="141"/>
                    <a:pt x="958" y="136"/>
                    <a:pt x="970" y="139"/>
                  </a:cubicBezTo>
                  <a:cubicBezTo>
                    <a:pt x="990" y="143"/>
                    <a:pt x="987" y="136"/>
                    <a:pt x="978" y="132"/>
                  </a:cubicBezTo>
                  <a:close/>
                  <a:moveTo>
                    <a:pt x="1034" y="116"/>
                  </a:moveTo>
                  <a:cubicBezTo>
                    <a:pt x="1042" y="116"/>
                    <a:pt x="1044" y="110"/>
                    <a:pt x="1039" y="112"/>
                  </a:cubicBezTo>
                  <a:cubicBezTo>
                    <a:pt x="1036" y="112"/>
                    <a:pt x="1036" y="105"/>
                    <a:pt x="1028" y="109"/>
                  </a:cubicBezTo>
                  <a:cubicBezTo>
                    <a:pt x="1021" y="112"/>
                    <a:pt x="1030" y="105"/>
                    <a:pt x="1018" y="107"/>
                  </a:cubicBezTo>
                  <a:cubicBezTo>
                    <a:pt x="1005" y="109"/>
                    <a:pt x="1009" y="102"/>
                    <a:pt x="1007" y="105"/>
                  </a:cubicBezTo>
                  <a:cubicBezTo>
                    <a:pt x="1004" y="107"/>
                    <a:pt x="999" y="112"/>
                    <a:pt x="1016" y="115"/>
                  </a:cubicBezTo>
                  <a:cubicBezTo>
                    <a:pt x="1025" y="118"/>
                    <a:pt x="1027" y="116"/>
                    <a:pt x="1034" y="116"/>
                  </a:cubicBezTo>
                  <a:close/>
                  <a:moveTo>
                    <a:pt x="996" y="105"/>
                  </a:moveTo>
                  <a:cubicBezTo>
                    <a:pt x="1002" y="105"/>
                    <a:pt x="989" y="99"/>
                    <a:pt x="981" y="101"/>
                  </a:cubicBezTo>
                  <a:cubicBezTo>
                    <a:pt x="975" y="102"/>
                    <a:pt x="970" y="93"/>
                    <a:pt x="964" y="96"/>
                  </a:cubicBezTo>
                  <a:cubicBezTo>
                    <a:pt x="958" y="99"/>
                    <a:pt x="966" y="102"/>
                    <a:pt x="963" y="104"/>
                  </a:cubicBezTo>
                  <a:cubicBezTo>
                    <a:pt x="960" y="104"/>
                    <a:pt x="952" y="98"/>
                    <a:pt x="947" y="94"/>
                  </a:cubicBezTo>
                  <a:cubicBezTo>
                    <a:pt x="943" y="93"/>
                    <a:pt x="941" y="94"/>
                    <a:pt x="935" y="99"/>
                  </a:cubicBezTo>
                  <a:cubicBezTo>
                    <a:pt x="929" y="102"/>
                    <a:pt x="937" y="105"/>
                    <a:pt x="934" y="107"/>
                  </a:cubicBezTo>
                  <a:cubicBezTo>
                    <a:pt x="929" y="109"/>
                    <a:pt x="935" y="113"/>
                    <a:pt x="946" y="118"/>
                  </a:cubicBezTo>
                  <a:cubicBezTo>
                    <a:pt x="955" y="121"/>
                    <a:pt x="949" y="113"/>
                    <a:pt x="957" y="115"/>
                  </a:cubicBezTo>
                  <a:cubicBezTo>
                    <a:pt x="964" y="118"/>
                    <a:pt x="967" y="110"/>
                    <a:pt x="972" y="115"/>
                  </a:cubicBezTo>
                  <a:cubicBezTo>
                    <a:pt x="977" y="118"/>
                    <a:pt x="983" y="113"/>
                    <a:pt x="992" y="112"/>
                  </a:cubicBezTo>
                  <a:cubicBezTo>
                    <a:pt x="999" y="109"/>
                    <a:pt x="989" y="105"/>
                    <a:pt x="996" y="105"/>
                  </a:cubicBezTo>
                  <a:close/>
                  <a:moveTo>
                    <a:pt x="923" y="107"/>
                  </a:moveTo>
                  <a:cubicBezTo>
                    <a:pt x="917" y="110"/>
                    <a:pt x="920" y="98"/>
                    <a:pt x="923" y="101"/>
                  </a:cubicBezTo>
                  <a:cubicBezTo>
                    <a:pt x="926" y="104"/>
                    <a:pt x="926" y="105"/>
                    <a:pt x="923" y="107"/>
                  </a:cubicBezTo>
                  <a:close/>
                  <a:moveTo>
                    <a:pt x="850" y="150"/>
                  </a:moveTo>
                  <a:cubicBezTo>
                    <a:pt x="853" y="150"/>
                    <a:pt x="852" y="150"/>
                    <a:pt x="858" y="152"/>
                  </a:cubicBezTo>
                  <a:cubicBezTo>
                    <a:pt x="865" y="155"/>
                    <a:pt x="870" y="160"/>
                    <a:pt x="873" y="155"/>
                  </a:cubicBezTo>
                  <a:cubicBezTo>
                    <a:pt x="874" y="150"/>
                    <a:pt x="862" y="150"/>
                    <a:pt x="870" y="149"/>
                  </a:cubicBezTo>
                  <a:cubicBezTo>
                    <a:pt x="876" y="147"/>
                    <a:pt x="861" y="146"/>
                    <a:pt x="868" y="144"/>
                  </a:cubicBezTo>
                  <a:cubicBezTo>
                    <a:pt x="876" y="143"/>
                    <a:pt x="864" y="138"/>
                    <a:pt x="858" y="136"/>
                  </a:cubicBezTo>
                  <a:cubicBezTo>
                    <a:pt x="852" y="133"/>
                    <a:pt x="850" y="143"/>
                    <a:pt x="849" y="138"/>
                  </a:cubicBezTo>
                  <a:cubicBezTo>
                    <a:pt x="847" y="133"/>
                    <a:pt x="842" y="136"/>
                    <a:pt x="836" y="133"/>
                  </a:cubicBezTo>
                  <a:cubicBezTo>
                    <a:pt x="830" y="130"/>
                    <a:pt x="820" y="135"/>
                    <a:pt x="824" y="138"/>
                  </a:cubicBezTo>
                  <a:cubicBezTo>
                    <a:pt x="829" y="143"/>
                    <a:pt x="815" y="144"/>
                    <a:pt x="824" y="146"/>
                  </a:cubicBezTo>
                  <a:cubicBezTo>
                    <a:pt x="832" y="147"/>
                    <a:pt x="835" y="147"/>
                    <a:pt x="845" y="154"/>
                  </a:cubicBezTo>
                  <a:cubicBezTo>
                    <a:pt x="852" y="155"/>
                    <a:pt x="845" y="150"/>
                    <a:pt x="850" y="150"/>
                  </a:cubicBezTo>
                  <a:close/>
                  <a:moveTo>
                    <a:pt x="739" y="121"/>
                  </a:moveTo>
                  <a:cubicBezTo>
                    <a:pt x="731" y="119"/>
                    <a:pt x="727" y="122"/>
                    <a:pt x="734" y="126"/>
                  </a:cubicBezTo>
                  <a:cubicBezTo>
                    <a:pt x="743" y="130"/>
                    <a:pt x="748" y="121"/>
                    <a:pt x="739" y="121"/>
                  </a:cubicBezTo>
                  <a:close/>
                  <a:moveTo>
                    <a:pt x="640" y="65"/>
                  </a:moveTo>
                  <a:cubicBezTo>
                    <a:pt x="648" y="63"/>
                    <a:pt x="654" y="62"/>
                    <a:pt x="667" y="62"/>
                  </a:cubicBezTo>
                  <a:cubicBezTo>
                    <a:pt x="683" y="60"/>
                    <a:pt x="684" y="57"/>
                    <a:pt x="676" y="53"/>
                  </a:cubicBezTo>
                  <a:cubicBezTo>
                    <a:pt x="669" y="46"/>
                    <a:pt x="670" y="45"/>
                    <a:pt x="660" y="51"/>
                  </a:cubicBezTo>
                  <a:cubicBezTo>
                    <a:pt x="651" y="59"/>
                    <a:pt x="667" y="45"/>
                    <a:pt x="663" y="43"/>
                  </a:cubicBezTo>
                  <a:cubicBezTo>
                    <a:pt x="658" y="42"/>
                    <a:pt x="652" y="39"/>
                    <a:pt x="648" y="48"/>
                  </a:cubicBezTo>
                  <a:cubicBezTo>
                    <a:pt x="641" y="57"/>
                    <a:pt x="641" y="49"/>
                    <a:pt x="635" y="63"/>
                  </a:cubicBezTo>
                  <a:cubicBezTo>
                    <a:pt x="632" y="66"/>
                    <a:pt x="634" y="68"/>
                    <a:pt x="640" y="65"/>
                  </a:cubicBezTo>
                  <a:close/>
                  <a:moveTo>
                    <a:pt x="617" y="51"/>
                  </a:moveTo>
                  <a:cubicBezTo>
                    <a:pt x="628" y="56"/>
                    <a:pt x="641" y="51"/>
                    <a:pt x="637" y="48"/>
                  </a:cubicBezTo>
                  <a:cubicBezTo>
                    <a:pt x="632" y="45"/>
                    <a:pt x="643" y="37"/>
                    <a:pt x="638" y="35"/>
                  </a:cubicBezTo>
                  <a:cubicBezTo>
                    <a:pt x="632" y="32"/>
                    <a:pt x="635" y="29"/>
                    <a:pt x="626" y="34"/>
                  </a:cubicBezTo>
                  <a:cubicBezTo>
                    <a:pt x="616" y="37"/>
                    <a:pt x="625" y="31"/>
                    <a:pt x="620" y="31"/>
                  </a:cubicBezTo>
                  <a:cubicBezTo>
                    <a:pt x="616" y="31"/>
                    <a:pt x="603" y="29"/>
                    <a:pt x="597" y="32"/>
                  </a:cubicBezTo>
                  <a:cubicBezTo>
                    <a:pt x="591" y="37"/>
                    <a:pt x="579" y="42"/>
                    <a:pt x="588" y="42"/>
                  </a:cubicBezTo>
                  <a:cubicBezTo>
                    <a:pt x="599" y="42"/>
                    <a:pt x="591" y="45"/>
                    <a:pt x="597" y="48"/>
                  </a:cubicBezTo>
                  <a:cubicBezTo>
                    <a:pt x="600" y="49"/>
                    <a:pt x="605" y="48"/>
                    <a:pt x="617" y="51"/>
                  </a:cubicBezTo>
                  <a:close/>
                  <a:moveTo>
                    <a:pt x="576" y="31"/>
                  </a:moveTo>
                  <a:cubicBezTo>
                    <a:pt x="567" y="31"/>
                    <a:pt x="565" y="34"/>
                    <a:pt x="571" y="35"/>
                  </a:cubicBezTo>
                  <a:cubicBezTo>
                    <a:pt x="578" y="37"/>
                    <a:pt x="574" y="40"/>
                    <a:pt x="581" y="39"/>
                  </a:cubicBezTo>
                  <a:cubicBezTo>
                    <a:pt x="599" y="34"/>
                    <a:pt x="584" y="32"/>
                    <a:pt x="576" y="31"/>
                  </a:cubicBezTo>
                  <a:close/>
                  <a:moveTo>
                    <a:pt x="600" y="29"/>
                  </a:moveTo>
                  <a:cubicBezTo>
                    <a:pt x="614" y="28"/>
                    <a:pt x="620" y="31"/>
                    <a:pt x="616" y="25"/>
                  </a:cubicBezTo>
                  <a:cubicBezTo>
                    <a:pt x="613" y="20"/>
                    <a:pt x="623" y="23"/>
                    <a:pt x="622" y="20"/>
                  </a:cubicBezTo>
                  <a:cubicBezTo>
                    <a:pt x="620" y="17"/>
                    <a:pt x="616" y="20"/>
                    <a:pt x="611" y="15"/>
                  </a:cubicBezTo>
                  <a:cubicBezTo>
                    <a:pt x="605" y="11"/>
                    <a:pt x="603" y="9"/>
                    <a:pt x="597" y="12"/>
                  </a:cubicBezTo>
                  <a:cubicBezTo>
                    <a:pt x="593" y="15"/>
                    <a:pt x="590" y="12"/>
                    <a:pt x="582" y="17"/>
                  </a:cubicBezTo>
                  <a:cubicBezTo>
                    <a:pt x="574" y="21"/>
                    <a:pt x="587" y="18"/>
                    <a:pt x="582" y="21"/>
                  </a:cubicBezTo>
                  <a:cubicBezTo>
                    <a:pt x="576" y="26"/>
                    <a:pt x="567" y="28"/>
                    <a:pt x="573" y="28"/>
                  </a:cubicBezTo>
                  <a:cubicBezTo>
                    <a:pt x="581" y="29"/>
                    <a:pt x="579" y="31"/>
                    <a:pt x="588" y="32"/>
                  </a:cubicBezTo>
                  <a:cubicBezTo>
                    <a:pt x="599" y="32"/>
                    <a:pt x="588" y="29"/>
                    <a:pt x="600" y="29"/>
                  </a:cubicBezTo>
                  <a:close/>
                  <a:moveTo>
                    <a:pt x="561" y="12"/>
                  </a:moveTo>
                  <a:cubicBezTo>
                    <a:pt x="561" y="11"/>
                    <a:pt x="571" y="12"/>
                    <a:pt x="571" y="14"/>
                  </a:cubicBezTo>
                  <a:cubicBezTo>
                    <a:pt x="571" y="15"/>
                    <a:pt x="559" y="15"/>
                    <a:pt x="561" y="12"/>
                  </a:cubicBezTo>
                  <a:close/>
                  <a:moveTo>
                    <a:pt x="600" y="82"/>
                  </a:moveTo>
                  <a:cubicBezTo>
                    <a:pt x="599" y="81"/>
                    <a:pt x="610" y="77"/>
                    <a:pt x="611" y="79"/>
                  </a:cubicBezTo>
                  <a:cubicBezTo>
                    <a:pt x="613" y="81"/>
                    <a:pt x="605" y="84"/>
                    <a:pt x="600" y="82"/>
                  </a:cubicBezTo>
                  <a:close/>
                </a:path>
              </a:pathLst>
            </a:custGeom>
            <a:solidFill>
              <a:schemeClr val="accent5"/>
            </a:solidFill>
            <a:ln w="6350" cmpd="sng">
              <a:solidFill>
                <a:schemeClr val="bg1"/>
              </a:solidFill>
              <a:round/>
              <a:headEnd/>
              <a:tailEnd/>
            </a:ln>
          </p:spPr>
          <p:txBody>
            <a:bodyPr/>
            <a:lstStyle/>
            <a:p>
              <a:endParaRPr lang="en-GB" sz="1633" dirty="0"/>
            </a:p>
          </p:txBody>
        </p:sp>
        <p:sp>
          <p:nvSpPr>
            <p:cNvPr id="276" name="Freeform 238"/>
            <p:cNvSpPr>
              <a:spLocks noEditPoints="1"/>
            </p:cNvSpPr>
            <p:nvPr/>
          </p:nvSpPr>
          <p:spPr bwMode="auto">
            <a:xfrm>
              <a:off x="8315106" y="5455640"/>
              <a:ext cx="1015486" cy="1078131"/>
            </a:xfrm>
            <a:custGeom>
              <a:avLst/>
              <a:gdLst/>
              <a:ahLst/>
              <a:cxnLst>
                <a:cxn ang="0">
                  <a:pos x="86" y="62"/>
                </a:cxn>
                <a:cxn ang="0">
                  <a:pos x="105" y="36"/>
                </a:cxn>
                <a:cxn ang="0">
                  <a:pos x="133" y="43"/>
                </a:cxn>
                <a:cxn ang="0">
                  <a:pos x="151" y="17"/>
                </a:cxn>
                <a:cxn ang="0">
                  <a:pos x="154" y="6"/>
                </a:cxn>
                <a:cxn ang="0">
                  <a:pos x="172" y="14"/>
                </a:cxn>
                <a:cxn ang="0">
                  <a:pos x="185" y="18"/>
                </a:cxn>
                <a:cxn ang="0">
                  <a:pos x="188" y="25"/>
                </a:cxn>
                <a:cxn ang="0">
                  <a:pos x="188" y="51"/>
                </a:cxn>
                <a:cxn ang="0">
                  <a:pos x="220" y="70"/>
                </a:cxn>
                <a:cxn ang="0">
                  <a:pos x="227" y="29"/>
                </a:cxn>
                <a:cxn ang="0">
                  <a:pos x="232" y="6"/>
                </a:cxn>
                <a:cxn ang="0">
                  <a:pos x="241" y="18"/>
                </a:cxn>
                <a:cxn ang="0">
                  <a:pos x="256" y="42"/>
                </a:cxn>
                <a:cxn ang="0">
                  <a:pos x="271" y="87"/>
                </a:cxn>
                <a:cxn ang="0">
                  <a:pos x="291" y="109"/>
                </a:cxn>
                <a:cxn ang="0">
                  <a:pos x="300" y="118"/>
                </a:cxn>
                <a:cxn ang="0">
                  <a:pos x="317" y="149"/>
                </a:cxn>
                <a:cxn ang="0">
                  <a:pos x="323" y="186"/>
                </a:cxn>
                <a:cxn ang="0">
                  <a:pos x="311" y="228"/>
                </a:cxn>
                <a:cxn ang="0">
                  <a:pos x="294" y="273"/>
                </a:cxn>
                <a:cxn ang="0">
                  <a:pos x="265" y="295"/>
                </a:cxn>
                <a:cxn ang="0">
                  <a:pos x="256" y="283"/>
                </a:cxn>
                <a:cxn ang="0">
                  <a:pos x="229" y="287"/>
                </a:cxn>
                <a:cxn ang="0">
                  <a:pos x="207" y="258"/>
                </a:cxn>
                <a:cxn ang="0">
                  <a:pos x="195" y="253"/>
                </a:cxn>
                <a:cxn ang="0">
                  <a:pos x="200" y="228"/>
                </a:cxn>
                <a:cxn ang="0">
                  <a:pos x="186" y="242"/>
                </a:cxn>
                <a:cxn ang="0">
                  <a:pos x="168" y="222"/>
                </a:cxn>
                <a:cxn ang="0">
                  <a:pos x="107" y="222"/>
                </a:cxn>
                <a:cxn ang="0">
                  <a:pos x="70" y="238"/>
                </a:cxn>
                <a:cxn ang="0">
                  <a:pos x="34" y="252"/>
                </a:cxn>
                <a:cxn ang="0">
                  <a:pos x="22" y="228"/>
                </a:cxn>
                <a:cxn ang="0">
                  <a:pos x="10" y="174"/>
                </a:cxn>
                <a:cxn ang="0">
                  <a:pos x="5" y="151"/>
                </a:cxn>
                <a:cxn ang="0">
                  <a:pos x="8" y="116"/>
                </a:cxn>
                <a:cxn ang="0">
                  <a:pos x="38" y="101"/>
                </a:cxn>
                <a:cxn ang="0">
                  <a:pos x="72" y="78"/>
                </a:cxn>
                <a:cxn ang="0">
                  <a:pos x="259" y="339"/>
                </a:cxn>
                <a:cxn ang="0">
                  <a:pos x="273" y="342"/>
                </a:cxn>
                <a:cxn ang="0">
                  <a:pos x="277" y="339"/>
                </a:cxn>
                <a:cxn ang="0">
                  <a:pos x="279" y="328"/>
                </a:cxn>
                <a:cxn ang="0">
                  <a:pos x="279" y="314"/>
                </a:cxn>
                <a:cxn ang="0">
                  <a:pos x="258" y="314"/>
                </a:cxn>
                <a:cxn ang="0">
                  <a:pos x="247" y="300"/>
                </a:cxn>
                <a:cxn ang="0">
                  <a:pos x="277" y="305"/>
                </a:cxn>
                <a:cxn ang="0">
                  <a:pos x="280" y="305"/>
                </a:cxn>
                <a:cxn ang="0">
                  <a:pos x="279" y="309"/>
                </a:cxn>
                <a:cxn ang="0">
                  <a:pos x="197" y="261"/>
                </a:cxn>
                <a:cxn ang="0">
                  <a:pos x="188" y="261"/>
                </a:cxn>
                <a:cxn ang="0">
                  <a:pos x="140" y="8"/>
                </a:cxn>
                <a:cxn ang="0">
                  <a:pos x="139" y="11"/>
                </a:cxn>
                <a:cxn ang="0">
                  <a:pos x="139" y="11"/>
                </a:cxn>
                <a:cxn ang="0">
                  <a:pos x="188" y="36"/>
                </a:cxn>
                <a:cxn ang="0">
                  <a:pos x="321" y="143"/>
                </a:cxn>
                <a:cxn ang="0">
                  <a:pos x="319" y="154"/>
                </a:cxn>
                <a:cxn ang="0">
                  <a:pos x="213" y="59"/>
                </a:cxn>
              </a:cxnLst>
              <a:rect l="0" t="0" r="r" b="b"/>
              <a:pathLst>
                <a:path w="326" h="346">
                  <a:moveTo>
                    <a:pt x="72" y="78"/>
                  </a:moveTo>
                  <a:cubicBezTo>
                    <a:pt x="78" y="73"/>
                    <a:pt x="70" y="73"/>
                    <a:pt x="77" y="62"/>
                  </a:cubicBezTo>
                  <a:cubicBezTo>
                    <a:pt x="84" y="53"/>
                    <a:pt x="84" y="74"/>
                    <a:pt x="86" y="62"/>
                  </a:cubicBezTo>
                  <a:cubicBezTo>
                    <a:pt x="86" y="48"/>
                    <a:pt x="92" y="65"/>
                    <a:pt x="92" y="54"/>
                  </a:cubicBezTo>
                  <a:cubicBezTo>
                    <a:pt x="92" y="46"/>
                    <a:pt x="93" y="51"/>
                    <a:pt x="98" y="42"/>
                  </a:cubicBezTo>
                  <a:cubicBezTo>
                    <a:pt x="102" y="32"/>
                    <a:pt x="104" y="42"/>
                    <a:pt x="105" y="36"/>
                  </a:cubicBezTo>
                  <a:cubicBezTo>
                    <a:pt x="105" y="29"/>
                    <a:pt x="110" y="39"/>
                    <a:pt x="110" y="32"/>
                  </a:cubicBezTo>
                  <a:cubicBezTo>
                    <a:pt x="110" y="26"/>
                    <a:pt x="121" y="43"/>
                    <a:pt x="125" y="42"/>
                  </a:cubicBezTo>
                  <a:cubicBezTo>
                    <a:pt x="130" y="42"/>
                    <a:pt x="130" y="46"/>
                    <a:pt x="133" y="43"/>
                  </a:cubicBezTo>
                  <a:cubicBezTo>
                    <a:pt x="136" y="40"/>
                    <a:pt x="127" y="42"/>
                    <a:pt x="133" y="32"/>
                  </a:cubicBezTo>
                  <a:cubicBezTo>
                    <a:pt x="139" y="25"/>
                    <a:pt x="133" y="26"/>
                    <a:pt x="140" y="20"/>
                  </a:cubicBezTo>
                  <a:cubicBezTo>
                    <a:pt x="150" y="12"/>
                    <a:pt x="145" y="18"/>
                    <a:pt x="151" y="17"/>
                  </a:cubicBezTo>
                  <a:cubicBezTo>
                    <a:pt x="157" y="15"/>
                    <a:pt x="156" y="20"/>
                    <a:pt x="157" y="14"/>
                  </a:cubicBezTo>
                  <a:cubicBezTo>
                    <a:pt x="159" y="8"/>
                    <a:pt x="153" y="11"/>
                    <a:pt x="151" y="9"/>
                  </a:cubicBezTo>
                  <a:cubicBezTo>
                    <a:pt x="150" y="6"/>
                    <a:pt x="151" y="6"/>
                    <a:pt x="154" y="6"/>
                  </a:cubicBezTo>
                  <a:cubicBezTo>
                    <a:pt x="157" y="6"/>
                    <a:pt x="156" y="9"/>
                    <a:pt x="159" y="8"/>
                  </a:cubicBezTo>
                  <a:cubicBezTo>
                    <a:pt x="162" y="8"/>
                    <a:pt x="159" y="12"/>
                    <a:pt x="165" y="12"/>
                  </a:cubicBezTo>
                  <a:cubicBezTo>
                    <a:pt x="169" y="11"/>
                    <a:pt x="168" y="17"/>
                    <a:pt x="172" y="14"/>
                  </a:cubicBezTo>
                  <a:cubicBezTo>
                    <a:pt x="175" y="14"/>
                    <a:pt x="174" y="20"/>
                    <a:pt x="180" y="14"/>
                  </a:cubicBezTo>
                  <a:cubicBezTo>
                    <a:pt x="186" y="9"/>
                    <a:pt x="181" y="15"/>
                    <a:pt x="183" y="15"/>
                  </a:cubicBezTo>
                  <a:cubicBezTo>
                    <a:pt x="185" y="15"/>
                    <a:pt x="183" y="20"/>
                    <a:pt x="185" y="18"/>
                  </a:cubicBezTo>
                  <a:cubicBezTo>
                    <a:pt x="188" y="17"/>
                    <a:pt x="185" y="17"/>
                    <a:pt x="186" y="14"/>
                  </a:cubicBezTo>
                  <a:cubicBezTo>
                    <a:pt x="189" y="12"/>
                    <a:pt x="188" y="14"/>
                    <a:pt x="191" y="17"/>
                  </a:cubicBezTo>
                  <a:cubicBezTo>
                    <a:pt x="195" y="18"/>
                    <a:pt x="189" y="18"/>
                    <a:pt x="188" y="25"/>
                  </a:cubicBezTo>
                  <a:cubicBezTo>
                    <a:pt x="188" y="32"/>
                    <a:pt x="188" y="22"/>
                    <a:pt x="183" y="28"/>
                  </a:cubicBezTo>
                  <a:cubicBezTo>
                    <a:pt x="180" y="36"/>
                    <a:pt x="188" y="28"/>
                    <a:pt x="181" y="37"/>
                  </a:cubicBezTo>
                  <a:cubicBezTo>
                    <a:pt x="177" y="46"/>
                    <a:pt x="180" y="43"/>
                    <a:pt x="188" y="51"/>
                  </a:cubicBezTo>
                  <a:cubicBezTo>
                    <a:pt x="191" y="56"/>
                    <a:pt x="191" y="51"/>
                    <a:pt x="198" y="57"/>
                  </a:cubicBezTo>
                  <a:cubicBezTo>
                    <a:pt x="206" y="65"/>
                    <a:pt x="207" y="60"/>
                    <a:pt x="209" y="65"/>
                  </a:cubicBezTo>
                  <a:cubicBezTo>
                    <a:pt x="209" y="68"/>
                    <a:pt x="216" y="73"/>
                    <a:pt x="220" y="70"/>
                  </a:cubicBezTo>
                  <a:cubicBezTo>
                    <a:pt x="224" y="67"/>
                    <a:pt x="221" y="65"/>
                    <a:pt x="226" y="59"/>
                  </a:cubicBezTo>
                  <a:cubicBezTo>
                    <a:pt x="229" y="54"/>
                    <a:pt x="226" y="54"/>
                    <a:pt x="227" y="48"/>
                  </a:cubicBezTo>
                  <a:cubicBezTo>
                    <a:pt x="230" y="40"/>
                    <a:pt x="226" y="34"/>
                    <a:pt x="227" y="29"/>
                  </a:cubicBezTo>
                  <a:cubicBezTo>
                    <a:pt x="229" y="25"/>
                    <a:pt x="227" y="25"/>
                    <a:pt x="229" y="22"/>
                  </a:cubicBezTo>
                  <a:cubicBezTo>
                    <a:pt x="232" y="20"/>
                    <a:pt x="227" y="22"/>
                    <a:pt x="229" y="17"/>
                  </a:cubicBezTo>
                  <a:cubicBezTo>
                    <a:pt x="232" y="11"/>
                    <a:pt x="232" y="9"/>
                    <a:pt x="232" y="6"/>
                  </a:cubicBezTo>
                  <a:cubicBezTo>
                    <a:pt x="233" y="1"/>
                    <a:pt x="236" y="0"/>
                    <a:pt x="238" y="5"/>
                  </a:cubicBezTo>
                  <a:cubicBezTo>
                    <a:pt x="238" y="9"/>
                    <a:pt x="238" y="12"/>
                    <a:pt x="239" y="14"/>
                  </a:cubicBezTo>
                  <a:cubicBezTo>
                    <a:pt x="242" y="15"/>
                    <a:pt x="239" y="15"/>
                    <a:pt x="241" y="18"/>
                  </a:cubicBezTo>
                  <a:cubicBezTo>
                    <a:pt x="244" y="23"/>
                    <a:pt x="244" y="26"/>
                    <a:pt x="244" y="31"/>
                  </a:cubicBezTo>
                  <a:cubicBezTo>
                    <a:pt x="244" y="36"/>
                    <a:pt x="247" y="42"/>
                    <a:pt x="248" y="37"/>
                  </a:cubicBezTo>
                  <a:cubicBezTo>
                    <a:pt x="251" y="32"/>
                    <a:pt x="250" y="39"/>
                    <a:pt x="256" y="42"/>
                  </a:cubicBezTo>
                  <a:cubicBezTo>
                    <a:pt x="261" y="45"/>
                    <a:pt x="256" y="56"/>
                    <a:pt x="261" y="62"/>
                  </a:cubicBezTo>
                  <a:cubicBezTo>
                    <a:pt x="265" y="67"/>
                    <a:pt x="262" y="74"/>
                    <a:pt x="264" y="79"/>
                  </a:cubicBezTo>
                  <a:cubicBezTo>
                    <a:pt x="267" y="82"/>
                    <a:pt x="265" y="85"/>
                    <a:pt x="271" y="87"/>
                  </a:cubicBezTo>
                  <a:cubicBezTo>
                    <a:pt x="277" y="88"/>
                    <a:pt x="273" y="92"/>
                    <a:pt x="280" y="93"/>
                  </a:cubicBezTo>
                  <a:cubicBezTo>
                    <a:pt x="288" y="96"/>
                    <a:pt x="288" y="99"/>
                    <a:pt x="285" y="99"/>
                  </a:cubicBezTo>
                  <a:cubicBezTo>
                    <a:pt x="282" y="99"/>
                    <a:pt x="290" y="105"/>
                    <a:pt x="291" y="109"/>
                  </a:cubicBezTo>
                  <a:cubicBezTo>
                    <a:pt x="293" y="112"/>
                    <a:pt x="290" y="113"/>
                    <a:pt x="293" y="118"/>
                  </a:cubicBezTo>
                  <a:cubicBezTo>
                    <a:pt x="296" y="123"/>
                    <a:pt x="293" y="113"/>
                    <a:pt x="296" y="118"/>
                  </a:cubicBezTo>
                  <a:cubicBezTo>
                    <a:pt x="300" y="121"/>
                    <a:pt x="299" y="115"/>
                    <a:pt x="300" y="118"/>
                  </a:cubicBezTo>
                  <a:cubicBezTo>
                    <a:pt x="303" y="121"/>
                    <a:pt x="299" y="126"/>
                    <a:pt x="303" y="132"/>
                  </a:cubicBezTo>
                  <a:cubicBezTo>
                    <a:pt x="308" y="137"/>
                    <a:pt x="306" y="132"/>
                    <a:pt x="309" y="138"/>
                  </a:cubicBezTo>
                  <a:cubicBezTo>
                    <a:pt x="312" y="143"/>
                    <a:pt x="316" y="143"/>
                    <a:pt x="317" y="149"/>
                  </a:cubicBezTo>
                  <a:cubicBezTo>
                    <a:pt x="319" y="155"/>
                    <a:pt x="320" y="151"/>
                    <a:pt x="320" y="157"/>
                  </a:cubicBezTo>
                  <a:cubicBezTo>
                    <a:pt x="319" y="163"/>
                    <a:pt x="321" y="163"/>
                    <a:pt x="320" y="168"/>
                  </a:cubicBezTo>
                  <a:cubicBezTo>
                    <a:pt x="319" y="169"/>
                    <a:pt x="326" y="180"/>
                    <a:pt x="323" y="186"/>
                  </a:cubicBezTo>
                  <a:cubicBezTo>
                    <a:pt x="320" y="191"/>
                    <a:pt x="323" y="196"/>
                    <a:pt x="319" y="202"/>
                  </a:cubicBezTo>
                  <a:cubicBezTo>
                    <a:pt x="317" y="207"/>
                    <a:pt x="320" y="210"/>
                    <a:pt x="317" y="216"/>
                  </a:cubicBezTo>
                  <a:cubicBezTo>
                    <a:pt x="314" y="222"/>
                    <a:pt x="319" y="221"/>
                    <a:pt x="311" y="228"/>
                  </a:cubicBezTo>
                  <a:cubicBezTo>
                    <a:pt x="302" y="236"/>
                    <a:pt x="303" y="250"/>
                    <a:pt x="300" y="252"/>
                  </a:cubicBezTo>
                  <a:cubicBezTo>
                    <a:pt x="297" y="253"/>
                    <a:pt x="296" y="261"/>
                    <a:pt x="296" y="264"/>
                  </a:cubicBezTo>
                  <a:cubicBezTo>
                    <a:pt x="296" y="269"/>
                    <a:pt x="293" y="272"/>
                    <a:pt x="294" y="273"/>
                  </a:cubicBezTo>
                  <a:cubicBezTo>
                    <a:pt x="296" y="275"/>
                    <a:pt x="294" y="281"/>
                    <a:pt x="286" y="281"/>
                  </a:cubicBezTo>
                  <a:cubicBezTo>
                    <a:pt x="279" y="280"/>
                    <a:pt x="271" y="291"/>
                    <a:pt x="268" y="291"/>
                  </a:cubicBezTo>
                  <a:cubicBezTo>
                    <a:pt x="265" y="292"/>
                    <a:pt x="268" y="300"/>
                    <a:pt x="265" y="295"/>
                  </a:cubicBezTo>
                  <a:cubicBezTo>
                    <a:pt x="261" y="289"/>
                    <a:pt x="259" y="291"/>
                    <a:pt x="258" y="287"/>
                  </a:cubicBezTo>
                  <a:cubicBezTo>
                    <a:pt x="258" y="284"/>
                    <a:pt x="258" y="291"/>
                    <a:pt x="255" y="289"/>
                  </a:cubicBezTo>
                  <a:cubicBezTo>
                    <a:pt x="251" y="286"/>
                    <a:pt x="259" y="286"/>
                    <a:pt x="256" y="283"/>
                  </a:cubicBezTo>
                  <a:cubicBezTo>
                    <a:pt x="251" y="280"/>
                    <a:pt x="255" y="284"/>
                    <a:pt x="250" y="287"/>
                  </a:cubicBezTo>
                  <a:cubicBezTo>
                    <a:pt x="244" y="289"/>
                    <a:pt x="247" y="294"/>
                    <a:pt x="239" y="291"/>
                  </a:cubicBezTo>
                  <a:cubicBezTo>
                    <a:pt x="232" y="286"/>
                    <a:pt x="230" y="286"/>
                    <a:pt x="229" y="287"/>
                  </a:cubicBezTo>
                  <a:cubicBezTo>
                    <a:pt x="227" y="289"/>
                    <a:pt x="226" y="284"/>
                    <a:pt x="223" y="283"/>
                  </a:cubicBezTo>
                  <a:cubicBezTo>
                    <a:pt x="218" y="283"/>
                    <a:pt x="212" y="273"/>
                    <a:pt x="213" y="270"/>
                  </a:cubicBezTo>
                  <a:cubicBezTo>
                    <a:pt x="215" y="267"/>
                    <a:pt x="212" y="259"/>
                    <a:pt x="207" y="258"/>
                  </a:cubicBezTo>
                  <a:cubicBezTo>
                    <a:pt x="204" y="256"/>
                    <a:pt x="203" y="259"/>
                    <a:pt x="201" y="258"/>
                  </a:cubicBezTo>
                  <a:cubicBezTo>
                    <a:pt x="200" y="255"/>
                    <a:pt x="206" y="252"/>
                    <a:pt x="203" y="245"/>
                  </a:cubicBezTo>
                  <a:cubicBezTo>
                    <a:pt x="198" y="239"/>
                    <a:pt x="201" y="252"/>
                    <a:pt x="195" y="253"/>
                  </a:cubicBezTo>
                  <a:cubicBezTo>
                    <a:pt x="189" y="253"/>
                    <a:pt x="191" y="249"/>
                    <a:pt x="194" y="249"/>
                  </a:cubicBezTo>
                  <a:cubicBezTo>
                    <a:pt x="197" y="250"/>
                    <a:pt x="197" y="247"/>
                    <a:pt x="195" y="244"/>
                  </a:cubicBezTo>
                  <a:cubicBezTo>
                    <a:pt x="195" y="241"/>
                    <a:pt x="201" y="231"/>
                    <a:pt x="200" y="228"/>
                  </a:cubicBezTo>
                  <a:cubicBezTo>
                    <a:pt x="198" y="225"/>
                    <a:pt x="198" y="224"/>
                    <a:pt x="198" y="227"/>
                  </a:cubicBezTo>
                  <a:cubicBezTo>
                    <a:pt x="198" y="230"/>
                    <a:pt x="194" y="230"/>
                    <a:pt x="194" y="235"/>
                  </a:cubicBezTo>
                  <a:cubicBezTo>
                    <a:pt x="192" y="239"/>
                    <a:pt x="194" y="233"/>
                    <a:pt x="186" y="242"/>
                  </a:cubicBezTo>
                  <a:cubicBezTo>
                    <a:pt x="178" y="252"/>
                    <a:pt x="188" y="252"/>
                    <a:pt x="180" y="249"/>
                  </a:cubicBezTo>
                  <a:cubicBezTo>
                    <a:pt x="175" y="245"/>
                    <a:pt x="178" y="235"/>
                    <a:pt x="172" y="231"/>
                  </a:cubicBezTo>
                  <a:cubicBezTo>
                    <a:pt x="165" y="227"/>
                    <a:pt x="174" y="227"/>
                    <a:pt x="168" y="222"/>
                  </a:cubicBezTo>
                  <a:cubicBezTo>
                    <a:pt x="163" y="218"/>
                    <a:pt x="163" y="222"/>
                    <a:pt x="151" y="216"/>
                  </a:cubicBezTo>
                  <a:cubicBezTo>
                    <a:pt x="139" y="210"/>
                    <a:pt x="150" y="216"/>
                    <a:pt x="136" y="213"/>
                  </a:cubicBezTo>
                  <a:cubicBezTo>
                    <a:pt x="128" y="213"/>
                    <a:pt x="122" y="222"/>
                    <a:pt x="107" y="222"/>
                  </a:cubicBezTo>
                  <a:cubicBezTo>
                    <a:pt x="98" y="221"/>
                    <a:pt x="99" y="228"/>
                    <a:pt x="93" y="228"/>
                  </a:cubicBezTo>
                  <a:cubicBezTo>
                    <a:pt x="87" y="228"/>
                    <a:pt x="90" y="242"/>
                    <a:pt x="81" y="239"/>
                  </a:cubicBezTo>
                  <a:cubicBezTo>
                    <a:pt x="73" y="236"/>
                    <a:pt x="78" y="242"/>
                    <a:pt x="70" y="238"/>
                  </a:cubicBezTo>
                  <a:cubicBezTo>
                    <a:pt x="66" y="236"/>
                    <a:pt x="66" y="239"/>
                    <a:pt x="58" y="239"/>
                  </a:cubicBezTo>
                  <a:cubicBezTo>
                    <a:pt x="52" y="239"/>
                    <a:pt x="55" y="244"/>
                    <a:pt x="51" y="245"/>
                  </a:cubicBezTo>
                  <a:cubicBezTo>
                    <a:pt x="45" y="245"/>
                    <a:pt x="45" y="253"/>
                    <a:pt x="34" y="252"/>
                  </a:cubicBezTo>
                  <a:cubicBezTo>
                    <a:pt x="23" y="250"/>
                    <a:pt x="23" y="242"/>
                    <a:pt x="19" y="244"/>
                  </a:cubicBezTo>
                  <a:cubicBezTo>
                    <a:pt x="16" y="244"/>
                    <a:pt x="16" y="235"/>
                    <a:pt x="17" y="235"/>
                  </a:cubicBezTo>
                  <a:cubicBezTo>
                    <a:pt x="20" y="236"/>
                    <a:pt x="23" y="233"/>
                    <a:pt x="22" y="228"/>
                  </a:cubicBezTo>
                  <a:cubicBezTo>
                    <a:pt x="22" y="222"/>
                    <a:pt x="26" y="225"/>
                    <a:pt x="20" y="210"/>
                  </a:cubicBezTo>
                  <a:cubicBezTo>
                    <a:pt x="14" y="194"/>
                    <a:pt x="19" y="194"/>
                    <a:pt x="16" y="186"/>
                  </a:cubicBezTo>
                  <a:cubicBezTo>
                    <a:pt x="11" y="179"/>
                    <a:pt x="10" y="179"/>
                    <a:pt x="10" y="174"/>
                  </a:cubicBezTo>
                  <a:cubicBezTo>
                    <a:pt x="11" y="168"/>
                    <a:pt x="3" y="163"/>
                    <a:pt x="3" y="158"/>
                  </a:cubicBezTo>
                  <a:cubicBezTo>
                    <a:pt x="3" y="152"/>
                    <a:pt x="7" y="163"/>
                    <a:pt x="8" y="162"/>
                  </a:cubicBezTo>
                  <a:cubicBezTo>
                    <a:pt x="8" y="158"/>
                    <a:pt x="3" y="154"/>
                    <a:pt x="5" y="151"/>
                  </a:cubicBezTo>
                  <a:cubicBezTo>
                    <a:pt x="7" y="149"/>
                    <a:pt x="11" y="165"/>
                    <a:pt x="11" y="157"/>
                  </a:cubicBezTo>
                  <a:cubicBezTo>
                    <a:pt x="11" y="149"/>
                    <a:pt x="0" y="141"/>
                    <a:pt x="5" y="132"/>
                  </a:cubicBezTo>
                  <a:cubicBezTo>
                    <a:pt x="11" y="123"/>
                    <a:pt x="3" y="124"/>
                    <a:pt x="8" y="116"/>
                  </a:cubicBezTo>
                  <a:cubicBezTo>
                    <a:pt x="13" y="109"/>
                    <a:pt x="10" y="126"/>
                    <a:pt x="13" y="116"/>
                  </a:cubicBezTo>
                  <a:cubicBezTo>
                    <a:pt x="16" y="109"/>
                    <a:pt x="17" y="115"/>
                    <a:pt x="25" y="105"/>
                  </a:cubicBezTo>
                  <a:cubicBezTo>
                    <a:pt x="32" y="96"/>
                    <a:pt x="32" y="104"/>
                    <a:pt x="38" y="101"/>
                  </a:cubicBezTo>
                  <a:cubicBezTo>
                    <a:pt x="45" y="98"/>
                    <a:pt x="48" y="98"/>
                    <a:pt x="49" y="95"/>
                  </a:cubicBezTo>
                  <a:cubicBezTo>
                    <a:pt x="51" y="92"/>
                    <a:pt x="55" y="98"/>
                    <a:pt x="63" y="92"/>
                  </a:cubicBezTo>
                  <a:cubicBezTo>
                    <a:pt x="70" y="87"/>
                    <a:pt x="67" y="82"/>
                    <a:pt x="72" y="78"/>
                  </a:cubicBezTo>
                  <a:close/>
                  <a:moveTo>
                    <a:pt x="255" y="323"/>
                  </a:moveTo>
                  <a:cubicBezTo>
                    <a:pt x="256" y="326"/>
                    <a:pt x="256" y="325"/>
                    <a:pt x="256" y="328"/>
                  </a:cubicBezTo>
                  <a:cubicBezTo>
                    <a:pt x="256" y="331"/>
                    <a:pt x="258" y="337"/>
                    <a:pt x="259" y="339"/>
                  </a:cubicBezTo>
                  <a:cubicBezTo>
                    <a:pt x="262" y="340"/>
                    <a:pt x="262" y="345"/>
                    <a:pt x="264" y="345"/>
                  </a:cubicBezTo>
                  <a:cubicBezTo>
                    <a:pt x="265" y="343"/>
                    <a:pt x="267" y="345"/>
                    <a:pt x="270" y="345"/>
                  </a:cubicBezTo>
                  <a:cubicBezTo>
                    <a:pt x="271" y="346"/>
                    <a:pt x="270" y="343"/>
                    <a:pt x="273" y="342"/>
                  </a:cubicBezTo>
                  <a:cubicBezTo>
                    <a:pt x="274" y="340"/>
                    <a:pt x="274" y="337"/>
                    <a:pt x="274" y="339"/>
                  </a:cubicBezTo>
                  <a:cubicBezTo>
                    <a:pt x="276" y="340"/>
                    <a:pt x="274" y="336"/>
                    <a:pt x="276" y="337"/>
                  </a:cubicBezTo>
                  <a:cubicBezTo>
                    <a:pt x="277" y="337"/>
                    <a:pt x="277" y="339"/>
                    <a:pt x="277" y="339"/>
                  </a:cubicBezTo>
                  <a:cubicBezTo>
                    <a:pt x="276" y="339"/>
                    <a:pt x="276" y="340"/>
                    <a:pt x="279" y="340"/>
                  </a:cubicBezTo>
                  <a:cubicBezTo>
                    <a:pt x="280" y="342"/>
                    <a:pt x="277" y="334"/>
                    <a:pt x="279" y="333"/>
                  </a:cubicBezTo>
                  <a:cubicBezTo>
                    <a:pt x="280" y="333"/>
                    <a:pt x="277" y="329"/>
                    <a:pt x="279" y="328"/>
                  </a:cubicBezTo>
                  <a:cubicBezTo>
                    <a:pt x="282" y="326"/>
                    <a:pt x="280" y="331"/>
                    <a:pt x="282" y="329"/>
                  </a:cubicBezTo>
                  <a:cubicBezTo>
                    <a:pt x="283" y="328"/>
                    <a:pt x="280" y="328"/>
                    <a:pt x="282" y="322"/>
                  </a:cubicBezTo>
                  <a:cubicBezTo>
                    <a:pt x="282" y="317"/>
                    <a:pt x="280" y="312"/>
                    <a:pt x="279" y="314"/>
                  </a:cubicBezTo>
                  <a:cubicBezTo>
                    <a:pt x="277" y="315"/>
                    <a:pt x="277" y="312"/>
                    <a:pt x="276" y="315"/>
                  </a:cubicBezTo>
                  <a:cubicBezTo>
                    <a:pt x="274" y="317"/>
                    <a:pt x="276" y="314"/>
                    <a:pt x="270" y="317"/>
                  </a:cubicBezTo>
                  <a:cubicBezTo>
                    <a:pt x="262" y="320"/>
                    <a:pt x="264" y="314"/>
                    <a:pt x="258" y="314"/>
                  </a:cubicBezTo>
                  <a:cubicBezTo>
                    <a:pt x="253" y="314"/>
                    <a:pt x="253" y="309"/>
                    <a:pt x="251" y="315"/>
                  </a:cubicBezTo>
                  <a:cubicBezTo>
                    <a:pt x="251" y="317"/>
                    <a:pt x="253" y="318"/>
                    <a:pt x="255" y="323"/>
                  </a:cubicBezTo>
                  <a:close/>
                  <a:moveTo>
                    <a:pt x="247" y="300"/>
                  </a:moveTo>
                  <a:cubicBezTo>
                    <a:pt x="248" y="298"/>
                    <a:pt x="250" y="305"/>
                    <a:pt x="247" y="306"/>
                  </a:cubicBezTo>
                  <a:cubicBezTo>
                    <a:pt x="245" y="306"/>
                    <a:pt x="245" y="301"/>
                    <a:pt x="247" y="300"/>
                  </a:cubicBezTo>
                  <a:close/>
                  <a:moveTo>
                    <a:pt x="277" y="305"/>
                  </a:moveTo>
                  <a:cubicBezTo>
                    <a:pt x="279" y="305"/>
                    <a:pt x="279" y="305"/>
                    <a:pt x="279" y="306"/>
                  </a:cubicBezTo>
                  <a:cubicBezTo>
                    <a:pt x="279" y="308"/>
                    <a:pt x="282" y="308"/>
                    <a:pt x="282" y="306"/>
                  </a:cubicBezTo>
                  <a:cubicBezTo>
                    <a:pt x="280" y="305"/>
                    <a:pt x="283" y="305"/>
                    <a:pt x="280" y="305"/>
                  </a:cubicBezTo>
                  <a:cubicBezTo>
                    <a:pt x="279" y="303"/>
                    <a:pt x="279" y="300"/>
                    <a:pt x="277" y="303"/>
                  </a:cubicBezTo>
                  <a:cubicBezTo>
                    <a:pt x="277" y="303"/>
                    <a:pt x="276" y="303"/>
                    <a:pt x="277" y="305"/>
                  </a:cubicBezTo>
                  <a:close/>
                  <a:moveTo>
                    <a:pt x="279" y="309"/>
                  </a:moveTo>
                  <a:cubicBezTo>
                    <a:pt x="279" y="308"/>
                    <a:pt x="283" y="308"/>
                    <a:pt x="282" y="309"/>
                  </a:cubicBezTo>
                  <a:cubicBezTo>
                    <a:pt x="282" y="311"/>
                    <a:pt x="279" y="309"/>
                    <a:pt x="279" y="309"/>
                  </a:cubicBezTo>
                  <a:close/>
                  <a:moveTo>
                    <a:pt x="197" y="261"/>
                  </a:moveTo>
                  <a:cubicBezTo>
                    <a:pt x="198" y="259"/>
                    <a:pt x="201" y="261"/>
                    <a:pt x="200" y="259"/>
                  </a:cubicBezTo>
                  <a:cubicBezTo>
                    <a:pt x="200" y="258"/>
                    <a:pt x="198" y="259"/>
                    <a:pt x="197" y="256"/>
                  </a:cubicBezTo>
                  <a:cubicBezTo>
                    <a:pt x="195" y="255"/>
                    <a:pt x="188" y="258"/>
                    <a:pt x="188" y="261"/>
                  </a:cubicBezTo>
                  <a:cubicBezTo>
                    <a:pt x="189" y="263"/>
                    <a:pt x="195" y="261"/>
                    <a:pt x="197" y="261"/>
                  </a:cubicBezTo>
                  <a:close/>
                  <a:moveTo>
                    <a:pt x="148" y="8"/>
                  </a:moveTo>
                  <a:cubicBezTo>
                    <a:pt x="145" y="3"/>
                    <a:pt x="145" y="11"/>
                    <a:pt x="140" y="8"/>
                  </a:cubicBezTo>
                  <a:cubicBezTo>
                    <a:pt x="137" y="6"/>
                    <a:pt x="140" y="11"/>
                    <a:pt x="143" y="14"/>
                  </a:cubicBezTo>
                  <a:cubicBezTo>
                    <a:pt x="145" y="14"/>
                    <a:pt x="150" y="11"/>
                    <a:pt x="148" y="8"/>
                  </a:cubicBezTo>
                  <a:close/>
                  <a:moveTo>
                    <a:pt x="139" y="11"/>
                  </a:moveTo>
                  <a:cubicBezTo>
                    <a:pt x="137" y="8"/>
                    <a:pt x="137" y="8"/>
                    <a:pt x="137" y="11"/>
                  </a:cubicBezTo>
                  <a:cubicBezTo>
                    <a:pt x="137" y="12"/>
                    <a:pt x="136" y="12"/>
                    <a:pt x="139" y="14"/>
                  </a:cubicBezTo>
                  <a:cubicBezTo>
                    <a:pt x="140" y="14"/>
                    <a:pt x="140" y="12"/>
                    <a:pt x="139" y="11"/>
                  </a:cubicBezTo>
                  <a:close/>
                  <a:moveTo>
                    <a:pt x="188" y="36"/>
                  </a:moveTo>
                  <a:cubicBezTo>
                    <a:pt x="186" y="32"/>
                    <a:pt x="191" y="32"/>
                    <a:pt x="191" y="34"/>
                  </a:cubicBezTo>
                  <a:cubicBezTo>
                    <a:pt x="189" y="37"/>
                    <a:pt x="188" y="39"/>
                    <a:pt x="188" y="36"/>
                  </a:cubicBezTo>
                  <a:close/>
                  <a:moveTo>
                    <a:pt x="320" y="151"/>
                  </a:moveTo>
                  <a:cubicBezTo>
                    <a:pt x="320" y="149"/>
                    <a:pt x="321" y="148"/>
                    <a:pt x="321" y="146"/>
                  </a:cubicBezTo>
                  <a:cubicBezTo>
                    <a:pt x="321" y="144"/>
                    <a:pt x="321" y="144"/>
                    <a:pt x="321" y="143"/>
                  </a:cubicBezTo>
                  <a:cubicBezTo>
                    <a:pt x="321" y="141"/>
                    <a:pt x="320" y="143"/>
                    <a:pt x="320" y="144"/>
                  </a:cubicBezTo>
                  <a:cubicBezTo>
                    <a:pt x="321" y="146"/>
                    <a:pt x="319" y="148"/>
                    <a:pt x="319" y="148"/>
                  </a:cubicBezTo>
                  <a:cubicBezTo>
                    <a:pt x="320" y="149"/>
                    <a:pt x="317" y="152"/>
                    <a:pt x="319" y="154"/>
                  </a:cubicBezTo>
                  <a:cubicBezTo>
                    <a:pt x="320" y="154"/>
                    <a:pt x="320" y="152"/>
                    <a:pt x="320" y="151"/>
                  </a:cubicBezTo>
                  <a:close/>
                  <a:moveTo>
                    <a:pt x="210" y="60"/>
                  </a:moveTo>
                  <a:cubicBezTo>
                    <a:pt x="212" y="60"/>
                    <a:pt x="215" y="60"/>
                    <a:pt x="213" y="59"/>
                  </a:cubicBezTo>
                  <a:cubicBezTo>
                    <a:pt x="212" y="57"/>
                    <a:pt x="207" y="60"/>
                    <a:pt x="209" y="62"/>
                  </a:cubicBezTo>
                  <a:cubicBezTo>
                    <a:pt x="209" y="62"/>
                    <a:pt x="210" y="62"/>
                    <a:pt x="210" y="60"/>
                  </a:cubicBezTo>
                  <a:close/>
                </a:path>
              </a:pathLst>
            </a:custGeom>
            <a:solidFill>
              <a:schemeClr val="accent5"/>
            </a:solidFill>
            <a:ln w="6350" cmpd="sng">
              <a:solidFill>
                <a:schemeClr val="bg1"/>
              </a:solidFill>
              <a:round/>
              <a:headEnd/>
              <a:tailEnd/>
            </a:ln>
          </p:spPr>
          <p:txBody>
            <a:bodyPr/>
            <a:lstStyle/>
            <a:p>
              <a:endParaRPr lang="en-GB" sz="1633" dirty="0"/>
            </a:p>
          </p:txBody>
        </p:sp>
        <p:sp>
          <p:nvSpPr>
            <p:cNvPr id="277" name="Freeform 273"/>
            <p:cNvSpPr>
              <a:spLocks/>
            </p:cNvSpPr>
            <p:nvPr/>
          </p:nvSpPr>
          <p:spPr bwMode="auto">
            <a:xfrm>
              <a:off x="5098330" y="4102755"/>
              <a:ext cx="17675" cy="9640"/>
            </a:xfrm>
            <a:custGeom>
              <a:avLst/>
              <a:gdLst/>
              <a:ahLst/>
              <a:cxnLst>
                <a:cxn ang="0">
                  <a:pos x="3" y="3"/>
                </a:cxn>
                <a:cxn ang="0">
                  <a:pos x="0" y="0"/>
                </a:cxn>
                <a:cxn ang="0">
                  <a:pos x="3" y="1"/>
                </a:cxn>
                <a:cxn ang="0">
                  <a:pos x="4" y="1"/>
                </a:cxn>
                <a:cxn ang="0">
                  <a:pos x="3" y="3"/>
                </a:cxn>
              </a:cxnLst>
              <a:rect l="0" t="0" r="r" b="b"/>
              <a:pathLst>
                <a:path w="6" h="3">
                  <a:moveTo>
                    <a:pt x="3" y="3"/>
                  </a:moveTo>
                  <a:cubicBezTo>
                    <a:pt x="0" y="1"/>
                    <a:pt x="0" y="1"/>
                    <a:pt x="0" y="0"/>
                  </a:cubicBezTo>
                  <a:cubicBezTo>
                    <a:pt x="1" y="0"/>
                    <a:pt x="1" y="1"/>
                    <a:pt x="3" y="1"/>
                  </a:cubicBezTo>
                  <a:cubicBezTo>
                    <a:pt x="3" y="1"/>
                    <a:pt x="6" y="1"/>
                    <a:pt x="4" y="1"/>
                  </a:cubicBezTo>
                  <a:cubicBezTo>
                    <a:pt x="3" y="3"/>
                    <a:pt x="3" y="3"/>
                    <a:pt x="3" y="3"/>
                  </a:cubicBezTo>
                </a:path>
              </a:pathLst>
            </a:custGeom>
            <a:grpFill/>
            <a:ln w="6350" cmpd="sng">
              <a:solidFill>
                <a:schemeClr val="bg1"/>
              </a:solidFill>
              <a:round/>
              <a:headEnd/>
              <a:tailEnd/>
            </a:ln>
          </p:spPr>
          <p:txBody>
            <a:bodyPr/>
            <a:lstStyle/>
            <a:p>
              <a:endParaRPr lang="en-GB" sz="1633" dirty="0"/>
            </a:p>
          </p:txBody>
        </p:sp>
        <p:sp>
          <p:nvSpPr>
            <p:cNvPr id="278" name="Freeform 274"/>
            <p:cNvSpPr>
              <a:spLocks/>
            </p:cNvSpPr>
            <p:nvPr/>
          </p:nvSpPr>
          <p:spPr bwMode="auto">
            <a:xfrm>
              <a:off x="6591029" y="5478134"/>
              <a:ext cx="12854" cy="20888"/>
            </a:xfrm>
            <a:custGeom>
              <a:avLst/>
              <a:gdLst/>
              <a:ahLst/>
              <a:cxnLst>
                <a:cxn ang="0">
                  <a:pos x="2" y="2"/>
                </a:cxn>
                <a:cxn ang="0">
                  <a:pos x="2" y="7"/>
                </a:cxn>
                <a:cxn ang="0">
                  <a:pos x="2" y="2"/>
                </a:cxn>
              </a:cxnLst>
              <a:rect l="0" t="0" r="r" b="b"/>
              <a:pathLst>
                <a:path w="4" h="7">
                  <a:moveTo>
                    <a:pt x="2" y="2"/>
                  </a:moveTo>
                  <a:cubicBezTo>
                    <a:pt x="2" y="0"/>
                    <a:pt x="4" y="7"/>
                    <a:pt x="2" y="7"/>
                  </a:cubicBezTo>
                  <a:cubicBezTo>
                    <a:pt x="0" y="7"/>
                    <a:pt x="0" y="2"/>
                    <a:pt x="2" y="2"/>
                  </a:cubicBezTo>
                </a:path>
              </a:pathLst>
            </a:custGeom>
            <a:grpFill/>
            <a:ln w="6350" cmpd="sng">
              <a:solidFill>
                <a:schemeClr val="bg1"/>
              </a:solidFill>
              <a:round/>
              <a:headEnd/>
              <a:tailEnd/>
            </a:ln>
          </p:spPr>
          <p:txBody>
            <a:bodyPr/>
            <a:lstStyle/>
            <a:p>
              <a:endParaRPr lang="en-GB" sz="1633" dirty="0"/>
            </a:p>
          </p:txBody>
        </p:sp>
        <p:sp>
          <p:nvSpPr>
            <p:cNvPr id="279" name="Freeform 275"/>
            <p:cNvSpPr>
              <a:spLocks/>
            </p:cNvSpPr>
            <p:nvPr/>
          </p:nvSpPr>
          <p:spPr bwMode="auto">
            <a:xfrm>
              <a:off x="6634413" y="5518304"/>
              <a:ext cx="9641" cy="16068"/>
            </a:xfrm>
            <a:custGeom>
              <a:avLst/>
              <a:gdLst/>
              <a:ahLst/>
              <a:cxnLst>
                <a:cxn ang="0">
                  <a:pos x="2" y="3"/>
                </a:cxn>
                <a:cxn ang="0">
                  <a:pos x="2" y="2"/>
                </a:cxn>
                <a:cxn ang="0">
                  <a:pos x="2" y="3"/>
                </a:cxn>
              </a:cxnLst>
              <a:rect l="0" t="0" r="r" b="b"/>
              <a:pathLst>
                <a:path w="3" h="5">
                  <a:moveTo>
                    <a:pt x="2" y="3"/>
                  </a:moveTo>
                  <a:cubicBezTo>
                    <a:pt x="0" y="2"/>
                    <a:pt x="0" y="0"/>
                    <a:pt x="2" y="2"/>
                  </a:cubicBezTo>
                  <a:cubicBezTo>
                    <a:pt x="3" y="2"/>
                    <a:pt x="3" y="5"/>
                    <a:pt x="2" y="3"/>
                  </a:cubicBezTo>
                </a:path>
              </a:pathLst>
            </a:custGeom>
            <a:grpFill/>
            <a:ln w="6350" cmpd="sng">
              <a:solidFill>
                <a:schemeClr val="bg1"/>
              </a:solidFill>
              <a:round/>
              <a:headEnd/>
              <a:tailEnd/>
            </a:ln>
          </p:spPr>
          <p:txBody>
            <a:bodyPr/>
            <a:lstStyle/>
            <a:p>
              <a:endParaRPr lang="en-GB" sz="1633" dirty="0"/>
            </a:p>
          </p:txBody>
        </p:sp>
        <p:sp>
          <p:nvSpPr>
            <p:cNvPr id="280" name="Freeform 276"/>
            <p:cNvSpPr>
              <a:spLocks/>
            </p:cNvSpPr>
            <p:nvPr/>
          </p:nvSpPr>
          <p:spPr bwMode="auto">
            <a:xfrm>
              <a:off x="6615132" y="5502236"/>
              <a:ext cx="9641" cy="9640"/>
            </a:xfrm>
            <a:custGeom>
              <a:avLst/>
              <a:gdLst/>
              <a:ahLst/>
              <a:cxnLst>
                <a:cxn ang="0">
                  <a:pos x="2" y="0"/>
                </a:cxn>
                <a:cxn ang="0">
                  <a:pos x="3" y="3"/>
                </a:cxn>
                <a:cxn ang="0">
                  <a:pos x="2" y="0"/>
                </a:cxn>
              </a:cxnLst>
              <a:rect l="0" t="0" r="r" b="b"/>
              <a:pathLst>
                <a:path w="3" h="3">
                  <a:moveTo>
                    <a:pt x="2" y="0"/>
                  </a:moveTo>
                  <a:cubicBezTo>
                    <a:pt x="0" y="2"/>
                    <a:pt x="3" y="3"/>
                    <a:pt x="3" y="3"/>
                  </a:cubicBezTo>
                  <a:cubicBezTo>
                    <a:pt x="3" y="2"/>
                    <a:pt x="3" y="0"/>
                    <a:pt x="2" y="0"/>
                  </a:cubicBezTo>
                </a:path>
              </a:pathLst>
            </a:custGeom>
            <a:grpFill/>
            <a:ln w="6350" cmpd="sng">
              <a:solidFill>
                <a:schemeClr val="bg1"/>
              </a:solidFill>
              <a:round/>
              <a:headEnd/>
              <a:tailEnd/>
            </a:ln>
          </p:spPr>
          <p:txBody>
            <a:bodyPr/>
            <a:lstStyle/>
            <a:p>
              <a:endParaRPr lang="en-GB" sz="1633" dirty="0"/>
            </a:p>
          </p:txBody>
        </p:sp>
        <p:sp>
          <p:nvSpPr>
            <p:cNvPr id="281" name="Freeform 277"/>
            <p:cNvSpPr>
              <a:spLocks/>
            </p:cNvSpPr>
            <p:nvPr/>
          </p:nvSpPr>
          <p:spPr bwMode="auto">
            <a:xfrm>
              <a:off x="6250392" y="5163211"/>
              <a:ext cx="274759" cy="335811"/>
            </a:xfrm>
            <a:custGeom>
              <a:avLst/>
              <a:gdLst/>
              <a:ahLst/>
              <a:cxnLst>
                <a:cxn ang="0">
                  <a:pos x="2" y="35"/>
                </a:cxn>
                <a:cxn ang="0">
                  <a:pos x="11" y="24"/>
                </a:cxn>
                <a:cxn ang="0">
                  <a:pos x="9" y="17"/>
                </a:cxn>
                <a:cxn ang="0">
                  <a:pos x="11" y="14"/>
                </a:cxn>
                <a:cxn ang="0">
                  <a:pos x="12" y="8"/>
                </a:cxn>
                <a:cxn ang="0">
                  <a:pos x="9" y="0"/>
                </a:cxn>
                <a:cxn ang="0">
                  <a:pos x="37" y="0"/>
                </a:cxn>
                <a:cxn ang="0">
                  <a:pos x="64" y="19"/>
                </a:cxn>
                <a:cxn ang="0">
                  <a:pos x="67" y="27"/>
                </a:cxn>
                <a:cxn ang="0">
                  <a:pos x="79" y="36"/>
                </a:cxn>
                <a:cxn ang="0">
                  <a:pos x="76" y="44"/>
                </a:cxn>
                <a:cxn ang="0">
                  <a:pos x="81" y="58"/>
                </a:cxn>
                <a:cxn ang="0">
                  <a:pos x="81" y="66"/>
                </a:cxn>
                <a:cxn ang="0">
                  <a:pos x="81" y="77"/>
                </a:cxn>
                <a:cxn ang="0">
                  <a:pos x="82" y="89"/>
                </a:cxn>
                <a:cxn ang="0">
                  <a:pos x="88" y="94"/>
                </a:cxn>
                <a:cxn ang="0">
                  <a:pos x="76" y="102"/>
                </a:cxn>
                <a:cxn ang="0">
                  <a:pos x="69" y="102"/>
                </a:cxn>
                <a:cxn ang="0">
                  <a:pos x="61" y="105"/>
                </a:cxn>
                <a:cxn ang="0">
                  <a:pos x="53" y="105"/>
                </a:cxn>
                <a:cxn ang="0">
                  <a:pos x="43" y="103"/>
                </a:cxn>
                <a:cxn ang="0">
                  <a:pos x="41" y="94"/>
                </a:cxn>
                <a:cxn ang="0">
                  <a:pos x="37" y="84"/>
                </a:cxn>
                <a:cxn ang="0">
                  <a:pos x="29" y="83"/>
                </a:cxn>
                <a:cxn ang="0">
                  <a:pos x="21" y="78"/>
                </a:cxn>
                <a:cxn ang="0">
                  <a:pos x="18" y="77"/>
                </a:cxn>
                <a:cxn ang="0">
                  <a:pos x="12" y="70"/>
                </a:cxn>
                <a:cxn ang="0">
                  <a:pos x="9" y="63"/>
                </a:cxn>
                <a:cxn ang="0">
                  <a:pos x="2" y="49"/>
                </a:cxn>
                <a:cxn ang="0">
                  <a:pos x="2" y="35"/>
                </a:cxn>
              </a:cxnLst>
              <a:rect l="0" t="0" r="r" b="b"/>
              <a:pathLst>
                <a:path w="88" h="108">
                  <a:moveTo>
                    <a:pt x="2" y="35"/>
                  </a:moveTo>
                  <a:cubicBezTo>
                    <a:pt x="8" y="33"/>
                    <a:pt x="6" y="28"/>
                    <a:pt x="11" y="24"/>
                  </a:cubicBezTo>
                  <a:cubicBezTo>
                    <a:pt x="15" y="19"/>
                    <a:pt x="9" y="19"/>
                    <a:pt x="9" y="17"/>
                  </a:cubicBezTo>
                  <a:cubicBezTo>
                    <a:pt x="9" y="16"/>
                    <a:pt x="11" y="16"/>
                    <a:pt x="11" y="14"/>
                  </a:cubicBezTo>
                  <a:cubicBezTo>
                    <a:pt x="12" y="14"/>
                    <a:pt x="12" y="13"/>
                    <a:pt x="12" y="8"/>
                  </a:cubicBezTo>
                  <a:cubicBezTo>
                    <a:pt x="11" y="2"/>
                    <a:pt x="9" y="3"/>
                    <a:pt x="9" y="0"/>
                  </a:cubicBezTo>
                  <a:cubicBezTo>
                    <a:pt x="12" y="0"/>
                    <a:pt x="32" y="0"/>
                    <a:pt x="37" y="0"/>
                  </a:cubicBezTo>
                  <a:cubicBezTo>
                    <a:pt x="53" y="11"/>
                    <a:pt x="60" y="16"/>
                    <a:pt x="64" y="19"/>
                  </a:cubicBezTo>
                  <a:cubicBezTo>
                    <a:pt x="70" y="22"/>
                    <a:pt x="64" y="22"/>
                    <a:pt x="67" y="27"/>
                  </a:cubicBezTo>
                  <a:cubicBezTo>
                    <a:pt x="72" y="30"/>
                    <a:pt x="78" y="36"/>
                    <a:pt x="79" y="36"/>
                  </a:cubicBezTo>
                  <a:cubicBezTo>
                    <a:pt x="76" y="41"/>
                    <a:pt x="78" y="41"/>
                    <a:pt x="76" y="44"/>
                  </a:cubicBezTo>
                  <a:cubicBezTo>
                    <a:pt x="73" y="52"/>
                    <a:pt x="78" y="55"/>
                    <a:pt x="81" y="58"/>
                  </a:cubicBezTo>
                  <a:cubicBezTo>
                    <a:pt x="82" y="63"/>
                    <a:pt x="78" y="59"/>
                    <a:pt x="81" y="66"/>
                  </a:cubicBezTo>
                  <a:cubicBezTo>
                    <a:pt x="82" y="72"/>
                    <a:pt x="78" y="69"/>
                    <a:pt x="81" y="77"/>
                  </a:cubicBezTo>
                  <a:cubicBezTo>
                    <a:pt x="84" y="84"/>
                    <a:pt x="81" y="84"/>
                    <a:pt x="82" y="89"/>
                  </a:cubicBezTo>
                  <a:cubicBezTo>
                    <a:pt x="85" y="92"/>
                    <a:pt x="85" y="89"/>
                    <a:pt x="88" y="94"/>
                  </a:cubicBezTo>
                  <a:cubicBezTo>
                    <a:pt x="85" y="97"/>
                    <a:pt x="82" y="98"/>
                    <a:pt x="76" y="102"/>
                  </a:cubicBezTo>
                  <a:cubicBezTo>
                    <a:pt x="70" y="105"/>
                    <a:pt x="69" y="97"/>
                    <a:pt x="69" y="102"/>
                  </a:cubicBezTo>
                  <a:cubicBezTo>
                    <a:pt x="67" y="106"/>
                    <a:pt x="63" y="106"/>
                    <a:pt x="61" y="105"/>
                  </a:cubicBezTo>
                  <a:cubicBezTo>
                    <a:pt x="60" y="103"/>
                    <a:pt x="56" y="108"/>
                    <a:pt x="53" y="105"/>
                  </a:cubicBezTo>
                  <a:cubicBezTo>
                    <a:pt x="50" y="100"/>
                    <a:pt x="50" y="106"/>
                    <a:pt x="43" y="103"/>
                  </a:cubicBezTo>
                  <a:cubicBezTo>
                    <a:pt x="40" y="98"/>
                    <a:pt x="43" y="98"/>
                    <a:pt x="41" y="94"/>
                  </a:cubicBezTo>
                  <a:cubicBezTo>
                    <a:pt x="40" y="89"/>
                    <a:pt x="38" y="86"/>
                    <a:pt x="37" y="84"/>
                  </a:cubicBezTo>
                  <a:cubicBezTo>
                    <a:pt x="34" y="84"/>
                    <a:pt x="31" y="84"/>
                    <a:pt x="29" y="83"/>
                  </a:cubicBezTo>
                  <a:cubicBezTo>
                    <a:pt x="21" y="78"/>
                    <a:pt x="23" y="81"/>
                    <a:pt x="21" y="78"/>
                  </a:cubicBezTo>
                  <a:cubicBezTo>
                    <a:pt x="20" y="75"/>
                    <a:pt x="20" y="80"/>
                    <a:pt x="18" y="77"/>
                  </a:cubicBezTo>
                  <a:cubicBezTo>
                    <a:pt x="17" y="74"/>
                    <a:pt x="14" y="75"/>
                    <a:pt x="12" y="70"/>
                  </a:cubicBezTo>
                  <a:cubicBezTo>
                    <a:pt x="11" y="69"/>
                    <a:pt x="9" y="67"/>
                    <a:pt x="9" y="63"/>
                  </a:cubicBezTo>
                  <a:cubicBezTo>
                    <a:pt x="8" y="59"/>
                    <a:pt x="0" y="53"/>
                    <a:pt x="2" y="49"/>
                  </a:cubicBezTo>
                  <a:cubicBezTo>
                    <a:pt x="3" y="44"/>
                    <a:pt x="0" y="41"/>
                    <a:pt x="2" y="35"/>
                  </a:cubicBezTo>
                </a:path>
              </a:pathLst>
            </a:custGeom>
            <a:solidFill>
              <a:schemeClr val="accent5"/>
            </a:solidFill>
            <a:ln w="6350" cmpd="sng">
              <a:solidFill>
                <a:schemeClr val="bg1"/>
              </a:solidFill>
              <a:round/>
              <a:headEnd/>
              <a:tailEnd/>
            </a:ln>
          </p:spPr>
          <p:txBody>
            <a:bodyPr/>
            <a:lstStyle/>
            <a:p>
              <a:endParaRPr lang="en-GB" sz="1633" dirty="0"/>
            </a:p>
          </p:txBody>
        </p:sp>
        <p:sp>
          <p:nvSpPr>
            <p:cNvPr id="282" name="Freeform 278"/>
            <p:cNvSpPr>
              <a:spLocks/>
            </p:cNvSpPr>
            <p:nvPr/>
          </p:nvSpPr>
          <p:spPr bwMode="auto">
            <a:xfrm>
              <a:off x="6491410" y="5302998"/>
              <a:ext cx="14460" cy="30528"/>
            </a:xfrm>
            <a:custGeom>
              <a:avLst/>
              <a:gdLst/>
              <a:ahLst/>
              <a:cxnLst>
                <a:cxn ang="0">
                  <a:pos x="2" y="9"/>
                </a:cxn>
                <a:cxn ang="0">
                  <a:pos x="2" y="4"/>
                </a:cxn>
                <a:cxn ang="0">
                  <a:pos x="3" y="4"/>
                </a:cxn>
                <a:cxn ang="0">
                  <a:pos x="3" y="7"/>
                </a:cxn>
                <a:cxn ang="0">
                  <a:pos x="2" y="9"/>
                </a:cxn>
              </a:cxnLst>
              <a:rect l="0" t="0" r="r" b="b"/>
              <a:pathLst>
                <a:path w="5" h="10">
                  <a:moveTo>
                    <a:pt x="2" y="9"/>
                  </a:moveTo>
                  <a:cubicBezTo>
                    <a:pt x="2" y="7"/>
                    <a:pt x="0" y="4"/>
                    <a:pt x="2" y="4"/>
                  </a:cubicBezTo>
                  <a:cubicBezTo>
                    <a:pt x="2" y="2"/>
                    <a:pt x="2" y="0"/>
                    <a:pt x="3" y="4"/>
                  </a:cubicBezTo>
                  <a:cubicBezTo>
                    <a:pt x="3" y="7"/>
                    <a:pt x="3" y="5"/>
                    <a:pt x="3" y="7"/>
                  </a:cubicBezTo>
                  <a:cubicBezTo>
                    <a:pt x="5" y="9"/>
                    <a:pt x="5" y="10"/>
                    <a:pt x="2" y="9"/>
                  </a:cubicBezTo>
                </a:path>
              </a:pathLst>
            </a:custGeom>
            <a:grpFill/>
            <a:ln w="6350" cmpd="sng">
              <a:solidFill>
                <a:schemeClr val="bg1"/>
              </a:solidFill>
              <a:round/>
              <a:headEnd/>
              <a:tailEnd/>
            </a:ln>
          </p:spPr>
          <p:txBody>
            <a:bodyPr/>
            <a:lstStyle/>
            <a:p>
              <a:endParaRPr lang="en-GB" sz="1633" dirty="0"/>
            </a:p>
          </p:txBody>
        </p:sp>
        <p:sp>
          <p:nvSpPr>
            <p:cNvPr id="283" name="Freeform 279"/>
            <p:cNvSpPr>
              <a:spLocks/>
            </p:cNvSpPr>
            <p:nvPr/>
          </p:nvSpPr>
          <p:spPr bwMode="auto">
            <a:xfrm>
              <a:off x="6501050" y="5282111"/>
              <a:ext cx="8034" cy="17674"/>
            </a:xfrm>
            <a:custGeom>
              <a:avLst/>
              <a:gdLst/>
              <a:ahLst/>
              <a:cxnLst>
                <a:cxn ang="0">
                  <a:pos x="2" y="6"/>
                </a:cxn>
                <a:cxn ang="0">
                  <a:pos x="2" y="3"/>
                </a:cxn>
                <a:cxn ang="0">
                  <a:pos x="3" y="1"/>
                </a:cxn>
                <a:cxn ang="0">
                  <a:pos x="3" y="4"/>
                </a:cxn>
                <a:cxn ang="0">
                  <a:pos x="2" y="6"/>
                </a:cxn>
              </a:cxnLst>
              <a:rect l="0" t="0" r="r" b="b"/>
              <a:pathLst>
                <a:path w="3" h="6">
                  <a:moveTo>
                    <a:pt x="2" y="6"/>
                  </a:moveTo>
                  <a:cubicBezTo>
                    <a:pt x="0" y="4"/>
                    <a:pt x="2" y="4"/>
                    <a:pt x="2" y="3"/>
                  </a:cubicBezTo>
                  <a:cubicBezTo>
                    <a:pt x="2" y="1"/>
                    <a:pt x="2" y="0"/>
                    <a:pt x="3" y="1"/>
                  </a:cubicBezTo>
                  <a:cubicBezTo>
                    <a:pt x="3" y="1"/>
                    <a:pt x="3" y="1"/>
                    <a:pt x="3" y="4"/>
                  </a:cubicBezTo>
                  <a:cubicBezTo>
                    <a:pt x="3" y="6"/>
                    <a:pt x="3" y="6"/>
                    <a:pt x="2" y="6"/>
                  </a:cubicBezTo>
                </a:path>
              </a:pathLst>
            </a:custGeom>
            <a:grpFill/>
            <a:ln w="6350" cmpd="sng">
              <a:solidFill>
                <a:schemeClr val="bg1"/>
              </a:solidFill>
              <a:round/>
              <a:headEnd/>
              <a:tailEnd/>
            </a:ln>
          </p:spPr>
          <p:txBody>
            <a:bodyPr/>
            <a:lstStyle/>
            <a:p>
              <a:endParaRPr lang="en-GB" sz="1633" dirty="0"/>
            </a:p>
          </p:txBody>
        </p:sp>
        <p:sp>
          <p:nvSpPr>
            <p:cNvPr id="284" name="Freeform 280"/>
            <p:cNvSpPr>
              <a:spLocks/>
            </p:cNvSpPr>
            <p:nvPr/>
          </p:nvSpPr>
          <p:spPr bwMode="auto">
            <a:xfrm>
              <a:off x="6501050" y="5362448"/>
              <a:ext cx="14460" cy="16068"/>
            </a:xfrm>
            <a:custGeom>
              <a:avLst/>
              <a:gdLst/>
              <a:ahLst/>
              <a:cxnLst>
                <a:cxn ang="0">
                  <a:pos x="2" y="5"/>
                </a:cxn>
                <a:cxn ang="0">
                  <a:pos x="3" y="2"/>
                </a:cxn>
                <a:cxn ang="0">
                  <a:pos x="2" y="5"/>
                </a:cxn>
              </a:cxnLst>
              <a:rect l="0" t="0" r="r" b="b"/>
              <a:pathLst>
                <a:path w="5" h="5">
                  <a:moveTo>
                    <a:pt x="2" y="5"/>
                  </a:moveTo>
                  <a:cubicBezTo>
                    <a:pt x="0" y="5"/>
                    <a:pt x="5" y="0"/>
                    <a:pt x="3" y="2"/>
                  </a:cubicBezTo>
                  <a:cubicBezTo>
                    <a:pt x="3" y="3"/>
                    <a:pt x="3" y="5"/>
                    <a:pt x="2" y="5"/>
                  </a:cubicBezTo>
                </a:path>
              </a:pathLst>
            </a:custGeom>
            <a:grpFill/>
            <a:ln w="6350" cmpd="sng">
              <a:solidFill>
                <a:schemeClr val="bg1"/>
              </a:solidFill>
              <a:round/>
              <a:headEnd/>
              <a:tailEnd/>
            </a:ln>
          </p:spPr>
          <p:txBody>
            <a:bodyPr/>
            <a:lstStyle/>
            <a:p>
              <a:endParaRPr lang="en-GB" sz="1633" dirty="0"/>
            </a:p>
          </p:txBody>
        </p:sp>
        <p:sp>
          <p:nvSpPr>
            <p:cNvPr id="285" name="Freeform 283"/>
            <p:cNvSpPr>
              <a:spLocks/>
            </p:cNvSpPr>
            <p:nvPr/>
          </p:nvSpPr>
          <p:spPr bwMode="auto">
            <a:xfrm>
              <a:off x="5930643" y="3747663"/>
              <a:ext cx="20888" cy="6427"/>
            </a:xfrm>
            <a:custGeom>
              <a:avLst/>
              <a:gdLst/>
              <a:ahLst/>
              <a:cxnLst>
                <a:cxn ang="0">
                  <a:pos x="6" y="2"/>
                </a:cxn>
                <a:cxn ang="0">
                  <a:pos x="3" y="2"/>
                </a:cxn>
                <a:cxn ang="0">
                  <a:pos x="1" y="2"/>
                </a:cxn>
                <a:cxn ang="0">
                  <a:pos x="6" y="2"/>
                </a:cxn>
              </a:cxnLst>
              <a:rect l="0" t="0" r="r" b="b"/>
              <a:pathLst>
                <a:path w="7" h="2">
                  <a:moveTo>
                    <a:pt x="6" y="2"/>
                  </a:moveTo>
                  <a:cubicBezTo>
                    <a:pt x="7" y="2"/>
                    <a:pt x="4" y="2"/>
                    <a:pt x="3" y="2"/>
                  </a:cubicBezTo>
                  <a:cubicBezTo>
                    <a:pt x="0" y="2"/>
                    <a:pt x="0" y="2"/>
                    <a:pt x="1" y="2"/>
                  </a:cubicBezTo>
                  <a:cubicBezTo>
                    <a:pt x="3" y="0"/>
                    <a:pt x="4" y="2"/>
                    <a:pt x="6" y="2"/>
                  </a:cubicBezTo>
                </a:path>
              </a:pathLst>
            </a:custGeom>
            <a:grpFill/>
            <a:ln w="6350" cmpd="sng">
              <a:solidFill>
                <a:schemeClr val="bg1"/>
              </a:solidFill>
              <a:round/>
              <a:headEnd/>
              <a:tailEnd/>
            </a:ln>
          </p:spPr>
          <p:txBody>
            <a:bodyPr/>
            <a:lstStyle/>
            <a:p>
              <a:endParaRPr lang="en-GB" sz="1633" dirty="0"/>
            </a:p>
          </p:txBody>
        </p:sp>
        <p:sp>
          <p:nvSpPr>
            <p:cNvPr id="286" name="Freeform 284"/>
            <p:cNvSpPr>
              <a:spLocks/>
            </p:cNvSpPr>
            <p:nvPr/>
          </p:nvSpPr>
          <p:spPr bwMode="auto">
            <a:xfrm>
              <a:off x="5930643" y="3744449"/>
              <a:ext cx="17675" cy="3213"/>
            </a:xfrm>
            <a:custGeom>
              <a:avLst/>
              <a:gdLst/>
              <a:ahLst/>
              <a:cxnLst>
                <a:cxn ang="0">
                  <a:pos x="1" y="1"/>
                </a:cxn>
                <a:cxn ang="0">
                  <a:pos x="4" y="1"/>
                </a:cxn>
                <a:cxn ang="0">
                  <a:pos x="1" y="1"/>
                </a:cxn>
              </a:cxnLst>
              <a:rect l="0" t="0" r="r" b="b"/>
              <a:pathLst>
                <a:path w="6" h="1">
                  <a:moveTo>
                    <a:pt x="1" y="1"/>
                  </a:moveTo>
                  <a:cubicBezTo>
                    <a:pt x="0" y="0"/>
                    <a:pt x="6" y="1"/>
                    <a:pt x="4" y="1"/>
                  </a:cubicBezTo>
                  <a:cubicBezTo>
                    <a:pt x="3" y="1"/>
                    <a:pt x="1" y="1"/>
                    <a:pt x="1" y="1"/>
                  </a:cubicBezTo>
                </a:path>
              </a:pathLst>
            </a:custGeom>
            <a:grpFill/>
            <a:ln w="6350" cmpd="sng">
              <a:solidFill>
                <a:schemeClr val="bg1"/>
              </a:solidFill>
              <a:round/>
              <a:headEnd/>
              <a:tailEnd/>
            </a:ln>
          </p:spPr>
          <p:txBody>
            <a:bodyPr/>
            <a:lstStyle/>
            <a:p>
              <a:endParaRPr lang="en-GB" sz="1633" dirty="0"/>
            </a:p>
          </p:txBody>
        </p:sp>
        <p:sp>
          <p:nvSpPr>
            <p:cNvPr id="287" name="Freeform 285"/>
            <p:cNvSpPr>
              <a:spLocks/>
            </p:cNvSpPr>
            <p:nvPr/>
          </p:nvSpPr>
          <p:spPr bwMode="auto">
            <a:xfrm>
              <a:off x="5933856" y="3760517"/>
              <a:ext cx="14460" cy="3213"/>
            </a:xfrm>
            <a:custGeom>
              <a:avLst/>
              <a:gdLst/>
              <a:ahLst/>
              <a:cxnLst>
                <a:cxn ang="0">
                  <a:pos x="2" y="1"/>
                </a:cxn>
                <a:cxn ang="0">
                  <a:pos x="5" y="1"/>
                </a:cxn>
                <a:cxn ang="0">
                  <a:pos x="3" y="1"/>
                </a:cxn>
                <a:cxn ang="0">
                  <a:pos x="2" y="1"/>
                </a:cxn>
              </a:cxnLst>
              <a:rect l="0" t="0" r="r" b="b"/>
              <a:pathLst>
                <a:path w="5" h="1">
                  <a:moveTo>
                    <a:pt x="2" y="1"/>
                  </a:moveTo>
                  <a:cubicBezTo>
                    <a:pt x="0" y="0"/>
                    <a:pt x="5" y="0"/>
                    <a:pt x="5" y="1"/>
                  </a:cubicBezTo>
                  <a:cubicBezTo>
                    <a:pt x="5" y="1"/>
                    <a:pt x="5" y="1"/>
                    <a:pt x="3" y="1"/>
                  </a:cubicBezTo>
                  <a:cubicBezTo>
                    <a:pt x="2" y="1"/>
                    <a:pt x="2" y="1"/>
                    <a:pt x="2" y="1"/>
                  </a:cubicBezTo>
                </a:path>
              </a:pathLst>
            </a:custGeom>
            <a:grpFill/>
            <a:ln w="6350" cmpd="sng">
              <a:solidFill>
                <a:schemeClr val="bg1"/>
              </a:solidFill>
              <a:round/>
              <a:headEnd/>
              <a:tailEnd/>
            </a:ln>
          </p:spPr>
          <p:txBody>
            <a:bodyPr/>
            <a:lstStyle/>
            <a:p>
              <a:endParaRPr lang="en-GB" sz="1633" dirty="0"/>
            </a:p>
          </p:txBody>
        </p:sp>
        <p:sp>
          <p:nvSpPr>
            <p:cNvPr id="288" name="Freeform 286"/>
            <p:cNvSpPr>
              <a:spLocks/>
            </p:cNvSpPr>
            <p:nvPr/>
          </p:nvSpPr>
          <p:spPr bwMode="auto">
            <a:xfrm>
              <a:off x="5880832" y="3681786"/>
              <a:ext cx="8034" cy="9640"/>
            </a:xfrm>
            <a:custGeom>
              <a:avLst/>
              <a:gdLst/>
              <a:ahLst/>
              <a:cxnLst>
                <a:cxn ang="0">
                  <a:pos x="3" y="3"/>
                </a:cxn>
                <a:cxn ang="0">
                  <a:pos x="0" y="1"/>
                </a:cxn>
                <a:cxn ang="0">
                  <a:pos x="2" y="0"/>
                </a:cxn>
                <a:cxn ang="0">
                  <a:pos x="3" y="1"/>
                </a:cxn>
                <a:cxn ang="0">
                  <a:pos x="3" y="3"/>
                </a:cxn>
              </a:cxnLst>
              <a:rect l="0" t="0" r="r" b="b"/>
              <a:pathLst>
                <a:path w="3" h="3">
                  <a:moveTo>
                    <a:pt x="3" y="3"/>
                  </a:moveTo>
                  <a:cubicBezTo>
                    <a:pt x="2" y="3"/>
                    <a:pt x="0" y="1"/>
                    <a:pt x="0" y="1"/>
                  </a:cubicBezTo>
                  <a:cubicBezTo>
                    <a:pt x="2" y="0"/>
                    <a:pt x="0" y="0"/>
                    <a:pt x="2" y="0"/>
                  </a:cubicBezTo>
                  <a:cubicBezTo>
                    <a:pt x="2" y="0"/>
                    <a:pt x="2" y="0"/>
                    <a:pt x="3" y="1"/>
                  </a:cubicBezTo>
                  <a:cubicBezTo>
                    <a:pt x="3" y="3"/>
                    <a:pt x="3" y="3"/>
                    <a:pt x="3" y="3"/>
                  </a:cubicBezTo>
                </a:path>
              </a:pathLst>
            </a:custGeom>
            <a:grpFill/>
            <a:ln w="6350" cmpd="sng">
              <a:solidFill>
                <a:schemeClr val="bg1"/>
              </a:solidFill>
              <a:round/>
              <a:headEnd/>
              <a:tailEnd/>
            </a:ln>
          </p:spPr>
          <p:txBody>
            <a:bodyPr/>
            <a:lstStyle/>
            <a:p>
              <a:endParaRPr lang="en-GB" sz="1633" dirty="0"/>
            </a:p>
          </p:txBody>
        </p:sp>
        <p:sp>
          <p:nvSpPr>
            <p:cNvPr id="289" name="Freeform 287"/>
            <p:cNvSpPr>
              <a:spLocks/>
            </p:cNvSpPr>
            <p:nvPr/>
          </p:nvSpPr>
          <p:spPr bwMode="auto">
            <a:xfrm>
              <a:off x="5877619" y="3681786"/>
              <a:ext cx="8034" cy="22494"/>
            </a:xfrm>
            <a:custGeom>
              <a:avLst/>
              <a:gdLst/>
              <a:ahLst/>
              <a:cxnLst>
                <a:cxn ang="0">
                  <a:pos x="3" y="6"/>
                </a:cxn>
                <a:cxn ang="0">
                  <a:pos x="1" y="3"/>
                </a:cxn>
                <a:cxn ang="0">
                  <a:pos x="1" y="1"/>
                </a:cxn>
                <a:cxn ang="0">
                  <a:pos x="1" y="0"/>
                </a:cxn>
                <a:cxn ang="0">
                  <a:pos x="3" y="6"/>
                </a:cxn>
              </a:cxnLst>
              <a:rect l="0" t="0" r="r" b="b"/>
              <a:pathLst>
                <a:path w="3" h="7">
                  <a:moveTo>
                    <a:pt x="3" y="6"/>
                  </a:moveTo>
                  <a:cubicBezTo>
                    <a:pt x="1" y="4"/>
                    <a:pt x="0" y="3"/>
                    <a:pt x="1" y="3"/>
                  </a:cubicBezTo>
                  <a:cubicBezTo>
                    <a:pt x="1" y="3"/>
                    <a:pt x="1" y="4"/>
                    <a:pt x="1" y="1"/>
                  </a:cubicBezTo>
                  <a:cubicBezTo>
                    <a:pt x="0" y="0"/>
                    <a:pt x="1" y="0"/>
                    <a:pt x="1" y="0"/>
                  </a:cubicBezTo>
                  <a:cubicBezTo>
                    <a:pt x="1" y="1"/>
                    <a:pt x="3" y="7"/>
                    <a:pt x="3" y="6"/>
                  </a:cubicBezTo>
                </a:path>
              </a:pathLst>
            </a:custGeom>
            <a:grpFill/>
            <a:ln w="6350" cmpd="sng">
              <a:solidFill>
                <a:schemeClr val="bg1"/>
              </a:solidFill>
              <a:round/>
              <a:headEnd/>
              <a:tailEnd/>
            </a:ln>
          </p:spPr>
          <p:txBody>
            <a:bodyPr/>
            <a:lstStyle/>
            <a:p>
              <a:endParaRPr lang="en-GB" sz="1633" dirty="0"/>
            </a:p>
          </p:txBody>
        </p:sp>
        <p:sp>
          <p:nvSpPr>
            <p:cNvPr id="290" name="Freeform 288"/>
            <p:cNvSpPr>
              <a:spLocks/>
            </p:cNvSpPr>
            <p:nvPr/>
          </p:nvSpPr>
          <p:spPr bwMode="auto">
            <a:xfrm>
              <a:off x="5885653" y="3694640"/>
              <a:ext cx="12854" cy="19281"/>
            </a:xfrm>
            <a:custGeom>
              <a:avLst/>
              <a:gdLst/>
              <a:ahLst/>
              <a:cxnLst>
                <a:cxn ang="0">
                  <a:pos x="4" y="5"/>
                </a:cxn>
                <a:cxn ang="0">
                  <a:pos x="1" y="2"/>
                </a:cxn>
                <a:cxn ang="0">
                  <a:pos x="1" y="3"/>
                </a:cxn>
                <a:cxn ang="0">
                  <a:pos x="4" y="5"/>
                </a:cxn>
              </a:cxnLst>
              <a:rect l="0" t="0" r="r" b="b"/>
              <a:pathLst>
                <a:path w="4" h="6">
                  <a:moveTo>
                    <a:pt x="4" y="5"/>
                  </a:moveTo>
                  <a:cubicBezTo>
                    <a:pt x="1" y="3"/>
                    <a:pt x="1" y="3"/>
                    <a:pt x="1" y="2"/>
                  </a:cubicBezTo>
                  <a:cubicBezTo>
                    <a:pt x="0" y="0"/>
                    <a:pt x="1" y="2"/>
                    <a:pt x="1" y="3"/>
                  </a:cubicBezTo>
                  <a:cubicBezTo>
                    <a:pt x="3" y="3"/>
                    <a:pt x="4" y="6"/>
                    <a:pt x="4" y="5"/>
                  </a:cubicBezTo>
                </a:path>
              </a:pathLst>
            </a:custGeom>
            <a:grpFill/>
            <a:ln w="6350" cmpd="sng">
              <a:solidFill>
                <a:schemeClr val="bg1"/>
              </a:solidFill>
              <a:round/>
              <a:headEnd/>
              <a:tailEnd/>
            </a:ln>
          </p:spPr>
          <p:txBody>
            <a:bodyPr/>
            <a:lstStyle/>
            <a:p>
              <a:endParaRPr lang="en-GB" sz="1633" dirty="0"/>
            </a:p>
          </p:txBody>
        </p:sp>
        <p:sp>
          <p:nvSpPr>
            <p:cNvPr id="291" name="Freeform 301"/>
            <p:cNvSpPr>
              <a:spLocks/>
            </p:cNvSpPr>
            <p:nvPr/>
          </p:nvSpPr>
          <p:spPr bwMode="auto">
            <a:xfrm>
              <a:off x="5562690" y="3770158"/>
              <a:ext cx="6427" cy="9640"/>
            </a:xfrm>
            <a:custGeom>
              <a:avLst/>
              <a:gdLst/>
              <a:ahLst/>
              <a:cxnLst>
                <a:cxn ang="0">
                  <a:pos x="0" y="1"/>
                </a:cxn>
                <a:cxn ang="0">
                  <a:pos x="2" y="3"/>
                </a:cxn>
                <a:cxn ang="0">
                  <a:pos x="0" y="1"/>
                </a:cxn>
              </a:cxnLst>
              <a:rect l="0" t="0" r="r" b="b"/>
              <a:pathLst>
                <a:path w="2" h="3">
                  <a:moveTo>
                    <a:pt x="0" y="1"/>
                  </a:moveTo>
                  <a:cubicBezTo>
                    <a:pt x="0" y="3"/>
                    <a:pt x="2" y="3"/>
                    <a:pt x="2" y="3"/>
                  </a:cubicBezTo>
                  <a:cubicBezTo>
                    <a:pt x="2" y="1"/>
                    <a:pt x="2" y="0"/>
                    <a:pt x="0" y="1"/>
                  </a:cubicBezTo>
                </a:path>
              </a:pathLst>
            </a:custGeom>
            <a:grpFill/>
            <a:ln w="6350" cmpd="sng">
              <a:solidFill>
                <a:schemeClr val="bg1"/>
              </a:solidFill>
              <a:round/>
              <a:headEnd/>
              <a:tailEnd/>
            </a:ln>
          </p:spPr>
          <p:txBody>
            <a:bodyPr/>
            <a:lstStyle/>
            <a:p>
              <a:endParaRPr lang="en-GB" sz="1633" dirty="0"/>
            </a:p>
          </p:txBody>
        </p:sp>
        <p:sp>
          <p:nvSpPr>
            <p:cNvPr id="292" name="Freeform 291"/>
            <p:cNvSpPr/>
            <p:nvPr/>
          </p:nvSpPr>
          <p:spPr bwMode="ltGray">
            <a:xfrm>
              <a:off x="6112572" y="4766482"/>
              <a:ext cx="263119" cy="74736"/>
            </a:xfrm>
            <a:custGeom>
              <a:avLst/>
              <a:gdLst>
                <a:gd name="connsiteX0" fmla="*/ 0 w 235744"/>
                <a:gd name="connsiteY0" fmla="*/ 64294 h 66960"/>
                <a:gd name="connsiteX1" fmla="*/ 16669 w 235744"/>
                <a:gd name="connsiteY1" fmla="*/ 54769 h 66960"/>
                <a:gd name="connsiteX2" fmla="*/ 14288 w 235744"/>
                <a:gd name="connsiteY2" fmla="*/ 47625 h 66960"/>
                <a:gd name="connsiteX3" fmla="*/ 16669 w 235744"/>
                <a:gd name="connsiteY3" fmla="*/ 35719 h 66960"/>
                <a:gd name="connsiteX4" fmla="*/ 30956 w 235744"/>
                <a:gd name="connsiteY4" fmla="*/ 30956 h 66960"/>
                <a:gd name="connsiteX5" fmla="*/ 38100 w 235744"/>
                <a:gd name="connsiteY5" fmla="*/ 35719 h 66960"/>
                <a:gd name="connsiteX6" fmla="*/ 42863 w 235744"/>
                <a:gd name="connsiteY6" fmla="*/ 42863 h 66960"/>
                <a:gd name="connsiteX7" fmla="*/ 50006 w 235744"/>
                <a:gd name="connsiteY7" fmla="*/ 50006 h 66960"/>
                <a:gd name="connsiteX8" fmla="*/ 52388 w 235744"/>
                <a:gd name="connsiteY8" fmla="*/ 57150 h 66960"/>
                <a:gd name="connsiteX9" fmla="*/ 71438 w 235744"/>
                <a:gd name="connsiteY9" fmla="*/ 57150 h 66960"/>
                <a:gd name="connsiteX10" fmla="*/ 95250 w 235744"/>
                <a:gd name="connsiteY10" fmla="*/ 59531 h 66960"/>
                <a:gd name="connsiteX11" fmla="*/ 100013 w 235744"/>
                <a:gd name="connsiteY11" fmla="*/ 66675 h 66960"/>
                <a:gd name="connsiteX12" fmla="*/ 114300 w 235744"/>
                <a:gd name="connsiteY12" fmla="*/ 64294 h 66960"/>
                <a:gd name="connsiteX13" fmla="*/ 116681 w 235744"/>
                <a:gd name="connsiteY13" fmla="*/ 52388 h 66960"/>
                <a:gd name="connsiteX14" fmla="*/ 140494 w 235744"/>
                <a:gd name="connsiteY14" fmla="*/ 50006 h 66960"/>
                <a:gd name="connsiteX15" fmla="*/ 147638 w 235744"/>
                <a:gd name="connsiteY15" fmla="*/ 47625 h 66960"/>
                <a:gd name="connsiteX16" fmla="*/ 152400 w 235744"/>
                <a:gd name="connsiteY16" fmla="*/ 40481 h 66960"/>
                <a:gd name="connsiteX17" fmla="*/ 169069 w 235744"/>
                <a:gd name="connsiteY17" fmla="*/ 38100 h 66960"/>
                <a:gd name="connsiteX18" fmla="*/ 176213 w 235744"/>
                <a:gd name="connsiteY18" fmla="*/ 35719 h 66960"/>
                <a:gd name="connsiteX19" fmla="*/ 178594 w 235744"/>
                <a:gd name="connsiteY19" fmla="*/ 23813 h 66960"/>
                <a:gd name="connsiteX20" fmla="*/ 180975 w 235744"/>
                <a:gd name="connsiteY20" fmla="*/ 16669 h 66960"/>
                <a:gd name="connsiteX21" fmla="*/ 183356 w 235744"/>
                <a:gd name="connsiteY21" fmla="*/ 2381 h 66960"/>
                <a:gd name="connsiteX22" fmla="*/ 190500 w 235744"/>
                <a:gd name="connsiteY22" fmla="*/ 0 h 66960"/>
                <a:gd name="connsiteX23" fmla="*/ 195263 w 235744"/>
                <a:gd name="connsiteY23" fmla="*/ 16669 h 66960"/>
                <a:gd name="connsiteX24" fmla="*/ 200025 w 235744"/>
                <a:gd name="connsiteY24" fmla="*/ 30956 h 66960"/>
                <a:gd name="connsiteX25" fmla="*/ 216694 w 235744"/>
                <a:gd name="connsiteY25" fmla="*/ 47625 h 66960"/>
                <a:gd name="connsiteX26" fmla="*/ 228600 w 235744"/>
                <a:gd name="connsiteY26" fmla="*/ 50006 h 66960"/>
                <a:gd name="connsiteX27" fmla="*/ 235744 w 235744"/>
                <a:gd name="connsiteY27" fmla="*/ 54769 h 669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235744" h="66960">
                  <a:moveTo>
                    <a:pt x="0" y="64294"/>
                  </a:moveTo>
                  <a:cubicBezTo>
                    <a:pt x="7024" y="62889"/>
                    <a:pt x="15098" y="64193"/>
                    <a:pt x="16669" y="54769"/>
                  </a:cubicBezTo>
                  <a:cubicBezTo>
                    <a:pt x="17082" y="52293"/>
                    <a:pt x="15082" y="50006"/>
                    <a:pt x="14288" y="47625"/>
                  </a:cubicBezTo>
                  <a:cubicBezTo>
                    <a:pt x="15082" y="43656"/>
                    <a:pt x="13807" y="38581"/>
                    <a:pt x="16669" y="35719"/>
                  </a:cubicBezTo>
                  <a:cubicBezTo>
                    <a:pt x="20219" y="32169"/>
                    <a:pt x="30956" y="30956"/>
                    <a:pt x="30956" y="30956"/>
                  </a:cubicBezTo>
                  <a:cubicBezTo>
                    <a:pt x="33337" y="32544"/>
                    <a:pt x="36076" y="33695"/>
                    <a:pt x="38100" y="35719"/>
                  </a:cubicBezTo>
                  <a:cubicBezTo>
                    <a:pt x="40124" y="37743"/>
                    <a:pt x="41031" y="40664"/>
                    <a:pt x="42863" y="42863"/>
                  </a:cubicBezTo>
                  <a:cubicBezTo>
                    <a:pt x="45019" y="45450"/>
                    <a:pt x="47625" y="47625"/>
                    <a:pt x="50006" y="50006"/>
                  </a:cubicBezTo>
                  <a:cubicBezTo>
                    <a:pt x="50800" y="52387"/>
                    <a:pt x="50613" y="55375"/>
                    <a:pt x="52388" y="57150"/>
                  </a:cubicBezTo>
                  <a:cubicBezTo>
                    <a:pt x="57269" y="62031"/>
                    <a:pt x="66910" y="58055"/>
                    <a:pt x="71438" y="57150"/>
                  </a:cubicBezTo>
                  <a:cubicBezTo>
                    <a:pt x="79375" y="57944"/>
                    <a:pt x="87682" y="57008"/>
                    <a:pt x="95250" y="59531"/>
                  </a:cubicBezTo>
                  <a:cubicBezTo>
                    <a:pt x="97965" y="60436"/>
                    <a:pt x="97236" y="65981"/>
                    <a:pt x="100013" y="66675"/>
                  </a:cubicBezTo>
                  <a:cubicBezTo>
                    <a:pt x="104697" y="67846"/>
                    <a:pt x="109538" y="65088"/>
                    <a:pt x="114300" y="64294"/>
                  </a:cubicBezTo>
                  <a:cubicBezTo>
                    <a:pt x="115094" y="60325"/>
                    <a:pt x="114673" y="55902"/>
                    <a:pt x="116681" y="52388"/>
                  </a:cubicBezTo>
                  <a:cubicBezTo>
                    <a:pt x="121734" y="43546"/>
                    <a:pt x="134251" y="49114"/>
                    <a:pt x="140494" y="50006"/>
                  </a:cubicBezTo>
                  <a:cubicBezTo>
                    <a:pt x="142875" y="49212"/>
                    <a:pt x="145678" y="49193"/>
                    <a:pt x="147638" y="47625"/>
                  </a:cubicBezTo>
                  <a:cubicBezTo>
                    <a:pt x="149873" y="45837"/>
                    <a:pt x="149785" y="41643"/>
                    <a:pt x="152400" y="40481"/>
                  </a:cubicBezTo>
                  <a:cubicBezTo>
                    <a:pt x="157529" y="38201"/>
                    <a:pt x="163513" y="38894"/>
                    <a:pt x="169069" y="38100"/>
                  </a:cubicBezTo>
                  <a:cubicBezTo>
                    <a:pt x="171450" y="37306"/>
                    <a:pt x="174821" y="37808"/>
                    <a:pt x="176213" y="35719"/>
                  </a:cubicBezTo>
                  <a:cubicBezTo>
                    <a:pt x="178458" y="32352"/>
                    <a:pt x="177612" y="27739"/>
                    <a:pt x="178594" y="23813"/>
                  </a:cubicBezTo>
                  <a:cubicBezTo>
                    <a:pt x="179203" y="21378"/>
                    <a:pt x="180431" y="19119"/>
                    <a:pt x="180975" y="16669"/>
                  </a:cubicBezTo>
                  <a:cubicBezTo>
                    <a:pt x="182022" y="11956"/>
                    <a:pt x="180960" y="6573"/>
                    <a:pt x="183356" y="2381"/>
                  </a:cubicBezTo>
                  <a:cubicBezTo>
                    <a:pt x="184601" y="202"/>
                    <a:pt x="188119" y="794"/>
                    <a:pt x="190500" y="0"/>
                  </a:cubicBezTo>
                  <a:cubicBezTo>
                    <a:pt x="198505" y="24018"/>
                    <a:pt x="186289" y="-13243"/>
                    <a:pt x="195263" y="16669"/>
                  </a:cubicBezTo>
                  <a:cubicBezTo>
                    <a:pt x="196706" y="21477"/>
                    <a:pt x="198438" y="26194"/>
                    <a:pt x="200025" y="30956"/>
                  </a:cubicBezTo>
                  <a:cubicBezTo>
                    <a:pt x="203019" y="39940"/>
                    <a:pt x="203046" y="44896"/>
                    <a:pt x="216694" y="47625"/>
                  </a:cubicBezTo>
                  <a:lnTo>
                    <a:pt x="228600" y="50006"/>
                  </a:lnTo>
                  <a:lnTo>
                    <a:pt x="235744" y="54769"/>
                  </a:lnTo>
                </a:path>
              </a:pathLst>
            </a:custGeom>
            <a:grpFill/>
            <a:ln w="95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33"/>
            </a:p>
          </p:txBody>
        </p:sp>
        <p:sp>
          <p:nvSpPr>
            <p:cNvPr id="293" name="Freeform 292"/>
            <p:cNvSpPr/>
            <p:nvPr/>
          </p:nvSpPr>
          <p:spPr bwMode="ltGray">
            <a:xfrm>
              <a:off x="6109711" y="4763953"/>
              <a:ext cx="305902" cy="262440"/>
            </a:xfrm>
            <a:custGeom>
              <a:avLst/>
              <a:gdLst>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29061 w 1920955"/>
                <a:gd name="connsiteY34" fmla="*/ 688763 h 1660322"/>
                <a:gd name="connsiteX35" fmla="*/ 114774 w 1920955"/>
                <a:gd name="connsiteY35" fmla="*/ 741151 h 1660322"/>
                <a:gd name="connsiteX36" fmla="*/ 167161 w 1920955"/>
                <a:gd name="connsiteY36" fmla="*/ 779251 h 1660322"/>
                <a:gd name="connsiteX37" fmla="*/ 238599 w 1920955"/>
                <a:gd name="connsiteY37" fmla="*/ 779251 h 1660322"/>
                <a:gd name="connsiteX38" fmla="*/ 290986 w 1920955"/>
                <a:gd name="connsiteY38" fmla="*/ 817351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07095 w 1920955"/>
                <a:gd name="connsiteY34" fmla="*/ 670892 h 1660322"/>
                <a:gd name="connsiteX35" fmla="*/ 114774 w 1920955"/>
                <a:gd name="connsiteY35" fmla="*/ 741151 h 1660322"/>
                <a:gd name="connsiteX36" fmla="*/ 167161 w 1920955"/>
                <a:gd name="connsiteY36" fmla="*/ 779251 h 1660322"/>
                <a:gd name="connsiteX37" fmla="*/ 238599 w 1920955"/>
                <a:gd name="connsiteY37" fmla="*/ 779251 h 1660322"/>
                <a:gd name="connsiteX38" fmla="*/ 290986 w 1920955"/>
                <a:gd name="connsiteY38" fmla="*/ 817351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68110 w 1920955"/>
                <a:gd name="connsiteY34" fmla="*/ 637701 h 1660322"/>
                <a:gd name="connsiteX35" fmla="*/ 114774 w 1920955"/>
                <a:gd name="connsiteY35" fmla="*/ 741151 h 1660322"/>
                <a:gd name="connsiteX36" fmla="*/ 167161 w 1920955"/>
                <a:gd name="connsiteY36" fmla="*/ 779251 h 1660322"/>
                <a:gd name="connsiteX37" fmla="*/ 238599 w 1920955"/>
                <a:gd name="connsiteY37" fmla="*/ 779251 h 1660322"/>
                <a:gd name="connsiteX38" fmla="*/ 290986 w 1920955"/>
                <a:gd name="connsiteY38" fmla="*/ 817351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4774 w 1920955"/>
                <a:gd name="connsiteY35" fmla="*/ 741151 h 1660322"/>
                <a:gd name="connsiteX36" fmla="*/ 167161 w 1920955"/>
                <a:gd name="connsiteY36" fmla="*/ 779251 h 1660322"/>
                <a:gd name="connsiteX37" fmla="*/ 238599 w 1920955"/>
                <a:gd name="connsiteY37" fmla="*/ 779251 h 1660322"/>
                <a:gd name="connsiteX38" fmla="*/ 290986 w 1920955"/>
                <a:gd name="connsiteY38" fmla="*/ 817351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07453 w 1920955"/>
                <a:gd name="connsiteY35" fmla="*/ 746256 h 1660322"/>
                <a:gd name="connsiteX36" fmla="*/ 167161 w 1920955"/>
                <a:gd name="connsiteY36" fmla="*/ 779251 h 1660322"/>
                <a:gd name="connsiteX37" fmla="*/ 238599 w 1920955"/>
                <a:gd name="connsiteY37" fmla="*/ 779251 h 1660322"/>
                <a:gd name="connsiteX38" fmla="*/ 290986 w 1920955"/>
                <a:gd name="connsiteY38" fmla="*/ 817351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8599 w 1920955"/>
                <a:gd name="connsiteY37" fmla="*/ 779251 h 1660322"/>
                <a:gd name="connsiteX38" fmla="*/ 290986 w 1920955"/>
                <a:gd name="connsiteY38" fmla="*/ 817351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90986 w 1920955"/>
                <a:gd name="connsiteY38" fmla="*/ 817351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314799 w 1920955"/>
                <a:gd name="connsiteY39" fmla="*/ 864976 h 1660322"/>
                <a:gd name="connsiteX40" fmla="*/ 310036 w 1920955"/>
                <a:gd name="connsiteY40" fmla="*/ 884026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314799 w 1920955"/>
                <a:gd name="connsiteY39" fmla="*/ 864976 h 1660322"/>
                <a:gd name="connsiteX40" fmla="*/ 295393 w 1920955"/>
                <a:gd name="connsiteY40" fmla="*/ 919768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19768 h 1660322"/>
                <a:gd name="connsiteX41" fmla="*/ 338611 w 1920955"/>
                <a:gd name="connsiteY41" fmla="*/ 950701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19768 h 1660322"/>
                <a:gd name="connsiteX41" fmla="*/ 341051 w 1920955"/>
                <a:gd name="connsiteY41" fmla="*/ 968573 h 1660322"/>
                <a:gd name="connsiteX42" fmla="*/ 448149 w 1920955"/>
                <a:gd name="connsiteY42" fmla="*/ 1012613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19768 h 1660322"/>
                <a:gd name="connsiteX41" fmla="*/ 341051 w 1920955"/>
                <a:gd name="connsiteY41" fmla="*/ 968573 h 1660322"/>
                <a:gd name="connsiteX42" fmla="*/ 426184 w 1920955"/>
                <a:gd name="connsiteY42" fmla="*/ 1022825 h 1660322"/>
                <a:gd name="connsiteX43" fmla="*/ 481486 w 1920955"/>
                <a:gd name="connsiteY43" fmla="*/ 1088813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19768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29981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38624 w 1920955"/>
                <a:gd name="connsiteY44" fmla="*/ 1150726 h 1660322"/>
                <a:gd name="connsiteX45" fmla="*/ 538636 w 1920955"/>
                <a:gd name="connsiteY45" fmla="*/ 1217401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29981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38624 w 1920955"/>
                <a:gd name="connsiteY44" fmla="*/ 1150726 h 1660322"/>
                <a:gd name="connsiteX45" fmla="*/ 519111 w 1920955"/>
                <a:gd name="connsiteY45" fmla="*/ 1219954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29981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41064 w 1920955"/>
                <a:gd name="connsiteY44" fmla="*/ 1163491 h 1660322"/>
                <a:gd name="connsiteX45" fmla="*/ 519111 w 1920955"/>
                <a:gd name="connsiteY45" fmla="*/ 1219954 h 1660322"/>
                <a:gd name="connsiteX46" fmla="*/ 586261 w 1920955"/>
                <a:gd name="connsiteY46" fmla="*/ 1255501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29981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41064 w 1920955"/>
                <a:gd name="connsiteY44" fmla="*/ 1163491 h 1660322"/>
                <a:gd name="connsiteX45" fmla="*/ 519111 w 1920955"/>
                <a:gd name="connsiteY45" fmla="*/ 1219954 h 1660322"/>
                <a:gd name="connsiteX46" fmla="*/ 591143 w 1920955"/>
                <a:gd name="connsiteY46" fmla="*/ 1224864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29981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41064 w 1920955"/>
                <a:gd name="connsiteY44" fmla="*/ 1163491 h 1660322"/>
                <a:gd name="connsiteX45" fmla="*/ 519111 w 1920955"/>
                <a:gd name="connsiteY45" fmla="*/ 1219954 h 1660322"/>
                <a:gd name="connsiteX46" fmla="*/ 591143 w 1920955"/>
                <a:gd name="connsiteY46" fmla="*/ 1252948 h 1660322"/>
                <a:gd name="connsiteX47" fmla="*/ 571974 w 1920955"/>
                <a:gd name="connsiteY47" fmla="*/ 1312651 h 1660322"/>
                <a:gd name="connsiteX48" fmla="*/ 662461 w 1920955"/>
                <a:gd name="connsiteY48" fmla="*/ 1465051 h 1660322"/>
                <a:gd name="connsiteX49" fmla="*/ 757711 w 1920955"/>
                <a:gd name="connsiteY49" fmla="*/ 1512676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29981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41064 w 1920955"/>
                <a:gd name="connsiteY44" fmla="*/ 1163491 h 1660322"/>
                <a:gd name="connsiteX45" fmla="*/ 519111 w 1920955"/>
                <a:gd name="connsiteY45" fmla="*/ 1219954 h 1660322"/>
                <a:gd name="connsiteX46" fmla="*/ 591143 w 1920955"/>
                <a:gd name="connsiteY46" fmla="*/ 1252948 h 1660322"/>
                <a:gd name="connsiteX47" fmla="*/ 571974 w 1920955"/>
                <a:gd name="connsiteY47" fmla="*/ 1312651 h 1660322"/>
                <a:gd name="connsiteX48" fmla="*/ 662461 w 1920955"/>
                <a:gd name="connsiteY48" fmla="*/ 1465051 h 1660322"/>
                <a:gd name="connsiteX49" fmla="*/ 755271 w 1920955"/>
                <a:gd name="connsiteY49" fmla="*/ 1538205 h 1660322"/>
                <a:gd name="connsiteX50" fmla="*/ 805336 w 1920955"/>
                <a:gd name="connsiteY50" fmla="*/ 1488863 h 1660322"/>
                <a:gd name="connsiteX51" fmla="*/ 857724 w 1920955"/>
                <a:gd name="connsiteY51" fmla="*/ 1498388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2"/>
                <a:gd name="connsiteX1" fmla="*/ 1567336 w 1920955"/>
                <a:gd name="connsiteY1" fmla="*/ 369676 h 1660322"/>
                <a:gd name="connsiteX2" fmla="*/ 1467324 w 1920955"/>
                <a:gd name="connsiteY2" fmla="*/ 345863 h 1660322"/>
                <a:gd name="connsiteX3" fmla="*/ 1419699 w 1920955"/>
                <a:gd name="connsiteY3" fmla="*/ 317288 h 1660322"/>
                <a:gd name="connsiteX4" fmla="*/ 1367311 w 1920955"/>
                <a:gd name="connsiteY4" fmla="*/ 160126 h 1660322"/>
                <a:gd name="connsiteX5" fmla="*/ 1338736 w 1920955"/>
                <a:gd name="connsiteY5" fmla="*/ 12488 h 1660322"/>
                <a:gd name="connsiteX6" fmla="*/ 1267299 w 1920955"/>
                <a:gd name="connsiteY6" fmla="*/ 12488 h 1660322"/>
                <a:gd name="connsiteX7" fmla="*/ 1214911 w 1920955"/>
                <a:gd name="connsiteY7" fmla="*/ 50588 h 1660322"/>
                <a:gd name="connsiteX8" fmla="*/ 1214911 w 1920955"/>
                <a:gd name="connsiteY8" fmla="*/ 155363 h 1660322"/>
                <a:gd name="connsiteX9" fmla="*/ 1186336 w 1920955"/>
                <a:gd name="connsiteY9" fmla="*/ 183938 h 1660322"/>
                <a:gd name="connsiteX10" fmla="*/ 1176811 w 1920955"/>
                <a:gd name="connsiteY10" fmla="*/ 255376 h 1660322"/>
                <a:gd name="connsiteX11" fmla="*/ 1114899 w 1920955"/>
                <a:gd name="connsiteY11" fmla="*/ 298238 h 1660322"/>
                <a:gd name="connsiteX12" fmla="*/ 1005361 w 1920955"/>
                <a:gd name="connsiteY12" fmla="*/ 312526 h 1660322"/>
                <a:gd name="connsiteX13" fmla="*/ 962499 w 1920955"/>
                <a:gd name="connsiteY13" fmla="*/ 355388 h 1660322"/>
                <a:gd name="connsiteX14" fmla="*/ 838674 w 1920955"/>
                <a:gd name="connsiteY14" fmla="*/ 355388 h 1660322"/>
                <a:gd name="connsiteX15" fmla="*/ 781524 w 1920955"/>
                <a:gd name="connsiteY15" fmla="*/ 426826 h 1660322"/>
                <a:gd name="connsiteX16" fmla="*/ 781524 w 1920955"/>
                <a:gd name="connsiteY16" fmla="*/ 460163 h 1660322"/>
                <a:gd name="connsiteX17" fmla="*/ 743424 w 1920955"/>
                <a:gd name="connsiteY17" fmla="*/ 483976 h 1660322"/>
                <a:gd name="connsiteX18" fmla="*/ 671986 w 1920955"/>
                <a:gd name="connsiteY18" fmla="*/ 417301 h 1660322"/>
                <a:gd name="connsiteX19" fmla="*/ 519586 w 1920955"/>
                <a:gd name="connsiteY19" fmla="*/ 412538 h 1660322"/>
                <a:gd name="connsiteX20" fmla="*/ 457674 w 1920955"/>
                <a:gd name="connsiteY20" fmla="*/ 431588 h 1660322"/>
                <a:gd name="connsiteX21" fmla="*/ 419574 w 1920955"/>
                <a:gd name="connsiteY21" fmla="*/ 417301 h 1660322"/>
                <a:gd name="connsiteX22" fmla="*/ 400524 w 1920955"/>
                <a:gd name="connsiteY22" fmla="*/ 355388 h 1660322"/>
                <a:gd name="connsiteX23" fmla="*/ 333849 w 1920955"/>
                <a:gd name="connsiteY23" fmla="*/ 303001 h 1660322"/>
                <a:gd name="connsiteX24" fmla="*/ 286224 w 1920955"/>
                <a:gd name="connsiteY24" fmla="*/ 236326 h 1660322"/>
                <a:gd name="connsiteX25" fmla="*/ 143349 w 1920955"/>
                <a:gd name="connsiteY25" fmla="*/ 255376 h 1660322"/>
                <a:gd name="connsiteX26" fmla="*/ 124299 w 1920955"/>
                <a:gd name="connsiteY26" fmla="*/ 331576 h 1660322"/>
                <a:gd name="connsiteX27" fmla="*/ 110011 w 1920955"/>
                <a:gd name="connsiteY27" fmla="*/ 364913 h 1660322"/>
                <a:gd name="connsiteX28" fmla="*/ 133824 w 1920955"/>
                <a:gd name="connsiteY28" fmla="*/ 412538 h 1660322"/>
                <a:gd name="connsiteX29" fmla="*/ 81436 w 1920955"/>
                <a:gd name="connsiteY29" fmla="*/ 450638 h 1660322"/>
                <a:gd name="connsiteX30" fmla="*/ 33811 w 1920955"/>
                <a:gd name="connsiteY30" fmla="*/ 445876 h 1660322"/>
                <a:gd name="connsiteX31" fmla="*/ 33811 w 1920955"/>
                <a:gd name="connsiteY31" fmla="*/ 517313 h 1660322"/>
                <a:gd name="connsiteX32" fmla="*/ 474 w 1920955"/>
                <a:gd name="connsiteY32" fmla="*/ 622088 h 1660322"/>
                <a:gd name="connsiteX33" fmla="*/ 62386 w 1920955"/>
                <a:gd name="connsiteY33" fmla="*/ 698288 h 1660322"/>
                <a:gd name="connsiteX34" fmla="*/ 111977 w 1920955"/>
                <a:gd name="connsiteY34" fmla="*/ 678550 h 1660322"/>
                <a:gd name="connsiteX35" fmla="*/ 112334 w 1920955"/>
                <a:gd name="connsiteY35" fmla="*/ 748809 h 1660322"/>
                <a:gd name="connsiteX36" fmla="*/ 167161 w 1920955"/>
                <a:gd name="connsiteY36" fmla="*/ 779251 h 1660322"/>
                <a:gd name="connsiteX37" fmla="*/ 236159 w 1920955"/>
                <a:gd name="connsiteY37" fmla="*/ 789463 h 1660322"/>
                <a:gd name="connsiteX38" fmla="*/ 271462 w 1920955"/>
                <a:gd name="connsiteY38" fmla="*/ 845434 h 1660322"/>
                <a:gd name="connsiteX39" fmla="*/ 270869 w 1920955"/>
                <a:gd name="connsiteY39" fmla="*/ 890506 h 1660322"/>
                <a:gd name="connsiteX40" fmla="*/ 295393 w 1920955"/>
                <a:gd name="connsiteY40" fmla="*/ 929981 h 1660322"/>
                <a:gd name="connsiteX41" fmla="*/ 341051 w 1920955"/>
                <a:gd name="connsiteY41" fmla="*/ 968573 h 1660322"/>
                <a:gd name="connsiteX42" fmla="*/ 426184 w 1920955"/>
                <a:gd name="connsiteY42" fmla="*/ 1022825 h 1660322"/>
                <a:gd name="connsiteX43" fmla="*/ 461961 w 1920955"/>
                <a:gd name="connsiteY43" fmla="*/ 1093918 h 1660322"/>
                <a:gd name="connsiteX44" fmla="*/ 441064 w 1920955"/>
                <a:gd name="connsiteY44" fmla="*/ 1163491 h 1660322"/>
                <a:gd name="connsiteX45" fmla="*/ 519111 w 1920955"/>
                <a:gd name="connsiteY45" fmla="*/ 1219954 h 1660322"/>
                <a:gd name="connsiteX46" fmla="*/ 591143 w 1920955"/>
                <a:gd name="connsiteY46" fmla="*/ 1252948 h 1660322"/>
                <a:gd name="connsiteX47" fmla="*/ 571974 w 1920955"/>
                <a:gd name="connsiteY47" fmla="*/ 1312651 h 1660322"/>
                <a:gd name="connsiteX48" fmla="*/ 662461 w 1920955"/>
                <a:gd name="connsiteY48" fmla="*/ 1465051 h 1660322"/>
                <a:gd name="connsiteX49" fmla="*/ 755271 w 1920955"/>
                <a:gd name="connsiteY49" fmla="*/ 1538205 h 1660322"/>
                <a:gd name="connsiteX50" fmla="*/ 805336 w 1920955"/>
                <a:gd name="connsiteY50" fmla="*/ 1488863 h 1660322"/>
                <a:gd name="connsiteX51" fmla="*/ 869926 w 1920955"/>
                <a:gd name="connsiteY51" fmla="*/ 1516260 h 1660322"/>
                <a:gd name="connsiteX52" fmla="*/ 924399 w 1920955"/>
                <a:gd name="connsiteY52" fmla="*/ 1484101 h 1660322"/>
                <a:gd name="connsiteX53" fmla="*/ 933924 w 1920955"/>
                <a:gd name="connsiteY53" fmla="*/ 1431713 h 1660322"/>
                <a:gd name="connsiteX54" fmla="*/ 1014886 w 1920955"/>
                <a:gd name="connsiteY54" fmla="*/ 1507913 h 1660322"/>
                <a:gd name="connsiteX55" fmla="*/ 1067274 w 1920955"/>
                <a:gd name="connsiteY55" fmla="*/ 1584113 h 1660322"/>
                <a:gd name="connsiteX56" fmla="*/ 1100611 w 1920955"/>
                <a:gd name="connsiteY56" fmla="*/ 1660313 h 1660322"/>
                <a:gd name="connsiteX57" fmla="*/ 1133949 w 1920955"/>
                <a:gd name="connsiteY57" fmla="*/ 1579351 h 1660322"/>
                <a:gd name="connsiteX58" fmla="*/ 1176811 w 1920955"/>
                <a:gd name="connsiteY58" fmla="*/ 1598401 h 1660322"/>
                <a:gd name="connsiteX59" fmla="*/ 1210149 w 1920955"/>
                <a:gd name="connsiteY59" fmla="*/ 1617451 h 1660322"/>
                <a:gd name="connsiteX60" fmla="*/ 1233961 w 1920955"/>
                <a:gd name="connsiteY60" fmla="*/ 1579351 h 1660322"/>
                <a:gd name="connsiteX61" fmla="*/ 1267299 w 1920955"/>
                <a:gd name="connsiteY61" fmla="*/ 1655551 h 1660322"/>
                <a:gd name="connsiteX62" fmla="*/ 1348261 w 1920955"/>
                <a:gd name="connsiteY62" fmla="*/ 1626976 h 1660322"/>
                <a:gd name="connsiteX63" fmla="*/ 1414936 w 1920955"/>
                <a:gd name="connsiteY63" fmla="*/ 1555538 h 1660322"/>
                <a:gd name="connsiteX64" fmla="*/ 1433986 w 1920955"/>
                <a:gd name="connsiteY64" fmla="*/ 1607926 h 1660322"/>
                <a:gd name="connsiteX65" fmla="*/ 1410174 w 1920955"/>
                <a:gd name="connsiteY65" fmla="*/ 1612688 h 1660322"/>
                <a:gd name="connsiteX66" fmla="*/ 1543524 w 1920955"/>
                <a:gd name="connsiteY66" fmla="*/ 1579351 h 1660322"/>
                <a:gd name="connsiteX67" fmla="*/ 1581624 w 1920955"/>
                <a:gd name="connsiteY67" fmla="*/ 1507913 h 1660322"/>
                <a:gd name="connsiteX68" fmla="*/ 1643536 w 1920955"/>
                <a:gd name="connsiteY68" fmla="*/ 1412663 h 1660322"/>
                <a:gd name="connsiteX69" fmla="*/ 1714974 w 1920955"/>
                <a:gd name="connsiteY69" fmla="*/ 1384088 h 1660322"/>
                <a:gd name="connsiteX70" fmla="*/ 1772124 w 1920955"/>
                <a:gd name="connsiteY70" fmla="*/ 1379326 h 1660322"/>
                <a:gd name="connsiteX71" fmla="*/ 1772124 w 1920955"/>
                <a:gd name="connsiteY71" fmla="*/ 1450763 h 1660322"/>
                <a:gd name="connsiteX72" fmla="*/ 1886424 w 1920955"/>
                <a:gd name="connsiteY72" fmla="*/ 1446001 h 1660322"/>
                <a:gd name="connsiteX73" fmla="*/ 1919761 w 1920955"/>
                <a:gd name="connsiteY73" fmla="*/ 1441238 h 1660322"/>
                <a:gd name="connsiteX74" fmla="*/ 1853086 w 1920955"/>
                <a:gd name="connsiteY74" fmla="*/ 1398376 h 1660322"/>
                <a:gd name="connsiteX75" fmla="*/ 1853086 w 1920955"/>
                <a:gd name="connsiteY75" fmla="*/ 1303126 h 1660322"/>
                <a:gd name="connsiteX76" fmla="*/ 1853086 w 1920955"/>
                <a:gd name="connsiteY76" fmla="*/ 1245976 h 1660322"/>
                <a:gd name="connsiteX77" fmla="*/ 1810224 w 1920955"/>
                <a:gd name="connsiteY77" fmla="*/ 1236451 h 1660322"/>
                <a:gd name="connsiteX78" fmla="*/ 1734024 w 1920955"/>
                <a:gd name="connsiteY78" fmla="*/ 1155488 h 1660322"/>
                <a:gd name="connsiteX79" fmla="*/ 1695924 w 1920955"/>
                <a:gd name="connsiteY79" fmla="*/ 974513 h 1660322"/>
                <a:gd name="connsiteX80" fmla="*/ 1643536 w 1920955"/>
                <a:gd name="connsiteY80" fmla="*/ 941176 h 1660322"/>
                <a:gd name="connsiteX81" fmla="*/ 1605436 w 1920955"/>
                <a:gd name="connsiteY81" fmla="*/ 884026 h 1660322"/>
                <a:gd name="connsiteX82" fmla="*/ 1557811 w 1920955"/>
                <a:gd name="connsiteY82" fmla="*/ 836401 h 1660322"/>
                <a:gd name="connsiteX83" fmla="*/ 1505424 w 1920955"/>
                <a:gd name="connsiteY83" fmla="*/ 817351 h 1660322"/>
                <a:gd name="connsiteX84" fmla="*/ 1453036 w 1920955"/>
                <a:gd name="connsiteY84" fmla="*/ 812588 h 1660322"/>
                <a:gd name="connsiteX85" fmla="*/ 1510186 w 1920955"/>
                <a:gd name="connsiteY85" fmla="*/ 779251 h 1660322"/>
                <a:gd name="connsiteX86" fmla="*/ 1476849 w 1920955"/>
                <a:gd name="connsiteY86" fmla="*/ 745913 h 1660322"/>
                <a:gd name="connsiteX87" fmla="*/ 1481611 w 1920955"/>
                <a:gd name="connsiteY87" fmla="*/ 722101 h 1660322"/>
                <a:gd name="connsiteX88" fmla="*/ 1572099 w 1920955"/>
                <a:gd name="connsiteY88" fmla="*/ 760201 h 1660322"/>
                <a:gd name="connsiteX89" fmla="*/ 1624486 w 1920955"/>
                <a:gd name="connsiteY89" fmla="*/ 693526 h 1660322"/>
                <a:gd name="connsiteX90" fmla="*/ 1614961 w 1920955"/>
                <a:gd name="connsiteY90" fmla="*/ 550651 h 1660322"/>
                <a:gd name="connsiteX91" fmla="*/ 1610199 w 1920955"/>
                <a:gd name="connsiteY91" fmla="*/ 412538 h 1660322"/>
                <a:gd name="connsiteX0" fmla="*/ 1610199 w 1920955"/>
                <a:gd name="connsiteY0" fmla="*/ 412538 h 1660321"/>
                <a:gd name="connsiteX1" fmla="*/ 1567336 w 1920955"/>
                <a:gd name="connsiteY1" fmla="*/ 369676 h 1660321"/>
                <a:gd name="connsiteX2" fmla="*/ 1467324 w 1920955"/>
                <a:gd name="connsiteY2" fmla="*/ 345863 h 1660321"/>
                <a:gd name="connsiteX3" fmla="*/ 1419699 w 1920955"/>
                <a:gd name="connsiteY3" fmla="*/ 317288 h 1660321"/>
                <a:gd name="connsiteX4" fmla="*/ 1367311 w 1920955"/>
                <a:gd name="connsiteY4" fmla="*/ 160126 h 1660321"/>
                <a:gd name="connsiteX5" fmla="*/ 1338736 w 1920955"/>
                <a:gd name="connsiteY5" fmla="*/ 12488 h 1660321"/>
                <a:gd name="connsiteX6" fmla="*/ 1267299 w 1920955"/>
                <a:gd name="connsiteY6" fmla="*/ 12488 h 1660321"/>
                <a:gd name="connsiteX7" fmla="*/ 1214911 w 1920955"/>
                <a:gd name="connsiteY7" fmla="*/ 50588 h 1660321"/>
                <a:gd name="connsiteX8" fmla="*/ 1214911 w 1920955"/>
                <a:gd name="connsiteY8" fmla="*/ 155363 h 1660321"/>
                <a:gd name="connsiteX9" fmla="*/ 1186336 w 1920955"/>
                <a:gd name="connsiteY9" fmla="*/ 183938 h 1660321"/>
                <a:gd name="connsiteX10" fmla="*/ 1176811 w 1920955"/>
                <a:gd name="connsiteY10" fmla="*/ 255376 h 1660321"/>
                <a:gd name="connsiteX11" fmla="*/ 1114899 w 1920955"/>
                <a:gd name="connsiteY11" fmla="*/ 298238 h 1660321"/>
                <a:gd name="connsiteX12" fmla="*/ 1005361 w 1920955"/>
                <a:gd name="connsiteY12" fmla="*/ 312526 h 1660321"/>
                <a:gd name="connsiteX13" fmla="*/ 962499 w 1920955"/>
                <a:gd name="connsiteY13" fmla="*/ 355388 h 1660321"/>
                <a:gd name="connsiteX14" fmla="*/ 838674 w 1920955"/>
                <a:gd name="connsiteY14" fmla="*/ 355388 h 1660321"/>
                <a:gd name="connsiteX15" fmla="*/ 781524 w 1920955"/>
                <a:gd name="connsiteY15" fmla="*/ 426826 h 1660321"/>
                <a:gd name="connsiteX16" fmla="*/ 781524 w 1920955"/>
                <a:gd name="connsiteY16" fmla="*/ 460163 h 1660321"/>
                <a:gd name="connsiteX17" fmla="*/ 743424 w 1920955"/>
                <a:gd name="connsiteY17" fmla="*/ 483976 h 1660321"/>
                <a:gd name="connsiteX18" fmla="*/ 671986 w 1920955"/>
                <a:gd name="connsiteY18" fmla="*/ 417301 h 1660321"/>
                <a:gd name="connsiteX19" fmla="*/ 519586 w 1920955"/>
                <a:gd name="connsiteY19" fmla="*/ 412538 h 1660321"/>
                <a:gd name="connsiteX20" fmla="*/ 457674 w 1920955"/>
                <a:gd name="connsiteY20" fmla="*/ 431588 h 1660321"/>
                <a:gd name="connsiteX21" fmla="*/ 419574 w 1920955"/>
                <a:gd name="connsiteY21" fmla="*/ 417301 h 1660321"/>
                <a:gd name="connsiteX22" fmla="*/ 400524 w 1920955"/>
                <a:gd name="connsiteY22" fmla="*/ 355388 h 1660321"/>
                <a:gd name="connsiteX23" fmla="*/ 333849 w 1920955"/>
                <a:gd name="connsiteY23" fmla="*/ 303001 h 1660321"/>
                <a:gd name="connsiteX24" fmla="*/ 286224 w 1920955"/>
                <a:gd name="connsiteY24" fmla="*/ 236326 h 1660321"/>
                <a:gd name="connsiteX25" fmla="*/ 143349 w 1920955"/>
                <a:gd name="connsiteY25" fmla="*/ 255376 h 1660321"/>
                <a:gd name="connsiteX26" fmla="*/ 124299 w 1920955"/>
                <a:gd name="connsiteY26" fmla="*/ 331576 h 1660321"/>
                <a:gd name="connsiteX27" fmla="*/ 110011 w 1920955"/>
                <a:gd name="connsiteY27" fmla="*/ 364913 h 1660321"/>
                <a:gd name="connsiteX28" fmla="*/ 133824 w 1920955"/>
                <a:gd name="connsiteY28" fmla="*/ 412538 h 1660321"/>
                <a:gd name="connsiteX29" fmla="*/ 81436 w 1920955"/>
                <a:gd name="connsiteY29" fmla="*/ 450638 h 1660321"/>
                <a:gd name="connsiteX30" fmla="*/ 33811 w 1920955"/>
                <a:gd name="connsiteY30" fmla="*/ 445876 h 1660321"/>
                <a:gd name="connsiteX31" fmla="*/ 33811 w 1920955"/>
                <a:gd name="connsiteY31" fmla="*/ 517313 h 1660321"/>
                <a:gd name="connsiteX32" fmla="*/ 474 w 1920955"/>
                <a:gd name="connsiteY32" fmla="*/ 622088 h 1660321"/>
                <a:gd name="connsiteX33" fmla="*/ 62386 w 1920955"/>
                <a:gd name="connsiteY33" fmla="*/ 698288 h 1660321"/>
                <a:gd name="connsiteX34" fmla="*/ 111977 w 1920955"/>
                <a:gd name="connsiteY34" fmla="*/ 678550 h 1660321"/>
                <a:gd name="connsiteX35" fmla="*/ 112334 w 1920955"/>
                <a:gd name="connsiteY35" fmla="*/ 748809 h 1660321"/>
                <a:gd name="connsiteX36" fmla="*/ 167161 w 1920955"/>
                <a:gd name="connsiteY36" fmla="*/ 779251 h 1660321"/>
                <a:gd name="connsiteX37" fmla="*/ 236159 w 1920955"/>
                <a:gd name="connsiteY37" fmla="*/ 789463 h 1660321"/>
                <a:gd name="connsiteX38" fmla="*/ 271462 w 1920955"/>
                <a:gd name="connsiteY38" fmla="*/ 845434 h 1660321"/>
                <a:gd name="connsiteX39" fmla="*/ 270869 w 1920955"/>
                <a:gd name="connsiteY39" fmla="*/ 890506 h 1660321"/>
                <a:gd name="connsiteX40" fmla="*/ 295393 w 1920955"/>
                <a:gd name="connsiteY40" fmla="*/ 929981 h 1660321"/>
                <a:gd name="connsiteX41" fmla="*/ 341051 w 1920955"/>
                <a:gd name="connsiteY41" fmla="*/ 968573 h 1660321"/>
                <a:gd name="connsiteX42" fmla="*/ 426184 w 1920955"/>
                <a:gd name="connsiteY42" fmla="*/ 1022825 h 1660321"/>
                <a:gd name="connsiteX43" fmla="*/ 461961 w 1920955"/>
                <a:gd name="connsiteY43" fmla="*/ 1093918 h 1660321"/>
                <a:gd name="connsiteX44" fmla="*/ 441064 w 1920955"/>
                <a:gd name="connsiteY44" fmla="*/ 1163491 h 1660321"/>
                <a:gd name="connsiteX45" fmla="*/ 519111 w 1920955"/>
                <a:gd name="connsiteY45" fmla="*/ 1219954 h 1660321"/>
                <a:gd name="connsiteX46" fmla="*/ 591143 w 1920955"/>
                <a:gd name="connsiteY46" fmla="*/ 1252948 h 1660321"/>
                <a:gd name="connsiteX47" fmla="*/ 571974 w 1920955"/>
                <a:gd name="connsiteY47" fmla="*/ 1312651 h 1660321"/>
                <a:gd name="connsiteX48" fmla="*/ 662461 w 1920955"/>
                <a:gd name="connsiteY48" fmla="*/ 1465051 h 1660321"/>
                <a:gd name="connsiteX49" fmla="*/ 755271 w 1920955"/>
                <a:gd name="connsiteY49" fmla="*/ 1538205 h 1660321"/>
                <a:gd name="connsiteX50" fmla="*/ 805336 w 1920955"/>
                <a:gd name="connsiteY50" fmla="*/ 1488863 h 1660321"/>
                <a:gd name="connsiteX51" fmla="*/ 869926 w 1920955"/>
                <a:gd name="connsiteY51" fmla="*/ 1516260 h 1660321"/>
                <a:gd name="connsiteX52" fmla="*/ 924399 w 1920955"/>
                <a:gd name="connsiteY52" fmla="*/ 1484101 h 1660321"/>
                <a:gd name="connsiteX53" fmla="*/ 933924 w 1920955"/>
                <a:gd name="connsiteY53" fmla="*/ 1431713 h 1660321"/>
                <a:gd name="connsiteX54" fmla="*/ 1005123 w 1920955"/>
                <a:gd name="connsiteY54" fmla="*/ 1528337 h 1660321"/>
                <a:gd name="connsiteX55" fmla="*/ 1067274 w 1920955"/>
                <a:gd name="connsiteY55" fmla="*/ 1584113 h 1660321"/>
                <a:gd name="connsiteX56" fmla="*/ 1100611 w 1920955"/>
                <a:gd name="connsiteY56" fmla="*/ 1660313 h 1660321"/>
                <a:gd name="connsiteX57" fmla="*/ 1133949 w 1920955"/>
                <a:gd name="connsiteY57" fmla="*/ 1579351 h 1660321"/>
                <a:gd name="connsiteX58" fmla="*/ 1176811 w 1920955"/>
                <a:gd name="connsiteY58" fmla="*/ 1598401 h 1660321"/>
                <a:gd name="connsiteX59" fmla="*/ 1210149 w 1920955"/>
                <a:gd name="connsiteY59" fmla="*/ 1617451 h 1660321"/>
                <a:gd name="connsiteX60" fmla="*/ 1233961 w 1920955"/>
                <a:gd name="connsiteY60" fmla="*/ 1579351 h 1660321"/>
                <a:gd name="connsiteX61" fmla="*/ 1267299 w 1920955"/>
                <a:gd name="connsiteY61" fmla="*/ 1655551 h 1660321"/>
                <a:gd name="connsiteX62" fmla="*/ 1348261 w 1920955"/>
                <a:gd name="connsiteY62" fmla="*/ 1626976 h 1660321"/>
                <a:gd name="connsiteX63" fmla="*/ 1414936 w 1920955"/>
                <a:gd name="connsiteY63" fmla="*/ 1555538 h 1660321"/>
                <a:gd name="connsiteX64" fmla="*/ 1433986 w 1920955"/>
                <a:gd name="connsiteY64" fmla="*/ 1607926 h 1660321"/>
                <a:gd name="connsiteX65" fmla="*/ 1410174 w 1920955"/>
                <a:gd name="connsiteY65" fmla="*/ 1612688 h 1660321"/>
                <a:gd name="connsiteX66" fmla="*/ 1543524 w 1920955"/>
                <a:gd name="connsiteY66" fmla="*/ 1579351 h 1660321"/>
                <a:gd name="connsiteX67" fmla="*/ 1581624 w 1920955"/>
                <a:gd name="connsiteY67" fmla="*/ 1507913 h 1660321"/>
                <a:gd name="connsiteX68" fmla="*/ 1643536 w 1920955"/>
                <a:gd name="connsiteY68" fmla="*/ 1412663 h 1660321"/>
                <a:gd name="connsiteX69" fmla="*/ 1714974 w 1920955"/>
                <a:gd name="connsiteY69" fmla="*/ 1384088 h 1660321"/>
                <a:gd name="connsiteX70" fmla="*/ 1772124 w 1920955"/>
                <a:gd name="connsiteY70" fmla="*/ 1379326 h 1660321"/>
                <a:gd name="connsiteX71" fmla="*/ 1772124 w 1920955"/>
                <a:gd name="connsiteY71" fmla="*/ 1450763 h 1660321"/>
                <a:gd name="connsiteX72" fmla="*/ 1886424 w 1920955"/>
                <a:gd name="connsiteY72" fmla="*/ 1446001 h 1660321"/>
                <a:gd name="connsiteX73" fmla="*/ 1919761 w 1920955"/>
                <a:gd name="connsiteY73" fmla="*/ 1441238 h 1660321"/>
                <a:gd name="connsiteX74" fmla="*/ 1853086 w 1920955"/>
                <a:gd name="connsiteY74" fmla="*/ 1398376 h 1660321"/>
                <a:gd name="connsiteX75" fmla="*/ 1853086 w 1920955"/>
                <a:gd name="connsiteY75" fmla="*/ 1303126 h 1660321"/>
                <a:gd name="connsiteX76" fmla="*/ 1853086 w 1920955"/>
                <a:gd name="connsiteY76" fmla="*/ 1245976 h 1660321"/>
                <a:gd name="connsiteX77" fmla="*/ 1810224 w 1920955"/>
                <a:gd name="connsiteY77" fmla="*/ 1236451 h 1660321"/>
                <a:gd name="connsiteX78" fmla="*/ 1734024 w 1920955"/>
                <a:gd name="connsiteY78" fmla="*/ 1155488 h 1660321"/>
                <a:gd name="connsiteX79" fmla="*/ 1695924 w 1920955"/>
                <a:gd name="connsiteY79" fmla="*/ 974513 h 1660321"/>
                <a:gd name="connsiteX80" fmla="*/ 1643536 w 1920955"/>
                <a:gd name="connsiteY80" fmla="*/ 941176 h 1660321"/>
                <a:gd name="connsiteX81" fmla="*/ 1605436 w 1920955"/>
                <a:gd name="connsiteY81" fmla="*/ 884026 h 1660321"/>
                <a:gd name="connsiteX82" fmla="*/ 1557811 w 1920955"/>
                <a:gd name="connsiteY82" fmla="*/ 836401 h 1660321"/>
                <a:gd name="connsiteX83" fmla="*/ 1505424 w 1920955"/>
                <a:gd name="connsiteY83" fmla="*/ 817351 h 1660321"/>
                <a:gd name="connsiteX84" fmla="*/ 1453036 w 1920955"/>
                <a:gd name="connsiteY84" fmla="*/ 812588 h 1660321"/>
                <a:gd name="connsiteX85" fmla="*/ 1510186 w 1920955"/>
                <a:gd name="connsiteY85" fmla="*/ 779251 h 1660321"/>
                <a:gd name="connsiteX86" fmla="*/ 1476849 w 1920955"/>
                <a:gd name="connsiteY86" fmla="*/ 745913 h 1660321"/>
                <a:gd name="connsiteX87" fmla="*/ 1481611 w 1920955"/>
                <a:gd name="connsiteY87" fmla="*/ 722101 h 1660321"/>
                <a:gd name="connsiteX88" fmla="*/ 1572099 w 1920955"/>
                <a:gd name="connsiteY88" fmla="*/ 760201 h 1660321"/>
                <a:gd name="connsiteX89" fmla="*/ 1624486 w 1920955"/>
                <a:gd name="connsiteY89" fmla="*/ 693526 h 1660321"/>
                <a:gd name="connsiteX90" fmla="*/ 1614961 w 1920955"/>
                <a:gd name="connsiteY90" fmla="*/ 550651 h 1660321"/>
                <a:gd name="connsiteX91" fmla="*/ 1610199 w 1920955"/>
                <a:gd name="connsiteY91" fmla="*/ 412538 h 1660321"/>
                <a:gd name="connsiteX0" fmla="*/ 1610199 w 1920955"/>
                <a:gd name="connsiteY0" fmla="*/ 412538 h 1660321"/>
                <a:gd name="connsiteX1" fmla="*/ 1567336 w 1920955"/>
                <a:gd name="connsiteY1" fmla="*/ 369676 h 1660321"/>
                <a:gd name="connsiteX2" fmla="*/ 1467324 w 1920955"/>
                <a:gd name="connsiteY2" fmla="*/ 345863 h 1660321"/>
                <a:gd name="connsiteX3" fmla="*/ 1419699 w 1920955"/>
                <a:gd name="connsiteY3" fmla="*/ 317288 h 1660321"/>
                <a:gd name="connsiteX4" fmla="*/ 1367311 w 1920955"/>
                <a:gd name="connsiteY4" fmla="*/ 160126 h 1660321"/>
                <a:gd name="connsiteX5" fmla="*/ 1338736 w 1920955"/>
                <a:gd name="connsiteY5" fmla="*/ 12488 h 1660321"/>
                <a:gd name="connsiteX6" fmla="*/ 1267299 w 1920955"/>
                <a:gd name="connsiteY6" fmla="*/ 12488 h 1660321"/>
                <a:gd name="connsiteX7" fmla="*/ 1214911 w 1920955"/>
                <a:gd name="connsiteY7" fmla="*/ 50588 h 1660321"/>
                <a:gd name="connsiteX8" fmla="*/ 1214911 w 1920955"/>
                <a:gd name="connsiteY8" fmla="*/ 155363 h 1660321"/>
                <a:gd name="connsiteX9" fmla="*/ 1186336 w 1920955"/>
                <a:gd name="connsiteY9" fmla="*/ 183938 h 1660321"/>
                <a:gd name="connsiteX10" fmla="*/ 1176811 w 1920955"/>
                <a:gd name="connsiteY10" fmla="*/ 255376 h 1660321"/>
                <a:gd name="connsiteX11" fmla="*/ 1114899 w 1920955"/>
                <a:gd name="connsiteY11" fmla="*/ 298238 h 1660321"/>
                <a:gd name="connsiteX12" fmla="*/ 1005361 w 1920955"/>
                <a:gd name="connsiteY12" fmla="*/ 312526 h 1660321"/>
                <a:gd name="connsiteX13" fmla="*/ 962499 w 1920955"/>
                <a:gd name="connsiteY13" fmla="*/ 355388 h 1660321"/>
                <a:gd name="connsiteX14" fmla="*/ 838674 w 1920955"/>
                <a:gd name="connsiteY14" fmla="*/ 355388 h 1660321"/>
                <a:gd name="connsiteX15" fmla="*/ 781524 w 1920955"/>
                <a:gd name="connsiteY15" fmla="*/ 426826 h 1660321"/>
                <a:gd name="connsiteX16" fmla="*/ 781524 w 1920955"/>
                <a:gd name="connsiteY16" fmla="*/ 460163 h 1660321"/>
                <a:gd name="connsiteX17" fmla="*/ 743424 w 1920955"/>
                <a:gd name="connsiteY17" fmla="*/ 483976 h 1660321"/>
                <a:gd name="connsiteX18" fmla="*/ 671986 w 1920955"/>
                <a:gd name="connsiteY18" fmla="*/ 417301 h 1660321"/>
                <a:gd name="connsiteX19" fmla="*/ 519586 w 1920955"/>
                <a:gd name="connsiteY19" fmla="*/ 412538 h 1660321"/>
                <a:gd name="connsiteX20" fmla="*/ 457674 w 1920955"/>
                <a:gd name="connsiteY20" fmla="*/ 431588 h 1660321"/>
                <a:gd name="connsiteX21" fmla="*/ 419574 w 1920955"/>
                <a:gd name="connsiteY21" fmla="*/ 417301 h 1660321"/>
                <a:gd name="connsiteX22" fmla="*/ 400524 w 1920955"/>
                <a:gd name="connsiteY22" fmla="*/ 355388 h 1660321"/>
                <a:gd name="connsiteX23" fmla="*/ 333849 w 1920955"/>
                <a:gd name="connsiteY23" fmla="*/ 303001 h 1660321"/>
                <a:gd name="connsiteX24" fmla="*/ 286224 w 1920955"/>
                <a:gd name="connsiteY24" fmla="*/ 236326 h 1660321"/>
                <a:gd name="connsiteX25" fmla="*/ 143349 w 1920955"/>
                <a:gd name="connsiteY25" fmla="*/ 255376 h 1660321"/>
                <a:gd name="connsiteX26" fmla="*/ 124299 w 1920955"/>
                <a:gd name="connsiteY26" fmla="*/ 331576 h 1660321"/>
                <a:gd name="connsiteX27" fmla="*/ 110011 w 1920955"/>
                <a:gd name="connsiteY27" fmla="*/ 364913 h 1660321"/>
                <a:gd name="connsiteX28" fmla="*/ 133824 w 1920955"/>
                <a:gd name="connsiteY28" fmla="*/ 412538 h 1660321"/>
                <a:gd name="connsiteX29" fmla="*/ 81436 w 1920955"/>
                <a:gd name="connsiteY29" fmla="*/ 450638 h 1660321"/>
                <a:gd name="connsiteX30" fmla="*/ 33811 w 1920955"/>
                <a:gd name="connsiteY30" fmla="*/ 445876 h 1660321"/>
                <a:gd name="connsiteX31" fmla="*/ 33811 w 1920955"/>
                <a:gd name="connsiteY31" fmla="*/ 517313 h 1660321"/>
                <a:gd name="connsiteX32" fmla="*/ 474 w 1920955"/>
                <a:gd name="connsiteY32" fmla="*/ 622088 h 1660321"/>
                <a:gd name="connsiteX33" fmla="*/ 62386 w 1920955"/>
                <a:gd name="connsiteY33" fmla="*/ 698288 h 1660321"/>
                <a:gd name="connsiteX34" fmla="*/ 111977 w 1920955"/>
                <a:gd name="connsiteY34" fmla="*/ 678550 h 1660321"/>
                <a:gd name="connsiteX35" fmla="*/ 112334 w 1920955"/>
                <a:gd name="connsiteY35" fmla="*/ 748809 h 1660321"/>
                <a:gd name="connsiteX36" fmla="*/ 167161 w 1920955"/>
                <a:gd name="connsiteY36" fmla="*/ 779251 h 1660321"/>
                <a:gd name="connsiteX37" fmla="*/ 236159 w 1920955"/>
                <a:gd name="connsiteY37" fmla="*/ 789463 h 1660321"/>
                <a:gd name="connsiteX38" fmla="*/ 271462 w 1920955"/>
                <a:gd name="connsiteY38" fmla="*/ 845434 h 1660321"/>
                <a:gd name="connsiteX39" fmla="*/ 270869 w 1920955"/>
                <a:gd name="connsiteY39" fmla="*/ 890506 h 1660321"/>
                <a:gd name="connsiteX40" fmla="*/ 295393 w 1920955"/>
                <a:gd name="connsiteY40" fmla="*/ 929981 h 1660321"/>
                <a:gd name="connsiteX41" fmla="*/ 341051 w 1920955"/>
                <a:gd name="connsiteY41" fmla="*/ 968573 h 1660321"/>
                <a:gd name="connsiteX42" fmla="*/ 426184 w 1920955"/>
                <a:gd name="connsiteY42" fmla="*/ 1022825 h 1660321"/>
                <a:gd name="connsiteX43" fmla="*/ 461961 w 1920955"/>
                <a:gd name="connsiteY43" fmla="*/ 1093918 h 1660321"/>
                <a:gd name="connsiteX44" fmla="*/ 441064 w 1920955"/>
                <a:gd name="connsiteY44" fmla="*/ 1163491 h 1660321"/>
                <a:gd name="connsiteX45" fmla="*/ 519111 w 1920955"/>
                <a:gd name="connsiteY45" fmla="*/ 1219954 h 1660321"/>
                <a:gd name="connsiteX46" fmla="*/ 591143 w 1920955"/>
                <a:gd name="connsiteY46" fmla="*/ 1252948 h 1660321"/>
                <a:gd name="connsiteX47" fmla="*/ 571974 w 1920955"/>
                <a:gd name="connsiteY47" fmla="*/ 1312651 h 1660321"/>
                <a:gd name="connsiteX48" fmla="*/ 662461 w 1920955"/>
                <a:gd name="connsiteY48" fmla="*/ 1465051 h 1660321"/>
                <a:gd name="connsiteX49" fmla="*/ 755271 w 1920955"/>
                <a:gd name="connsiteY49" fmla="*/ 1538205 h 1660321"/>
                <a:gd name="connsiteX50" fmla="*/ 805336 w 1920955"/>
                <a:gd name="connsiteY50" fmla="*/ 1488863 h 1660321"/>
                <a:gd name="connsiteX51" fmla="*/ 869926 w 1920955"/>
                <a:gd name="connsiteY51" fmla="*/ 1516260 h 1660321"/>
                <a:gd name="connsiteX52" fmla="*/ 924399 w 1920955"/>
                <a:gd name="connsiteY52" fmla="*/ 1484101 h 1660321"/>
                <a:gd name="connsiteX53" fmla="*/ 929042 w 1920955"/>
                <a:gd name="connsiteY53" fmla="*/ 1367886 h 1660321"/>
                <a:gd name="connsiteX54" fmla="*/ 1005123 w 1920955"/>
                <a:gd name="connsiteY54" fmla="*/ 1528337 h 1660321"/>
                <a:gd name="connsiteX55" fmla="*/ 1067274 w 1920955"/>
                <a:gd name="connsiteY55" fmla="*/ 1584113 h 1660321"/>
                <a:gd name="connsiteX56" fmla="*/ 1100611 w 1920955"/>
                <a:gd name="connsiteY56" fmla="*/ 1660313 h 1660321"/>
                <a:gd name="connsiteX57" fmla="*/ 1133949 w 1920955"/>
                <a:gd name="connsiteY57" fmla="*/ 1579351 h 1660321"/>
                <a:gd name="connsiteX58" fmla="*/ 1176811 w 1920955"/>
                <a:gd name="connsiteY58" fmla="*/ 1598401 h 1660321"/>
                <a:gd name="connsiteX59" fmla="*/ 1210149 w 1920955"/>
                <a:gd name="connsiteY59" fmla="*/ 1617451 h 1660321"/>
                <a:gd name="connsiteX60" fmla="*/ 1233961 w 1920955"/>
                <a:gd name="connsiteY60" fmla="*/ 1579351 h 1660321"/>
                <a:gd name="connsiteX61" fmla="*/ 1267299 w 1920955"/>
                <a:gd name="connsiteY61" fmla="*/ 1655551 h 1660321"/>
                <a:gd name="connsiteX62" fmla="*/ 1348261 w 1920955"/>
                <a:gd name="connsiteY62" fmla="*/ 1626976 h 1660321"/>
                <a:gd name="connsiteX63" fmla="*/ 1414936 w 1920955"/>
                <a:gd name="connsiteY63" fmla="*/ 1555538 h 1660321"/>
                <a:gd name="connsiteX64" fmla="*/ 1433986 w 1920955"/>
                <a:gd name="connsiteY64" fmla="*/ 1607926 h 1660321"/>
                <a:gd name="connsiteX65" fmla="*/ 1410174 w 1920955"/>
                <a:gd name="connsiteY65" fmla="*/ 1612688 h 1660321"/>
                <a:gd name="connsiteX66" fmla="*/ 1543524 w 1920955"/>
                <a:gd name="connsiteY66" fmla="*/ 1579351 h 1660321"/>
                <a:gd name="connsiteX67" fmla="*/ 1581624 w 1920955"/>
                <a:gd name="connsiteY67" fmla="*/ 1507913 h 1660321"/>
                <a:gd name="connsiteX68" fmla="*/ 1643536 w 1920955"/>
                <a:gd name="connsiteY68" fmla="*/ 1412663 h 1660321"/>
                <a:gd name="connsiteX69" fmla="*/ 1714974 w 1920955"/>
                <a:gd name="connsiteY69" fmla="*/ 1384088 h 1660321"/>
                <a:gd name="connsiteX70" fmla="*/ 1772124 w 1920955"/>
                <a:gd name="connsiteY70" fmla="*/ 1379326 h 1660321"/>
                <a:gd name="connsiteX71" fmla="*/ 1772124 w 1920955"/>
                <a:gd name="connsiteY71" fmla="*/ 1450763 h 1660321"/>
                <a:gd name="connsiteX72" fmla="*/ 1886424 w 1920955"/>
                <a:gd name="connsiteY72" fmla="*/ 1446001 h 1660321"/>
                <a:gd name="connsiteX73" fmla="*/ 1919761 w 1920955"/>
                <a:gd name="connsiteY73" fmla="*/ 1441238 h 1660321"/>
                <a:gd name="connsiteX74" fmla="*/ 1853086 w 1920955"/>
                <a:gd name="connsiteY74" fmla="*/ 1398376 h 1660321"/>
                <a:gd name="connsiteX75" fmla="*/ 1853086 w 1920955"/>
                <a:gd name="connsiteY75" fmla="*/ 1303126 h 1660321"/>
                <a:gd name="connsiteX76" fmla="*/ 1853086 w 1920955"/>
                <a:gd name="connsiteY76" fmla="*/ 1245976 h 1660321"/>
                <a:gd name="connsiteX77" fmla="*/ 1810224 w 1920955"/>
                <a:gd name="connsiteY77" fmla="*/ 1236451 h 1660321"/>
                <a:gd name="connsiteX78" fmla="*/ 1734024 w 1920955"/>
                <a:gd name="connsiteY78" fmla="*/ 1155488 h 1660321"/>
                <a:gd name="connsiteX79" fmla="*/ 1695924 w 1920955"/>
                <a:gd name="connsiteY79" fmla="*/ 974513 h 1660321"/>
                <a:gd name="connsiteX80" fmla="*/ 1643536 w 1920955"/>
                <a:gd name="connsiteY80" fmla="*/ 941176 h 1660321"/>
                <a:gd name="connsiteX81" fmla="*/ 1605436 w 1920955"/>
                <a:gd name="connsiteY81" fmla="*/ 884026 h 1660321"/>
                <a:gd name="connsiteX82" fmla="*/ 1557811 w 1920955"/>
                <a:gd name="connsiteY82" fmla="*/ 836401 h 1660321"/>
                <a:gd name="connsiteX83" fmla="*/ 1505424 w 1920955"/>
                <a:gd name="connsiteY83" fmla="*/ 817351 h 1660321"/>
                <a:gd name="connsiteX84" fmla="*/ 1453036 w 1920955"/>
                <a:gd name="connsiteY84" fmla="*/ 812588 h 1660321"/>
                <a:gd name="connsiteX85" fmla="*/ 1510186 w 1920955"/>
                <a:gd name="connsiteY85" fmla="*/ 779251 h 1660321"/>
                <a:gd name="connsiteX86" fmla="*/ 1476849 w 1920955"/>
                <a:gd name="connsiteY86" fmla="*/ 745913 h 1660321"/>
                <a:gd name="connsiteX87" fmla="*/ 1481611 w 1920955"/>
                <a:gd name="connsiteY87" fmla="*/ 722101 h 1660321"/>
                <a:gd name="connsiteX88" fmla="*/ 1572099 w 1920955"/>
                <a:gd name="connsiteY88" fmla="*/ 760201 h 1660321"/>
                <a:gd name="connsiteX89" fmla="*/ 1624486 w 1920955"/>
                <a:gd name="connsiteY89" fmla="*/ 693526 h 1660321"/>
                <a:gd name="connsiteX90" fmla="*/ 1614961 w 1920955"/>
                <a:gd name="connsiteY90" fmla="*/ 550651 h 1660321"/>
                <a:gd name="connsiteX91" fmla="*/ 1610199 w 1920955"/>
                <a:gd name="connsiteY91" fmla="*/ 412538 h 1660321"/>
                <a:gd name="connsiteX0" fmla="*/ 1610199 w 1920955"/>
                <a:gd name="connsiteY0" fmla="*/ 412538 h 1660321"/>
                <a:gd name="connsiteX1" fmla="*/ 1567336 w 1920955"/>
                <a:gd name="connsiteY1" fmla="*/ 369676 h 1660321"/>
                <a:gd name="connsiteX2" fmla="*/ 1467324 w 1920955"/>
                <a:gd name="connsiteY2" fmla="*/ 345863 h 1660321"/>
                <a:gd name="connsiteX3" fmla="*/ 1419699 w 1920955"/>
                <a:gd name="connsiteY3" fmla="*/ 317288 h 1660321"/>
                <a:gd name="connsiteX4" fmla="*/ 1367311 w 1920955"/>
                <a:gd name="connsiteY4" fmla="*/ 160126 h 1660321"/>
                <a:gd name="connsiteX5" fmla="*/ 1338736 w 1920955"/>
                <a:gd name="connsiteY5" fmla="*/ 12488 h 1660321"/>
                <a:gd name="connsiteX6" fmla="*/ 1267299 w 1920955"/>
                <a:gd name="connsiteY6" fmla="*/ 12488 h 1660321"/>
                <a:gd name="connsiteX7" fmla="*/ 1214911 w 1920955"/>
                <a:gd name="connsiteY7" fmla="*/ 50588 h 1660321"/>
                <a:gd name="connsiteX8" fmla="*/ 1214911 w 1920955"/>
                <a:gd name="connsiteY8" fmla="*/ 155363 h 1660321"/>
                <a:gd name="connsiteX9" fmla="*/ 1186336 w 1920955"/>
                <a:gd name="connsiteY9" fmla="*/ 183938 h 1660321"/>
                <a:gd name="connsiteX10" fmla="*/ 1176811 w 1920955"/>
                <a:gd name="connsiteY10" fmla="*/ 255376 h 1660321"/>
                <a:gd name="connsiteX11" fmla="*/ 1114899 w 1920955"/>
                <a:gd name="connsiteY11" fmla="*/ 298238 h 1660321"/>
                <a:gd name="connsiteX12" fmla="*/ 1005361 w 1920955"/>
                <a:gd name="connsiteY12" fmla="*/ 312526 h 1660321"/>
                <a:gd name="connsiteX13" fmla="*/ 962499 w 1920955"/>
                <a:gd name="connsiteY13" fmla="*/ 355388 h 1660321"/>
                <a:gd name="connsiteX14" fmla="*/ 838674 w 1920955"/>
                <a:gd name="connsiteY14" fmla="*/ 355388 h 1660321"/>
                <a:gd name="connsiteX15" fmla="*/ 781524 w 1920955"/>
                <a:gd name="connsiteY15" fmla="*/ 426826 h 1660321"/>
                <a:gd name="connsiteX16" fmla="*/ 781524 w 1920955"/>
                <a:gd name="connsiteY16" fmla="*/ 460163 h 1660321"/>
                <a:gd name="connsiteX17" fmla="*/ 743424 w 1920955"/>
                <a:gd name="connsiteY17" fmla="*/ 483976 h 1660321"/>
                <a:gd name="connsiteX18" fmla="*/ 671986 w 1920955"/>
                <a:gd name="connsiteY18" fmla="*/ 417301 h 1660321"/>
                <a:gd name="connsiteX19" fmla="*/ 519586 w 1920955"/>
                <a:gd name="connsiteY19" fmla="*/ 412538 h 1660321"/>
                <a:gd name="connsiteX20" fmla="*/ 457674 w 1920955"/>
                <a:gd name="connsiteY20" fmla="*/ 431588 h 1660321"/>
                <a:gd name="connsiteX21" fmla="*/ 419574 w 1920955"/>
                <a:gd name="connsiteY21" fmla="*/ 417301 h 1660321"/>
                <a:gd name="connsiteX22" fmla="*/ 400524 w 1920955"/>
                <a:gd name="connsiteY22" fmla="*/ 355388 h 1660321"/>
                <a:gd name="connsiteX23" fmla="*/ 333849 w 1920955"/>
                <a:gd name="connsiteY23" fmla="*/ 303001 h 1660321"/>
                <a:gd name="connsiteX24" fmla="*/ 286224 w 1920955"/>
                <a:gd name="connsiteY24" fmla="*/ 236326 h 1660321"/>
                <a:gd name="connsiteX25" fmla="*/ 143349 w 1920955"/>
                <a:gd name="connsiteY25" fmla="*/ 255376 h 1660321"/>
                <a:gd name="connsiteX26" fmla="*/ 124299 w 1920955"/>
                <a:gd name="connsiteY26" fmla="*/ 331576 h 1660321"/>
                <a:gd name="connsiteX27" fmla="*/ 110011 w 1920955"/>
                <a:gd name="connsiteY27" fmla="*/ 364913 h 1660321"/>
                <a:gd name="connsiteX28" fmla="*/ 133824 w 1920955"/>
                <a:gd name="connsiteY28" fmla="*/ 412538 h 1660321"/>
                <a:gd name="connsiteX29" fmla="*/ 81436 w 1920955"/>
                <a:gd name="connsiteY29" fmla="*/ 450638 h 1660321"/>
                <a:gd name="connsiteX30" fmla="*/ 33811 w 1920955"/>
                <a:gd name="connsiteY30" fmla="*/ 445876 h 1660321"/>
                <a:gd name="connsiteX31" fmla="*/ 33811 w 1920955"/>
                <a:gd name="connsiteY31" fmla="*/ 517313 h 1660321"/>
                <a:gd name="connsiteX32" fmla="*/ 474 w 1920955"/>
                <a:gd name="connsiteY32" fmla="*/ 622088 h 1660321"/>
                <a:gd name="connsiteX33" fmla="*/ 62386 w 1920955"/>
                <a:gd name="connsiteY33" fmla="*/ 698288 h 1660321"/>
                <a:gd name="connsiteX34" fmla="*/ 111977 w 1920955"/>
                <a:gd name="connsiteY34" fmla="*/ 678550 h 1660321"/>
                <a:gd name="connsiteX35" fmla="*/ 112334 w 1920955"/>
                <a:gd name="connsiteY35" fmla="*/ 748809 h 1660321"/>
                <a:gd name="connsiteX36" fmla="*/ 167161 w 1920955"/>
                <a:gd name="connsiteY36" fmla="*/ 779251 h 1660321"/>
                <a:gd name="connsiteX37" fmla="*/ 236159 w 1920955"/>
                <a:gd name="connsiteY37" fmla="*/ 789463 h 1660321"/>
                <a:gd name="connsiteX38" fmla="*/ 271462 w 1920955"/>
                <a:gd name="connsiteY38" fmla="*/ 845434 h 1660321"/>
                <a:gd name="connsiteX39" fmla="*/ 270869 w 1920955"/>
                <a:gd name="connsiteY39" fmla="*/ 890506 h 1660321"/>
                <a:gd name="connsiteX40" fmla="*/ 295393 w 1920955"/>
                <a:gd name="connsiteY40" fmla="*/ 929981 h 1660321"/>
                <a:gd name="connsiteX41" fmla="*/ 341051 w 1920955"/>
                <a:gd name="connsiteY41" fmla="*/ 968573 h 1660321"/>
                <a:gd name="connsiteX42" fmla="*/ 426184 w 1920955"/>
                <a:gd name="connsiteY42" fmla="*/ 1022825 h 1660321"/>
                <a:gd name="connsiteX43" fmla="*/ 461961 w 1920955"/>
                <a:gd name="connsiteY43" fmla="*/ 1093918 h 1660321"/>
                <a:gd name="connsiteX44" fmla="*/ 441064 w 1920955"/>
                <a:gd name="connsiteY44" fmla="*/ 1163491 h 1660321"/>
                <a:gd name="connsiteX45" fmla="*/ 519111 w 1920955"/>
                <a:gd name="connsiteY45" fmla="*/ 1219954 h 1660321"/>
                <a:gd name="connsiteX46" fmla="*/ 591143 w 1920955"/>
                <a:gd name="connsiteY46" fmla="*/ 1252948 h 1660321"/>
                <a:gd name="connsiteX47" fmla="*/ 571974 w 1920955"/>
                <a:gd name="connsiteY47" fmla="*/ 1312651 h 1660321"/>
                <a:gd name="connsiteX48" fmla="*/ 662461 w 1920955"/>
                <a:gd name="connsiteY48" fmla="*/ 1465051 h 1660321"/>
                <a:gd name="connsiteX49" fmla="*/ 755271 w 1920955"/>
                <a:gd name="connsiteY49" fmla="*/ 1538205 h 1660321"/>
                <a:gd name="connsiteX50" fmla="*/ 805336 w 1920955"/>
                <a:gd name="connsiteY50" fmla="*/ 1488863 h 1660321"/>
                <a:gd name="connsiteX51" fmla="*/ 869926 w 1920955"/>
                <a:gd name="connsiteY51" fmla="*/ 1516260 h 1660321"/>
                <a:gd name="connsiteX52" fmla="*/ 924399 w 1920955"/>
                <a:gd name="connsiteY52" fmla="*/ 1484101 h 1660321"/>
                <a:gd name="connsiteX53" fmla="*/ 941246 w 1920955"/>
                <a:gd name="connsiteY53" fmla="*/ 1441925 h 1660321"/>
                <a:gd name="connsiteX54" fmla="*/ 1005123 w 1920955"/>
                <a:gd name="connsiteY54" fmla="*/ 1528337 h 1660321"/>
                <a:gd name="connsiteX55" fmla="*/ 1067274 w 1920955"/>
                <a:gd name="connsiteY55" fmla="*/ 1584113 h 1660321"/>
                <a:gd name="connsiteX56" fmla="*/ 1100611 w 1920955"/>
                <a:gd name="connsiteY56" fmla="*/ 1660313 h 1660321"/>
                <a:gd name="connsiteX57" fmla="*/ 1133949 w 1920955"/>
                <a:gd name="connsiteY57" fmla="*/ 1579351 h 1660321"/>
                <a:gd name="connsiteX58" fmla="*/ 1176811 w 1920955"/>
                <a:gd name="connsiteY58" fmla="*/ 1598401 h 1660321"/>
                <a:gd name="connsiteX59" fmla="*/ 1210149 w 1920955"/>
                <a:gd name="connsiteY59" fmla="*/ 1617451 h 1660321"/>
                <a:gd name="connsiteX60" fmla="*/ 1233961 w 1920955"/>
                <a:gd name="connsiteY60" fmla="*/ 1579351 h 1660321"/>
                <a:gd name="connsiteX61" fmla="*/ 1267299 w 1920955"/>
                <a:gd name="connsiteY61" fmla="*/ 1655551 h 1660321"/>
                <a:gd name="connsiteX62" fmla="*/ 1348261 w 1920955"/>
                <a:gd name="connsiteY62" fmla="*/ 1626976 h 1660321"/>
                <a:gd name="connsiteX63" fmla="*/ 1414936 w 1920955"/>
                <a:gd name="connsiteY63" fmla="*/ 1555538 h 1660321"/>
                <a:gd name="connsiteX64" fmla="*/ 1433986 w 1920955"/>
                <a:gd name="connsiteY64" fmla="*/ 1607926 h 1660321"/>
                <a:gd name="connsiteX65" fmla="*/ 1410174 w 1920955"/>
                <a:gd name="connsiteY65" fmla="*/ 1612688 h 1660321"/>
                <a:gd name="connsiteX66" fmla="*/ 1543524 w 1920955"/>
                <a:gd name="connsiteY66" fmla="*/ 1579351 h 1660321"/>
                <a:gd name="connsiteX67" fmla="*/ 1581624 w 1920955"/>
                <a:gd name="connsiteY67" fmla="*/ 1507913 h 1660321"/>
                <a:gd name="connsiteX68" fmla="*/ 1643536 w 1920955"/>
                <a:gd name="connsiteY68" fmla="*/ 1412663 h 1660321"/>
                <a:gd name="connsiteX69" fmla="*/ 1714974 w 1920955"/>
                <a:gd name="connsiteY69" fmla="*/ 1384088 h 1660321"/>
                <a:gd name="connsiteX70" fmla="*/ 1772124 w 1920955"/>
                <a:gd name="connsiteY70" fmla="*/ 1379326 h 1660321"/>
                <a:gd name="connsiteX71" fmla="*/ 1772124 w 1920955"/>
                <a:gd name="connsiteY71" fmla="*/ 1450763 h 1660321"/>
                <a:gd name="connsiteX72" fmla="*/ 1886424 w 1920955"/>
                <a:gd name="connsiteY72" fmla="*/ 1446001 h 1660321"/>
                <a:gd name="connsiteX73" fmla="*/ 1919761 w 1920955"/>
                <a:gd name="connsiteY73" fmla="*/ 1441238 h 1660321"/>
                <a:gd name="connsiteX74" fmla="*/ 1853086 w 1920955"/>
                <a:gd name="connsiteY74" fmla="*/ 1398376 h 1660321"/>
                <a:gd name="connsiteX75" fmla="*/ 1853086 w 1920955"/>
                <a:gd name="connsiteY75" fmla="*/ 1303126 h 1660321"/>
                <a:gd name="connsiteX76" fmla="*/ 1853086 w 1920955"/>
                <a:gd name="connsiteY76" fmla="*/ 1245976 h 1660321"/>
                <a:gd name="connsiteX77" fmla="*/ 1810224 w 1920955"/>
                <a:gd name="connsiteY77" fmla="*/ 1236451 h 1660321"/>
                <a:gd name="connsiteX78" fmla="*/ 1734024 w 1920955"/>
                <a:gd name="connsiteY78" fmla="*/ 1155488 h 1660321"/>
                <a:gd name="connsiteX79" fmla="*/ 1695924 w 1920955"/>
                <a:gd name="connsiteY79" fmla="*/ 974513 h 1660321"/>
                <a:gd name="connsiteX80" fmla="*/ 1643536 w 1920955"/>
                <a:gd name="connsiteY80" fmla="*/ 941176 h 1660321"/>
                <a:gd name="connsiteX81" fmla="*/ 1605436 w 1920955"/>
                <a:gd name="connsiteY81" fmla="*/ 884026 h 1660321"/>
                <a:gd name="connsiteX82" fmla="*/ 1557811 w 1920955"/>
                <a:gd name="connsiteY82" fmla="*/ 836401 h 1660321"/>
                <a:gd name="connsiteX83" fmla="*/ 1505424 w 1920955"/>
                <a:gd name="connsiteY83" fmla="*/ 817351 h 1660321"/>
                <a:gd name="connsiteX84" fmla="*/ 1453036 w 1920955"/>
                <a:gd name="connsiteY84" fmla="*/ 812588 h 1660321"/>
                <a:gd name="connsiteX85" fmla="*/ 1510186 w 1920955"/>
                <a:gd name="connsiteY85" fmla="*/ 779251 h 1660321"/>
                <a:gd name="connsiteX86" fmla="*/ 1476849 w 1920955"/>
                <a:gd name="connsiteY86" fmla="*/ 745913 h 1660321"/>
                <a:gd name="connsiteX87" fmla="*/ 1481611 w 1920955"/>
                <a:gd name="connsiteY87" fmla="*/ 722101 h 1660321"/>
                <a:gd name="connsiteX88" fmla="*/ 1572099 w 1920955"/>
                <a:gd name="connsiteY88" fmla="*/ 760201 h 1660321"/>
                <a:gd name="connsiteX89" fmla="*/ 1624486 w 1920955"/>
                <a:gd name="connsiteY89" fmla="*/ 693526 h 1660321"/>
                <a:gd name="connsiteX90" fmla="*/ 1614961 w 1920955"/>
                <a:gd name="connsiteY90" fmla="*/ 550651 h 1660321"/>
                <a:gd name="connsiteX91" fmla="*/ 1610199 w 1920955"/>
                <a:gd name="connsiteY91" fmla="*/ 412538 h 1660321"/>
                <a:gd name="connsiteX0" fmla="*/ 1610199 w 1920955"/>
                <a:gd name="connsiteY0" fmla="*/ 412538 h 1660321"/>
                <a:gd name="connsiteX1" fmla="*/ 1567336 w 1920955"/>
                <a:gd name="connsiteY1" fmla="*/ 369676 h 1660321"/>
                <a:gd name="connsiteX2" fmla="*/ 1467324 w 1920955"/>
                <a:gd name="connsiteY2" fmla="*/ 345863 h 1660321"/>
                <a:gd name="connsiteX3" fmla="*/ 1419699 w 1920955"/>
                <a:gd name="connsiteY3" fmla="*/ 317288 h 1660321"/>
                <a:gd name="connsiteX4" fmla="*/ 1367311 w 1920955"/>
                <a:gd name="connsiteY4" fmla="*/ 160126 h 1660321"/>
                <a:gd name="connsiteX5" fmla="*/ 1338736 w 1920955"/>
                <a:gd name="connsiteY5" fmla="*/ 12488 h 1660321"/>
                <a:gd name="connsiteX6" fmla="*/ 1267299 w 1920955"/>
                <a:gd name="connsiteY6" fmla="*/ 12488 h 1660321"/>
                <a:gd name="connsiteX7" fmla="*/ 1214911 w 1920955"/>
                <a:gd name="connsiteY7" fmla="*/ 50588 h 1660321"/>
                <a:gd name="connsiteX8" fmla="*/ 1214911 w 1920955"/>
                <a:gd name="connsiteY8" fmla="*/ 155363 h 1660321"/>
                <a:gd name="connsiteX9" fmla="*/ 1186336 w 1920955"/>
                <a:gd name="connsiteY9" fmla="*/ 183938 h 1660321"/>
                <a:gd name="connsiteX10" fmla="*/ 1176811 w 1920955"/>
                <a:gd name="connsiteY10" fmla="*/ 255376 h 1660321"/>
                <a:gd name="connsiteX11" fmla="*/ 1114899 w 1920955"/>
                <a:gd name="connsiteY11" fmla="*/ 298238 h 1660321"/>
                <a:gd name="connsiteX12" fmla="*/ 1005361 w 1920955"/>
                <a:gd name="connsiteY12" fmla="*/ 312526 h 1660321"/>
                <a:gd name="connsiteX13" fmla="*/ 962499 w 1920955"/>
                <a:gd name="connsiteY13" fmla="*/ 355388 h 1660321"/>
                <a:gd name="connsiteX14" fmla="*/ 838674 w 1920955"/>
                <a:gd name="connsiteY14" fmla="*/ 355388 h 1660321"/>
                <a:gd name="connsiteX15" fmla="*/ 781524 w 1920955"/>
                <a:gd name="connsiteY15" fmla="*/ 426826 h 1660321"/>
                <a:gd name="connsiteX16" fmla="*/ 781524 w 1920955"/>
                <a:gd name="connsiteY16" fmla="*/ 460163 h 1660321"/>
                <a:gd name="connsiteX17" fmla="*/ 743424 w 1920955"/>
                <a:gd name="connsiteY17" fmla="*/ 483976 h 1660321"/>
                <a:gd name="connsiteX18" fmla="*/ 671986 w 1920955"/>
                <a:gd name="connsiteY18" fmla="*/ 417301 h 1660321"/>
                <a:gd name="connsiteX19" fmla="*/ 519586 w 1920955"/>
                <a:gd name="connsiteY19" fmla="*/ 412538 h 1660321"/>
                <a:gd name="connsiteX20" fmla="*/ 457674 w 1920955"/>
                <a:gd name="connsiteY20" fmla="*/ 431588 h 1660321"/>
                <a:gd name="connsiteX21" fmla="*/ 419574 w 1920955"/>
                <a:gd name="connsiteY21" fmla="*/ 417301 h 1660321"/>
                <a:gd name="connsiteX22" fmla="*/ 400524 w 1920955"/>
                <a:gd name="connsiteY22" fmla="*/ 355388 h 1660321"/>
                <a:gd name="connsiteX23" fmla="*/ 333849 w 1920955"/>
                <a:gd name="connsiteY23" fmla="*/ 303001 h 1660321"/>
                <a:gd name="connsiteX24" fmla="*/ 286224 w 1920955"/>
                <a:gd name="connsiteY24" fmla="*/ 236326 h 1660321"/>
                <a:gd name="connsiteX25" fmla="*/ 143349 w 1920955"/>
                <a:gd name="connsiteY25" fmla="*/ 255376 h 1660321"/>
                <a:gd name="connsiteX26" fmla="*/ 124299 w 1920955"/>
                <a:gd name="connsiteY26" fmla="*/ 331576 h 1660321"/>
                <a:gd name="connsiteX27" fmla="*/ 110011 w 1920955"/>
                <a:gd name="connsiteY27" fmla="*/ 364913 h 1660321"/>
                <a:gd name="connsiteX28" fmla="*/ 133824 w 1920955"/>
                <a:gd name="connsiteY28" fmla="*/ 412538 h 1660321"/>
                <a:gd name="connsiteX29" fmla="*/ 81436 w 1920955"/>
                <a:gd name="connsiteY29" fmla="*/ 450638 h 1660321"/>
                <a:gd name="connsiteX30" fmla="*/ 33811 w 1920955"/>
                <a:gd name="connsiteY30" fmla="*/ 445876 h 1660321"/>
                <a:gd name="connsiteX31" fmla="*/ 33811 w 1920955"/>
                <a:gd name="connsiteY31" fmla="*/ 517313 h 1660321"/>
                <a:gd name="connsiteX32" fmla="*/ 474 w 1920955"/>
                <a:gd name="connsiteY32" fmla="*/ 622088 h 1660321"/>
                <a:gd name="connsiteX33" fmla="*/ 62386 w 1920955"/>
                <a:gd name="connsiteY33" fmla="*/ 698288 h 1660321"/>
                <a:gd name="connsiteX34" fmla="*/ 111977 w 1920955"/>
                <a:gd name="connsiteY34" fmla="*/ 678550 h 1660321"/>
                <a:gd name="connsiteX35" fmla="*/ 112334 w 1920955"/>
                <a:gd name="connsiteY35" fmla="*/ 748809 h 1660321"/>
                <a:gd name="connsiteX36" fmla="*/ 167161 w 1920955"/>
                <a:gd name="connsiteY36" fmla="*/ 779251 h 1660321"/>
                <a:gd name="connsiteX37" fmla="*/ 236159 w 1920955"/>
                <a:gd name="connsiteY37" fmla="*/ 789463 h 1660321"/>
                <a:gd name="connsiteX38" fmla="*/ 271462 w 1920955"/>
                <a:gd name="connsiteY38" fmla="*/ 845434 h 1660321"/>
                <a:gd name="connsiteX39" fmla="*/ 270869 w 1920955"/>
                <a:gd name="connsiteY39" fmla="*/ 890506 h 1660321"/>
                <a:gd name="connsiteX40" fmla="*/ 295393 w 1920955"/>
                <a:gd name="connsiteY40" fmla="*/ 929981 h 1660321"/>
                <a:gd name="connsiteX41" fmla="*/ 341051 w 1920955"/>
                <a:gd name="connsiteY41" fmla="*/ 968573 h 1660321"/>
                <a:gd name="connsiteX42" fmla="*/ 426184 w 1920955"/>
                <a:gd name="connsiteY42" fmla="*/ 1022825 h 1660321"/>
                <a:gd name="connsiteX43" fmla="*/ 461961 w 1920955"/>
                <a:gd name="connsiteY43" fmla="*/ 1093918 h 1660321"/>
                <a:gd name="connsiteX44" fmla="*/ 441064 w 1920955"/>
                <a:gd name="connsiteY44" fmla="*/ 1163491 h 1660321"/>
                <a:gd name="connsiteX45" fmla="*/ 519111 w 1920955"/>
                <a:gd name="connsiteY45" fmla="*/ 1219954 h 1660321"/>
                <a:gd name="connsiteX46" fmla="*/ 591143 w 1920955"/>
                <a:gd name="connsiteY46" fmla="*/ 1252948 h 1660321"/>
                <a:gd name="connsiteX47" fmla="*/ 571974 w 1920955"/>
                <a:gd name="connsiteY47" fmla="*/ 1312651 h 1660321"/>
                <a:gd name="connsiteX48" fmla="*/ 662461 w 1920955"/>
                <a:gd name="connsiteY48" fmla="*/ 1465051 h 1660321"/>
                <a:gd name="connsiteX49" fmla="*/ 755271 w 1920955"/>
                <a:gd name="connsiteY49" fmla="*/ 1538205 h 1660321"/>
                <a:gd name="connsiteX50" fmla="*/ 805336 w 1920955"/>
                <a:gd name="connsiteY50" fmla="*/ 1488863 h 1660321"/>
                <a:gd name="connsiteX51" fmla="*/ 869926 w 1920955"/>
                <a:gd name="connsiteY51" fmla="*/ 1516260 h 1660321"/>
                <a:gd name="connsiteX52" fmla="*/ 924399 w 1920955"/>
                <a:gd name="connsiteY52" fmla="*/ 1484101 h 1660321"/>
                <a:gd name="connsiteX53" fmla="*/ 941246 w 1920955"/>
                <a:gd name="connsiteY53" fmla="*/ 1441925 h 1660321"/>
                <a:gd name="connsiteX54" fmla="*/ 1005123 w 1920955"/>
                <a:gd name="connsiteY54" fmla="*/ 1528337 h 1660321"/>
                <a:gd name="connsiteX55" fmla="*/ 1067274 w 1920955"/>
                <a:gd name="connsiteY55" fmla="*/ 1584113 h 1660321"/>
                <a:gd name="connsiteX56" fmla="*/ 1100611 w 1920955"/>
                <a:gd name="connsiteY56" fmla="*/ 1660313 h 1660321"/>
                <a:gd name="connsiteX57" fmla="*/ 1133949 w 1920955"/>
                <a:gd name="connsiteY57" fmla="*/ 1579351 h 1660321"/>
                <a:gd name="connsiteX58" fmla="*/ 1176811 w 1920955"/>
                <a:gd name="connsiteY58" fmla="*/ 1598401 h 1660321"/>
                <a:gd name="connsiteX59" fmla="*/ 1210149 w 1920955"/>
                <a:gd name="connsiteY59" fmla="*/ 1617451 h 1660321"/>
                <a:gd name="connsiteX60" fmla="*/ 1233961 w 1920955"/>
                <a:gd name="connsiteY60" fmla="*/ 1579351 h 1660321"/>
                <a:gd name="connsiteX61" fmla="*/ 1267299 w 1920955"/>
                <a:gd name="connsiteY61" fmla="*/ 1655551 h 1660321"/>
                <a:gd name="connsiteX62" fmla="*/ 1348261 w 1920955"/>
                <a:gd name="connsiteY62" fmla="*/ 1626976 h 1660321"/>
                <a:gd name="connsiteX63" fmla="*/ 1414936 w 1920955"/>
                <a:gd name="connsiteY63" fmla="*/ 1555538 h 1660321"/>
                <a:gd name="connsiteX64" fmla="*/ 1433986 w 1920955"/>
                <a:gd name="connsiteY64" fmla="*/ 1607926 h 1660321"/>
                <a:gd name="connsiteX65" fmla="*/ 1410174 w 1920955"/>
                <a:gd name="connsiteY65" fmla="*/ 1612688 h 1660321"/>
                <a:gd name="connsiteX66" fmla="*/ 1543524 w 1920955"/>
                <a:gd name="connsiteY66" fmla="*/ 1579351 h 1660321"/>
                <a:gd name="connsiteX67" fmla="*/ 1581624 w 1920955"/>
                <a:gd name="connsiteY67" fmla="*/ 1507913 h 1660321"/>
                <a:gd name="connsiteX68" fmla="*/ 1643536 w 1920955"/>
                <a:gd name="connsiteY68" fmla="*/ 1412663 h 1660321"/>
                <a:gd name="connsiteX69" fmla="*/ 1714974 w 1920955"/>
                <a:gd name="connsiteY69" fmla="*/ 1384088 h 1660321"/>
                <a:gd name="connsiteX70" fmla="*/ 1772124 w 1920955"/>
                <a:gd name="connsiteY70" fmla="*/ 1379326 h 1660321"/>
                <a:gd name="connsiteX71" fmla="*/ 1772124 w 1920955"/>
                <a:gd name="connsiteY71" fmla="*/ 1450763 h 1660321"/>
                <a:gd name="connsiteX72" fmla="*/ 1886424 w 1920955"/>
                <a:gd name="connsiteY72" fmla="*/ 1446001 h 1660321"/>
                <a:gd name="connsiteX73" fmla="*/ 1919761 w 1920955"/>
                <a:gd name="connsiteY73" fmla="*/ 1441238 h 1660321"/>
                <a:gd name="connsiteX74" fmla="*/ 1853086 w 1920955"/>
                <a:gd name="connsiteY74" fmla="*/ 1398376 h 1660321"/>
                <a:gd name="connsiteX75" fmla="*/ 1853086 w 1920955"/>
                <a:gd name="connsiteY75" fmla="*/ 1303126 h 1660321"/>
                <a:gd name="connsiteX76" fmla="*/ 1853086 w 1920955"/>
                <a:gd name="connsiteY76" fmla="*/ 1245976 h 1660321"/>
                <a:gd name="connsiteX77" fmla="*/ 1810224 w 1920955"/>
                <a:gd name="connsiteY77" fmla="*/ 1236451 h 1660321"/>
                <a:gd name="connsiteX78" fmla="*/ 1734024 w 1920955"/>
                <a:gd name="connsiteY78" fmla="*/ 1155488 h 1660321"/>
                <a:gd name="connsiteX79" fmla="*/ 1695924 w 1920955"/>
                <a:gd name="connsiteY79" fmla="*/ 974513 h 1660321"/>
                <a:gd name="connsiteX80" fmla="*/ 1643536 w 1920955"/>
                <a:gd name="connsiteY80" fmla="*/ 941176 h 1660321"/>
                <a:gd name="connsiteX81" fmla="*/ 1605436 w 1920955"/>
                <a:gd name="connsiteY81" fmla="*/ 884026 h 1660321"/>
                <a:gd name="connsiteX82" fmla="*/ 1557811 w 1920955"/>
                <a:gd name="connsiteY82" fmla="*/ 836401 h 1660321"/>
                <a:gd name="connsiteX83" fmla="*/ 1505424 w 1920955"/>
                <a:gd name="connsiteY83" fmla="*/ 817351 h 1660321"/>
                <a:gd name="connsiteX84" fmla="*/ 1453036 w 1920955"/>
                <a:gd name="connsiteY84" fmla="*/ 812588 h 1660321"/>
                <a:gd name="connsiteX85" fmla="*/ 1510186 w 1920955"/>
                <a:gd name="connsiteY85" fmla="*/ 779251 h 1660321"/>
                <a:gd name="connsiteX86" fmla="*/ 1476849 w 1920955"/>
                <a:gd name="connsiteY86" fmla="*/ 745913 h 1660321"/>
                <a:gd name="connsiteX87" fmla="*/ 1481611 w 1920955"/>
                <a:gd name="connsiteY87" fmla="*/ 722101 h 1660321"/>
                <a:gd name="connsiteX88" fmla="*/ 1572099 w 1920955"/>
                <a:gd name="connsiteY88" fmla="*/ 760201 h 1660321"/>
                <a:gd name="connsiteX89" fmla="*/ 1624486 w 1920955"/>
                <a:gd name="connsiteY89" fmla="*/ 693526 h 1660321"/>
                <a:gd name="connsiteX90" fmla="*/ 1614961 w 1920955"/>
                <a:gd name="connsiteY90" fmla="*/ 550651 h 1660321"/>
                <a:gd name="connsiteX91" fmla="*/ 1610199 w 1920955"/>
                <a:gd name="connsiteY91" fmla="*/ 412538 h 1660321"/>
                <a:gd name="connsiteX0" fmla="*/ 1610199 w 1920955"/>
                <a:gd name="connsiteY0" fmla="*/ 412538 h 1660500"/>
                <a:gd name="connsiteX1" fmla="*/ 1567336 w 1920955"/>
                <a:gd name="connsiteY1" fmla="*/ 369676 h 1660500"/>
                <a:gd name="connsiteX2" fmla="*/ 1467324 w 1920955"/>
                <a:gd name="connsiteY2" fmla="*/ 345863 h 1660500"/>
                <a:gd name="connsiteX3" fmla="*/ 1419699 w 1920955"/>
                <a:gd name="connsiteY3" fmla="*/ 317288 h 1660500"/>
                <a:gd name="connsiteX4" fmla="*/ 1367311 w 1920955"/>
                <a:gd name="connsiteY4" fmla="*/ 160126 h 1660500"/>
                <a:gd name="connsiteX5" fmla="*/ 1338736 w 1920955"/>
                <a:gd name="connsiteY5" fmla="*/ 12488 h 1660500"/>
                <a:gd name="connsiteX6" fmla="*/ 1267299 w 1920955"/>
                <a:gd name="connsiteY6" fmla="*/ 12488 h 1660500"/>
                <a:gd name="connsiteX7" fmla="*/ 1214911 w 1920955"/>
                <a:gd name="connsiteY7" fmla="*/ 50588 h 1660500"/>
                <a:gd name="connsiteX8" fmla="*/ 1214911 w 1920955"/>
                <a:gd name="connsiteY8" fmla="*/ 155363 h 1660500"/>
                <a:gd name="connsiteX9" fmla="*/ 1186336 w 1920955"/>
                <a:gd name="connsiteY9" fmla="*/ 183938 h 1660500"/>
                <a:gd name="connsiteX10" fmla="*/ 1176811 w 1920955"/>
                <a:gd name="connsiteY10" fmla="*/ 255376 h 1660500"/>
                <a:gd name="connsiteX11" fmla="*/ 1114899 w 1920955"/>
                <a:gd name="connsiteY11" fmla="*/ 298238 h 1660500"/>
                <a:gd name="connsiteX12" fmla="*/ 1005361 w 1920955"/>
                <a:gd name="connsiteY12" fmla="*/ 312526 h 1660500"/>
                <a:gd name="connsiteX13" fmla="*/ 962499 w 1920955"/>
                <a:gd name="connsiteY13" fmla="*/ 355388 h 1660500"/>
                <a:gd name="connsiteX14" fmla="*/ 838674 w 1920955"/>
                <a:gd name="connsiteY14" fmla="*/ 355388 h 1660500"/>
                <a:gd name="connsiteX15" fmla="*/ 781524 w 1920955"/>
                <a:gd name="connsiteY15" fmla="*/ 426826 h 1660500"/>
                <a:gd name="connsiteX16" fmla="*/ 781524 w 1920955"/>
                <a:gd name="connsiteY16" fmla="*/ 460163 h 1660500"/>
                <a:gd name="connsiteX17" fmla="*/ 743424 w 1920955"/>
                <a:gd name="connsiteY17" fmla="*/ 483976 h 1660500"/>
                <a:gd name="connsiteX18" fmla="*/ 671986 w 1920955"/>
                <a:gd name="connsiteY18" fmla="*/ 417301 h 1660500"/>
                <a:gd name="connsiteX19" fmla="*/ 519586 w 1920955"/>
                <a:gd name="connsiteY19" fmla="*/ 412538 h 1660500"/>
                <a:gd name="connsiteX20" fmla="*/ 457674 w 1920955"/>
                <a:gd name="connsiteY20" fmla="*/ 431588 h 1660500"/>
                <a:gd name="connsiteX21" fmla="*/ 419574 w 1920955"/>
                <a:gd name="connsiteY21" fmla="*/ 417301 h 1660500"/>
                <a:gd name="connsiteX22" fmla="*/ 400524 w 1920955"/>
                <a:gd name="connsiteY22" fmla="*/ 355388 h 1660500"/>
                <a:gd name="connsiteX23" fmla="*/ 333849 w 1920955"/>
                <a:gd name="connsiteY23" fmla="*/ 303001 h 1660500"/>
                <a:gd name="connsiteX24" fmla="*/ 286224 w 1920955"/>
                <a:gd name="connsiteY24" fmla="*/ 236326 h 1660500"/>
                <a:gd name="connsiteX25" fmla="*/ 143349 w 1920955"/>
                <a:gd name="connsiteY25" fmla="*/ 255376 h 1660500"/>
                <a:gd name="connsiteX26" fmla="*/ 124299 w 1920955"/>
                <a:gd name="connsiteY26" fmla="*/ 331576 h 1660500"/>
                <a:gd name="connsiteX27" fmla="*/ 110011 w 1920955"/>
                <a:gd name="connsiteY27" fmla="*/ 364913 h 1660500"/>
                <a:gd name="connsiteX28" fmla="*/ 133824 w 1920955"/>
                <a:gd name="connsiteY28" fmla="*/ 412538 h 1660500"/>
                <a:gd name="connsiteX29" fmla="*/ 81436 w 1920955"/>
                <a:gd name="connsiteY29" fmla="*/ 450638 h 1660500"/>
                <a:gd name="connsiteX30" fmla="*/ 33811 w 1920955"/>
                <a:gd name="connsiteY30" fmla="*/ 445876 h 1660500"/>
                <a:gd name="connsiteX31" fmla="*/ 33811 w 1920955"/>
                <a:gd name="connsiteY31" fmla="*/ 517313 h 1660500"/>
                <a:gd name="connsiteX32" fmla="*/ 474 w 1920955"/>
                <a:gd name="connsiteY32" fmla="*/ 622088 h 1660500"/>
                <a:gd name="connsiteX33" fmla="*/ 62386 w 1920955"/>
                <a:gd name="connsiteY33" fmla="*/ 698288 h 1660500"/>
                <a:gd name="connsiteX34" fmla="*/ 111977 w 1920955"/>
                <a:gd name="connsiteY34" fmla="*/ 678550 h 1660500"/>
                <a:gd name="connsiteX35" fmla="*/ 112334 w 1920955"/>
                <a:gd name="connsiteY35" fmla="*/ 748809 h 1660500"/>
                <a:gd name="connsiteX36" fmla="*/ 167161 w 1920955"/>
                <a:gd name="connsiteY36" fmla="*/ 779251 h 1660500"/>
                <a:gd name="connsiteX37" fmla="*/ 236159 w 1920955"/>
                <a:gd name="connsiteY37" fmla="*/ 789463 h 1660500"/>
                <a:gd name="connsiteX38" fmla="*/ 271462 w 1920955"/>
                <a:gd name="connsiteY38" fmla="*/ 845434 h 1660500"/>
                <a:gd name="connsiteX39" fmla="*/ 270869 w 1920955"/>
                <a:gd name="connsiteY39" fmla="*/ 890506 h 1660500"/>
                <a:gd name="connsiteX40" fmla="*/ 295393 w 1920955"/>
                <a:gd name="connsiteY40" fmla="*/ 929981 h 1660500"/>
                <a:gd name="connsiteX41" fmla="*/ 341051 w 1920955"/>
                <a:gd name="connsiteY41" fmla="*/ 968573 h 1660500"/>
                <a:gd name="connsiteX42" fmla="*/ 426184 w 1920955"/>
                <a:gd name="connsiteY42" fmla="*/ 1022825 h 1660500"/>
                <a:gd name="connsiteX43" fmla="*/ 461961 w 1920955"/>
                <a:gd name="connsiteY43" fmla="*/ 1093918 h 1660500"/>
                <a:gd name="connsiteX44" fmla="*/ 441064 w 1920955"/>
                <a:gd name="connsiteY44" fmla="*/ 1163491 h 1660500"/>
                <a:gd name="connsiteX45" fmla="*/ 519111 w 1920955"/>
                <a:gd name="connsiteY45" fmla="*/ 1219954 h 1660500"/>
                <a:gd name="connsiteX46" fmla="*/ 591143 w 1920955"/>
                <a:gd name="connsiteY46" fmla="*/ 1252948 h 1660500"/>
                <a:gd name="connsiteX47" fmla="*/ 571974 w 1920955"/>
                <a:gd name="connsiteY47" fmla="*/ 1312651 h 1660500"/>
                <a:gd name="connsiteX48" fmla="*/ 662461 w 1920955"/>
                <a:gd name="connsiteY48" fmla="*/ 1465051 h 1660500"/>
                <a:gd name="connsiteX49" fmla="*/ 755271 w 1920955"/>
                <a:gd name="connsiteY49" fmla="*/ 1538205 h 1660500"/>
                <a:gd name="connsiteX50" fmla="*/ 805336 w 1920955"/>
                <a:gd name="connsiteY50" fmla="*/ 1488863 h 1660500"/>
                <a:gd name="connsiteX51" fmla="*/ 869926 w 1920955"/>
                <a:gd name="connsiteY51" fmla="*/ 1516260 h 1660500"/>
                <a:gd name="connsiteX52" fmla="*/ 924399 w 1920955"/>
                <a:gd name="connsiteY52" fmla="*/ 1484101 h 1660500"/>
                <a:gd name="connsiteX53" fmla="*/ 941246 w 1920955"/>
                <a:gd name="connsiteY53" fmla="*/ 1441925 h 1660500"/>
                <a:gd name="connsiteX54" fmla="*/ 1005123 w 1920955"/>
                <a:gd name="connsiteY54" fmla="*/ 1528337 h 1660500"/>
                <a:gd name="connsiteX55" fmla="*/ 1050190 w 1920955"/>
                <a:gd name="connsiteY55" fmla="*/ 1599431 h 1660500"/>
                <a:gd name="connsiteX56" fmla="*/ 1100611 w 1920955"/>
                <a:gd name="connsiteY56" fmla="*/ 1660313 h 1660500"/>
                <a:gd name="connsiteX57" fmla="*/ 1133949 w 1920955"/>
                <a:gd name="connsiteY57" fmla="*/ 1579351 h 1660500"/>
                <a:gd name="connsiteX58" fmla="*/ 1176811 w 1920955"/>
                <a:gd name="connsiteY58" fmla="*/ 1598401 h 1660500"/>
                <a:gd name="connsiteX59" fmla="*/ 1210149 w 1920955"/>
                <a:gd name="connsiteY59" fmla="*/ 1617451 h 1660500"/>
                <a:gd name="connsiteX60" fmla="*/ 1233961 w 1920955"/>
                <a:gd name="connsiteY60" fmla="*/ 1579351 h 1660500"/>
                <a:gd name="connsiteX61" fmla="*/ 1267299 w 1920955"/>
                <a:gd name="connsiteY61" fmla="*/ 1655551 h 1660500"/>
                <a:gd name="connsiteX62" fmla="*/ 1348261 w 1920955"/>
                <a:gd name="connsiteY62" fmla="*/ 1626976 h 1660500"/>
                <a:gd name="connsiteX63" fmla="*/ 1414936 w 1920955"/>
                <a:gd name="connsiteY63" fmla="*/ 1555538 h 1660500"/>
                <a:gd name="connsiteX64" fmla="*/ 1433986 w 1920955"/>
                <a:gd name="connsiteY64" fmla="*/ 1607926 h 1660500"/>
                <a:gd name="connsiteX65" fmla="*/ 1410174 w 1920955"/>
                <a:gd name="connsiteY65" fmla="*/ 1612688 h 1660500"/>
                <a:gd name="connsiteX66" fmla="*/ 1543524 w 1920955"/>
                <a:gd name="connsiteY66" fmla="*/ 1579351 h 1660500"/>
                <a:gd name="connsiteX67" fmla="*/ 1581624 w 1920955"/>
                <a:gd name="connsiteY67" fmla="*/ 1507913 h 1660500"/>
                <a:gd name="connsiteX68" fmla="*/ 1643536 w 1920955"/>
                <a:gd name="connsiteY68" fmla="*/ 1412663 h 1660500"/>
                <a:gd name="connsiteX69" fmla="*/ 1714974 w 1920955"/>
                <a:gd name="connsiteY69" fmla="*/ 1384088 h 1660500"/>
                <a:gd name="connsiteX70" fmla="*/ 1772124 w 1920955"/>
                <a:gd name="connsiteY70" fmla="*/ 1379326 h 1660500"/>
                <a:gd name="connsiteX71" fmla="*/ 1772124 w 1920955"/>
                <a:gd name="connsiteY71" fmla="*/ 1450763 h 1660500"/>
                <a:gd name="connsiteX72" fmla="*/ 1886424 w 1920955"/>
                <a:gd name="connsiteY72" fmla="*/ 1446001 h 1660500"/>
                <a:gd name="connsiteX73" fmla="*/ 1919761 w 1920955"/>
                <a:gd name="connsiteY73" fmla="*/ 1441238 h 1660500"/>
                <a:gd name="connsiteX74" fmla="*/ 1853086 w 1920955"/>
                <a:gd name="connsiteY74" fmla="*/ 1398376 h 1660500"/>
                <a:gd name="connsiteX75" fmla="*/ 1853086 w 1920955"/>
                <a:gd name="connsiteY75" fmla="*/ 1303126 h 1660500"/>
                <a:gd name="connsiteX76" fmla="*/ 1853086 w 1920955"/>
                <a:gd name="connsiteY76" fmla="*/ 1245976 h 1660500"/>
                <a:gd name="connsiteX77" fmla="*/ 1810224 w 1920955"/>
                <a:gd name="connsiteY77" fmla="*/ 1236451 h 1660500"/>
                <a:gd name="connsiteX78" fmla="*/ 1734024 w 1920955"/>
                <a:gd name="connsiteY78" fmla="*/ 1155488 h 1660500"/>
                <a:gd name="connsiteX79" fmla="*/ 1695924 w 1920955"/>
                <a:gd name="connsiteY79" fmla="*/ 974513 h 1660500"/>
                <a:gd name="connsiteX80" fmla="*/ 1643536 w 1920955"/>
                <a:gd name="connsiteY80" fmla="*/ 941176 h 1660500"/>
                <a:gd name="connsiteX81" fmla="*/ 1605436 w 1920955"/>
                <a:gd name="connsiteY81" fmla="*/ 884026 h 1660500"/>
                <a:gd name="connsiteX82" fmla="*/ 1557811 w 1920955"/>
                <a:gd name="connsiteY82" fmla="*/ 836401 h 1660500"/>
                <a:gd name="connsiteX83" fmla="*/ 1505424 w 1920955"/>
                <a:gd name="connsiteY83" fmla="*/ 817351 h 1660500"/>
                <a:gd name="connsiteX84" fmla="*/ 1453036 w 1920955"/>
                <a:gd name="connsiteY84" fmla="*/ 812588 h 1660500"/>
                <a:gd name="connsiteX85" fmla="*/ 1510186 w 1920955"/>
                <a:gd name="connsiteY85" fmla="*/ 779251 h 1660500"/>
                <a:gd name="connsiteX86" fmla="*/ 1476849 w 1920955"/>
                <a:gd name="connsiteY86" fmla="*/ 745913 h 1660500"/>
                <a:gd name="connsiteX87" fmla="*/ 1481611 w 1920955"/>
                <a:gd name="connsiteY87" fmla="*/ 722101 h 1660500"/>
                <a:gd name="connsiteX88" fmla="*/ 1572099 w 1920955"/>
                <a:gd name="connsiteY88" fmla="*/ 760201 h 1660500"/>
                <a:gd name="connsiteX89" fmla="*/ 1624486 w 1920955"/>
                <a:gd name="connsiteY89" fmla="*/ 693526 h 1660500"/>
                <a:gd name="connsiteX90" fmla="*/ 1614961 w 1920955"/>
                <a:gd name="connsiteY90" fmla="*/ 550651 h 1660500"/>
                <a:gd name="connsiteX91" fmla="*/ 1610199 w 1920955"/>
                <a:gd name="connsiteY91" fmla="*/ 412538 h 1660500"/>
                <a:gd name="connsiteX0" fmla="*/ 1610199 w 1920955"/>
                <a:gd name="connsiteY0" fmla="*/ 412538 h 1660500"/>
                <a:gd name="connsiteX1" fmla="*/ 1567336 w 1920955"/>
                <a:gd name="connsiteY1" fmla="*/ 369676 h 1660500"/>
                <a:gd name="connsiteX2" fmla="*/ 1467324 w 1920955"/>
                <a:gd name="connsiteY2" fmla="*/ 345863 h 1660500"/>
                <a:gd name="connsiteX3" fmla="*/ 1419699 w 1920955"/>
                <a:gd name="connsiteY3" fmla="*/ 317288 h 1660500"/>
                <a:gd name="connsiteX4" fmla="*/ 1367311 w 1920955"/>
                <a:gd name="connsiteY4" fmla="*/ 160126 h 1660500"/>
                <a:gd name="connsiteX5" fmla="*/ 1338736 w 1920955"/>
                <a:gd name="connsiteY5" fmla="*/ 12488 h 1660500"/>
                <a:gd name="connsiteX6" fmla="*/ 1267299 w 1920955"/>
                <a:gd name="connsiteY6" fmla="*/ 12488 h 1660500"/>
                <a:gd name="connsiteX7" fmla="*/ 1214911 w 1920955"/>
                <a:gd name="connsiteY7" fmla="*/ 50588 h 1660500"/>
                <a:gd name="connsiteX8" fmla="*/ 1214911 w 1920955"/>
                <a:gd name="connsiteY8" fmla="*/ 155363 h 1660500"/>
                <a:gd name="connsiteX9" fmla="*/ 1186336 w 1920955"/>
                <a:gd name="connsiteY9" fmla="*/ 183938 h 1660500"/>
                <a:gd name="connsiteX10" fmla="*/ 1176811 w 1920955"/>
                <a:gd name="connsiteY10" fmla="*/ 255376 h 1660500"/>
                <a:gd name="connsiteX11" fmla="*/ 1114899 w 1920955"/>
                <a:gd name="connsiteY11" fmla="*/ 298238 h 1660500"/>
                <a:gd name="connsiteX12" fmla="*/ 1005361 w 1920955"/>
                <a:gd name="connsiteY12" fmla="*/ 312526 h 1660500"/>
                <a:gd name="connsiteX13" fmla="*/ 962499 w 1920955"/>
                <a:gd name="connsiteY13" fmla="*/ 355388 h 1660500"/>
                <a:gd name="connsiteX14" fmla="*/ 838674 w 1920955"/>
                <a:gd name="connsiteY14" fmla="*/ 355388 h 1660500"/>
                <a:gd name="connsiteX15" fmla="*/ 781524 w 1920955"/>
                <a:gd name="connsiteY15" fmla="*/ 426826 h 1660500"/>
                <a:gd name="connsiteX16" fmla="*/ 781524 w 1920955"/>
                <a:gd name="connsiteY16" fmla="*/ 460163 h 1660500"/>
                <a:gd name="connsiteX17" fmla="*/ 743424 w 1920955"/>
                <a:gd name="connsiteY17" fmla="*/ 483976 h 1660500"/>
                <a:gd name="connsiteX18" fmla="*/ 671986 w 1920955"/>
                <a:gd name="connsiteY18" fmla="*/ 417301 h 1660500"/>
                <a:gd name="connsiteX19" fmla="*/ 519586 w 1920955"/>
                <a:gd name="connsiteY19" fmla="*/ 412538 h 1660500"/>
                <a:gd name="connsiteX20" fmla="*/ 457674 w 1920955"/>
                <a:gd name="connsiteY20" fmla="*/ 431588 h 1660500"/>
                <a:gd name="connsiteX21" fmla="*/ 419574 w 1920955"/>
                <a:gd name="connsiteY21" fmla="*/ 417301 h 1660500"/>
                <a:gd name="connsiteX22" fmla="*/ 400524 w 1920955"/>
                <a:gd name="connsiteY22" fmla="*/ 355388 h 1660500"/>
                <a:gd name="connsiteX23" fmla="*/ 333849 w 1920955"/>
                <a:gd name="connsiteY23" fmla="*/ 303001 h 1660500"/>
                <a:gd name="connsiteX24" fmla="*/ 286224 w 1920955"/>
                <a:gd name="connsiteY24" fmla="*/ 236326 h 1660500"/>
                <a:gd name="connsiteX25" fmla="*/ 143349 w 1920955"/>
                <a:gd name="connsiteY25" fmla="*/ 255376 h 1660500"/>
                <a:gd name="connsiteX26" fmla="*/ 124299 w 1920955"/>
                <a:gd name="connsiteY26" fmla="*/ 331576 h 1660500"/>
                <a:gd name="connsiteX27" fmla="*/ 110011 w 1920955"/>
                <a:gd name="connsiteY27" fmla="*/ 364913 h 1660500"/>
                <a:gd name="connsiteX28" fmla="*/ 133824 w 1920955"/>
                <a:gd name="connsiteY28" fmla="*/ 412538 h 1660500"/>
                <a:gd name="connsiteX29" fmla="*/ 81436 w 1920955"/>
                <a:gd name="connsiteY29" fmla="*/ 450638 h 1660500"/>
                <a:gd name="connsiteX30" fmla="*/ 33811 w 1920955"/>
                <a:gd name="connsiteY30" fmla="*/ 445876 h 1660500"/>
                <a:gd name="connsiteX31" fmla="*/ 33811 w 1920955"/>
                <a:gd name="connsiteY31" fmla="*/ 517313 h 1660500"/>
                <a:gd name="connsiteX32" fmla="*/ 474 w 1920955"/>
                <a:gd name="connsiteY32" fmla="*/ 622088 h 1660500"/>
                <a:gd name="connsiteX33" fmla="*/ 62386 w 1920955"/>
                <a:gd name="connsiteY33" fmla="*/ 698288 h 1660500"/>
                <a:gd name="connsiteX34" fmla="*/ 111977 w 1920955"/>
                <a:gd name="connsiteY34" fmla="*/ 678550 h 1660500"/>
                <a:gd name="connsiteX35" fmla="*/ 112334 w 1920955"/>
                <a:gd name="connsiteY35" fmla="*/ 748809 h 1660500"/>
                <a:gd name="connsiteX36" fmla="*/ 167161 w 1920955"/>
                <a:gd name="connsiteY36" fmla="*/ 779251 h 1660500"/>
                <a:gd name="connsiteX37" fmla="*/ 236159 w 1920955"/>
                <a:gd name="connsiteY37" fmla="*/ 789463 h 1660500"/>
                <a:gd name="connsiteX38" fmla="*/ 271462 w 1920955"/>
                <a:gd name="connsiteY38" fmla="*/ 845434 h 1660500"/>
                <a:gd name="connsiteX39" fmla="*/ 270869 w 1920955"/>
                <a:gd name="connsiteY39" fmla="*/ 890506 h 1660500"/>
                <a:gd name="connsiteX40" fmla="*/ 295393 w 1920955"/>
                <a:gd name="connsiteY40" fmla="*/ 929981 h 1660500"/>
                <a:gd name="connsiteX41" fmla="*/ 341051 w 1920955"/>
                <a:gd name="connsiteY41" fmla="*/ 968573 h 1660500"/>
                <a:gd name="connsiteX42" fmla="*/ 426184 w 1920955"/>
                <a:gd name="connsiteY42" fmla="*/ 1022825 h 1660500"/>
                <a:gd name="connsiteX43" fmla="*/ 461961 w 1920955"/>
                <a:gd name="connsiteY43" fmla="*/ 1093918 h 1660500"/>
                <a:gd name="connsiteX44" fmla="*/ 441064 w 1920955"/>
                <a:gd name="connsiteY44" fmla="*/ 1163491 h 1660500"/>
                <a:gd name="connsiteX45" fmla="*/ 519111 w 1920955"/>
                <a:gd name="connsiteY45" fmla="*/ 1219954 h 1660500"/>
                <a:gd name="connsiteX46" fmla="*/ 591143 w 1920955"/>
                <a:gd name="connsiteY46" fmla="*/ 1252948 h 1660500"/>
                <a:gd name="connsiteX47" fmla="*/ 571974 w 1920955"/>
                <a:gd name="connsiteY47" fmla="*/ 1312651 h 1660500"/>
                <a:gd name="connsiteX48" fmla="*/ 662461 w 1920955"/>
                <a:gd name="connsiteY48" fmla="*/ 1465051 h 1660500"/>
                <a:gd name="connsiteX49" fmla="*/ 755271 w 1920955"/>
                <a:gd name="connsiteY49" fmla="*/ 1538205 h 1660500"/>
                <a:gd name="connsiteX50" fmla="*/ 805336 w 1920955"/>
                <a:gd name="connsiteY50" fmla="*/ 1488863 h 1660500"/>
                <a:gd name="connsiteX51" fmla="*/ 869926 w 1920955"/>
                <a:gd name="connsiteY51" fmla="*/ 1516260 h 1660500"/>
                <a:gd name="connsiteX52" fmla="*/ 924399 w 1920955"/>
                <a:gd name="connsiteY52" fmla="*/ 1484101 h 1660500"/>
                <a:gd name="connsiteX53" fmla="*/ 941246 w 1920955"/>
                <a:gd name="connsiteY53" fmla="*/ 1441925 h 1660500"/>
                <a:gd name="connsiteX54" fmla="*/ 1005123 w 1920955"/>
                <a:gd name="connsiteY54" fmla="*/ 1528337 h 1660500"/>
                <a:gd name="connsiteX55" fmla="*/ 1050190 w 1920955"/>
                <a:gd name="connsiteY55" fmla="*/ 1599431 h 1660500"/>
                <a:gd name="connsiteX56" fmla="*/ 1100611 w 1920955"/>
                <a:gd name="connsiteY56" fmla="*/ 1660313 h 1660500"/>
                <a:gd name="connsiteX57" fmla="*/ 1133949 w 1920955"/>
                <a:gd name="connsiteY57" fmla="*/ 1579351 h 1660500"/>
                <a:gd name="connsiteX58" fmla="*/ 1176811 w 1920955"/>
                <a:gd name="connsiteY58" fmla="*/ 1598401 h 1660500"/>
                <a:gd name="connsiteX59" fmla="*/ 1210149 w 1920955"/>
                <a:gd name="connsiteY59" fmla="*/ 1617451 h 1660500"/>
                <a:gd name="connsiteX60" fmla="*/ 1233961 w 1920955"/>
                <a:gd name="connsiteY60" fmla="*/ 1579351 h 1660500"/>
                <a:gd name="connsiteX61" fmla="*/ 1267299 w 1920955"/>
                <a:gd name="connsiteY61" fmla="*/ 1655551 h 1660500"/>
                <a:gd name="connsiteX62" fmla="*/ 1348261 w 1920955"/>
                <a:gd name="connsiteY62" fmla="*/ 1626976 h 1660500"/>
                <a:gd name="connsiteX63" fmla="*/ 1414936 w 1920955"/>
                <a:gd name="connsiteY63" fmla="*/ 1555538 h 1660500"/>
                <a:gd name="connsiteX64" fmla="*/ 1433986 w 1920955"/>
                <a:gd name="connsiteY64" fmla="*/ 1607926 h 1660500"/>
                <a:gd name="connsiteX65" fmla="*/ 1410174 w 1920955"/>
                <a:gd name="connsiteY65" fmla="*/ 1612688 h 1660500"/>
                <a:gd name="connsiteX66" fmla="*/ 1543524 w 1920955"/>
                <a:gd name="connsiteY66" fmla="*/ 1579351 h 1660500"/>
                <a:gd name="connsiteX67" fmla="*/ 1581624 w 1920955"/>
                <a:gd name="connsiteY67" fmla="*/ 1507913 h 1660500"/>
                <a:gd name="connsiteX68" fmla="*/ 1643536 w 1920955"/>
                <a:gd name="connsiteY68" fmla="*/ 1412663 h 1660500"/>
                <a:gd name="connsiteX69" fmla="*/ 1714974 w 1920955"/>
                <a:gd name="connsiteY69" fmla="*/ 1384088 h 1660500"/>
                <a:gd name="connsiteX70" fmla="*/ 1772124 w 1920955"/>
                <a:gd name="connsiteY70" fmla="*/ 1379326 h 1660500"/>
                <a:gd name="connsiteX71" fmla="*/ 1772124 w 1920955"/>
                <a:gd name="connsiteY71" fmla="*/ 1450763 h 1660500"/>
                <a:gd name="connsiteX72" fmla="*/ 1886424 w 1920955"/>
                <a:gd name="connsiteY72" fmla="*/ 1446001 h 1660500"/>
                <a:gd name="connsiteX73" fmla="*/ 1919761 w 1920955"/>
                <a:gd name="connsiteY73" fmla="*/ 1441238 h 1660500"/>
                <a:gd name="connsiteX74" fmla="*/ 1853086 w 1920955"/>
                <a:gd name="connsiteY74" fmla="*/ 1398376 h 1660500"/>
                <a:gd name="connsiteX75" fmla="*/ 1853086 w 1920955"/>
                <a:gd name="connsiteY75" fmla="*/ 1303126 h 1660500"/>
                <a:gd name="connsiteX76" fmla="*/ 1853086 w 1920955"/>
                <a:gd name="connsiteY76" fmla="*/ 1245976 h 1660500"/>
                <a:gd name="connsiteX77" fmla="*/ 1810224 w 1920955"/>
                <a:gd name="connsiteY77" fmla="*/ 1236451 h 1660500"/>
                <a:gd name="connsiteX78" fmla="*/ 1734024 w 1920955"/>
                <a:gd name="connsiteY78" fmla="*/ 1155488 h 1660500"/>
                <a:gd name="connsiteX79" fmla="*/ 1695924 w 1920955"/>
                <a:gd name="connsiteY79" fmla="*/ 974513 h 1660500"/>
                <a:gd name="connsiteX80" fmla="*/ 1643536 w 1920955"/>
                <a:gd name="connsiteY80" fmla="*/ 941176 h 1660500"/>
                <a:gd name="connsiteX81" fmla="*/ 1605436 w 1920955"/>
                <a:gd name="connsiteY81" fmla="*/ 884026 h 1660500"/>
                <a:gd name="connsiteX82" fmla="*/ 1557811 w 1920955"/>
                <a:gd name="connsiteY82" fmla="*/ 836401 h 1660500"/>
                <a:gd name="connsiteX83" fmla="*/ 1505424 w 1920955"/>
                <a:gd name="connsiteY83" fmla="*/ 817351 h 1660500"/>
                <a:gd name="connsiteX84" fmla="*/ 1453036 w 1920955"/>
                <a:gd name="connsiteY84" fmla="*/ 812588 h 1660500"/>
                <a:gd name="connsiteX85" fmla="*/ 1510186 w 1920955"/>
                <a:gd name="connsiteY85" fmla="*/ 779251 h 1660500"/>
                <a:gd name="connsiteX86" fmla="*/ 1476849 w 1920955"/>
                <a:gd name="connsiteY86" fmla="*/ 745913 h 1660500"/>
                <a:gd name="connsiteX87" fmla="*/ 1481611 w 1920955"/>
                <a:gd name="connsiteY87" fmla="*/ 722101 h 1660500"/>
                <a:gd name="connsiteX88" fmla="*/ 1572099 w 1920955"/>
                <a:gd name="connsiteY88" fmla="*/ 760201 h 1660500"/>
                <a:gd name="connsiteX89" fmla="*/ 1624486 w 1920955"/>
                <a:gd name="connsiteY89" fmla="*/ 693526 h 1660500"/>
                <a:gd name="connsiteX90" fmla="*/ 1614961 w 1920955"/>
                <a:gd name="connsiteY90" fmla="*/ 550651 h 1660500"/>
                <a:gd name="connsiteX91" fmla="*/ 1610199 w 1920955"/>
                <a:gd name="connsiteY91" fmla="*/ 412538 h 1660500"/>
                <a:gd name="connsiteX0" fmla="*/ 1610199 w 1920955"/>
                <a:gd name="connsiteY0" fmla="*/ 412538 h 1657354"/>
                <a:gd name="connsiteX1" fmla="*/ 1567336 w 1920955"/>
                <a:gd name="connsiteY1" fmla="*/ 369676 h 1657354"/>
                <a:gd name="connsiteX2" fmla="*/ 1467324 w 1920955"/>
                <a:gd name="connsiteY2" fmla="*/ 345863 h 1657354"/>
                <a:gd name="connsiteX3" fmla="*/ 1419699 w 1920955"/>
                <a:gd name="connsiteY3" fmla="*/ 317288 h 1657354"/>
                <a:gd name="connsiteX4" fmla="*/ 1367311 w 1920955"/>
                <a:gd name="connsiteY4" fmla="*/ 160126 h 1657354"/>
                <a:gd name="connsiteX5" fmla="*/ 1338736 w 1920955"/>
                <a:gd name="connsiteY5" fmla="*/ 12488 h 1657354"/>
                <a:gd name="connsiteX6" fmla="*/ 1267299 w 1920955"/>
                <a:gd name="connsiteY6" fmla="*/ 12488 h 1657354"/>
                <a:gd name="connsiteX7" fmla="*/ 1214911 w 1920955"/>
                <a:gd name="connsiteY7" fmla="*/ 50588 h 1657354"/>
                <a:gd name="connsiteX8" fmla="*/ 1214911 w 1920955"/>
                <a:gd name="connsiteY8" fmla="*/ 155363 h 1657354"/>
                <a:gd name="connsiteX9" fmla="*/ 1186336 w 1920955"/>
                <a:gd name="connsiteY9" fmla="*/ 183938 h 1657354"/>
                <a:gd name="connsiteX10" fmla="*/ 1176811 w 1920955"/>
                <a:gd name="connsiteY10" fmla="*/ 255376 h 1657354"/>
                <a:gd name="connsiteX11" fmla="*/ 1114899 w 1920955"/>
                <a:gd name="connsiteY11" fmla="*/ 298238 h 1657354"/>
                <a:gd name="connsiteX12" fmla="*/ 1005361 w 1920955"/>
                <a:gd name="connsiteY12" fmla="*/ 312526 h 1657354"/>
                <a:gd name="connsiteX13" fmla="*/ 962499 w 1920955"/>
                <a:gd name="connsiteY13" fmla="*/ 355388 h 1657354"/>
                <a:gd name="connsiteX14" fmla="*/ 838674 w 1920955"/>
                <a:gd name="connsiteY14" fmla="*/ 355388 h 1657354"/>
                <a:gd name="connsiteX15" fmla="*/ 781524 w 1920955"/>
                <a:gd name="connsiteY15" fmla="*/ 426826 h 1657354"/>
                <a:gd name="connsiteX16" fmla="*/ 781524 w 1920955"/>
                <a:gd name="connsiteY16" fmla="*/ 460163 h 1657354"/>
                <a:gd name="connsiteX17" fmla="*/ 743424 w 1920955"/>
                <a:gd name="connsiteY17" fmla="*/ 483976 h 1657354"/>
                <a:gd name="connsiteX18" fmla="*/ 671986 w 1920955"/>
                <a:gd name="connsiteY18" fmla="*/ 417301 h 1657354"/>
                <a:gd name="connsiteX19" fmla="*/ 519586 w 1920955"/>
                <a:gd name="connsiteY19" fmla="*/ 412538 h 1657354"/>
                <a:gd name="connsiteX20" fmla="*/ 457674 w 1920955"/>
                <a:gd name="connsiteY20" fmla="*/ 431588 h 1657354"/>
                <a:gd name="connsiteX21" fmla="*/ 419574 w 1920955"/>
                <a:gd name="connsiteY21" fmla="*/ 417301 h 1657354"/>
                <a:gd name="connsiteX22" fmla="*/ 400524 w 1920955"/>
                <a:gd name="connsiteY22" fmla="*/ 355388 h 1657354"/>
                <a:gd name="connsiteX23" fmla="*/ 333849 w 1920955"/>
                <a:gd name="connsiteY23" fmla="*/ 303001 h 1657354"/>
                <a:gd name="connsiteX24" fmla="*/ 286224 w 1920955"/>
                <a:gd name="connsiteY24" fmla="*/ 236326 h 1657354"/>
                <a:gd name="connsiteX25" fmla="*/ 143349 w 1920955"/>
                <a:gd name="connsiteY25" fmla="*/ 255376 h 1657354"/>
                <a:gd name="connsiteX26" fmla="*/ 124299 w 1920955"/>
                <a:gd name="connsiteY26" fmla="*/ 331576 h 1657354"/>
                <a:gd name="connsiteX27" fmla="*/ 110011 w 1920955"/>
                <a:gd name="connsiteY27" fmla="*/ 364913 h 1657354"/>
                <a:gd name="connsiteX28" fmla="*/ 133824 w 1920955"/>
                <a:gd name="connsiteY28" fmla="*/ 412538 h 1657354"/>
                <a:gd name="connsiteX29" fmla="*/ 81436 w 1920955"/>
                <a:gd name="connsiteY29" fmla="*/ 450638 h 1657354"/>
                <a:gd name="connsiteX30" fmla="*/ 33811 w 1920955"/>
                <a:gd name="connsiteY30" fmla="*/ 445876 h 1657354"/>
                <a:gd name="connsiteX31" fmla="*/ 33811 w 1920955"/>
                <a:gd name="connsiteY31" fmla="*/ 517313 h 1657354"/>
                <a:gd name="connsiteX32" fmla="*/ 474 w 1920955"/>
                <a:gd name="connsiteY32" fmla="*/ 622088 h 1657354"/>
                <a:gd name="connsiteX33" fmla="*/ 62386 w 1920955"/>
                <a:gd name="connsiteY33" fmla="*/ 698288 h 1657354"/>
                <a:gd name="connsiteX34" fmla="*/ 111977 w 1920955"/>
                <a:gd name="connsiteY34" fmla="*/ 678550 h 1657354"/>
                <a:gd name="connsiteX35" fmla="*/ 112334 w 1920955"/>
                <a:gd name="connsiteY35" fmla="*/ 748809 h 1657354"/>
                <a:gd name="connsiteX36" fmla="*/ 167161 w 1920955"/>
                <a:gd name="connsiteY36" fmla="*/ 779251 h 1657354"/>
                <a:gd name="connsiteX37" fmla="*/ 236159 w 1920955"/>
                <a:gd name="connsiteY37" fmla="*/ 789463 h 1657354"/>
                <a:gd name="connsiteX38" fmla="*/ 271462 w 1920955"/>
                <a:gd name="connsiteY38" fmla="*/ 845434 h 1657354"/>
                <a:gd name="connsiteX39" fmla="*/ 270869 w 1920955"/>
                <a:gd name="connsiteY39" fmla="*/ 890506 h 1657354"/>
                <a:gd name="connsiteX40" fmla="*/ 295393 w 1920955"/>
                <a:gd name="connsiteY40" fmla="*/ 929981 h 1657354"/>
                <a:gd name="connsiteX41" fmla="*/ 341051 w 1920955"/>
                <a:gd name="connsiteY41" fmla="*/ 968573 h 1657354"/>
                <a:gd name="connsiteX42" fmla="*/ 426184 w 1920955"/>
                <a:gd name="connsiteY42" fmla="*/ 1022825 h 1657354"/>
                <a:gd name="connsiteX43" fmla="*/ 461961 w 1920955"/>
                <a:gd name="connsiteY43" fmla="*/ 1093918 h 1657354"/>
                <a:gd name="connsiteX44" fmla="*/ 441064 w 1920955"/>
                <a:gd name="connsiteY44" fmla="*/ 1163491 h 1657354"/>
                <a:gd name="connsiteX45" fmla="*/ 519111 w 1920955"/>
                <a:gd name="connsiteY45" fmla="*/ 1219954 h 1657354"/>
                <a:gd name="connsiteX46" fmla="*/ 591143 w 1920955"/>
                <a:gd name="connsiteY46" fmla="*/ 1252948 h 1657354"/>
                <a:gd name="connsiteX47" fmla="*/ 571974 w 1920955"/>
                <a:gd name="connsiteY47" fmla="*/ 1312651 h 1657354"/>
                <a:gd name="connsiteX48" fmla="*/ 662461 w 1920955"/>
                <a:gd name="connsiteY48" fmla="*/ 1465051 h 1657354"/>
                <a:gd name="connsiteX49" fmla="*/ 755271 w 1920955"/>
                <a:gd name="connsiteY49" fmla="*/ 1538205 h 1657354"/>
                <a:gd name="connsiteX50" fmla="*/ 805336 w 1920955"/>
                <a:gd name="connsiteY50" fmla="*/ 1488863 h 1657354"/>
                <a:gd name="connsiteX51" fmla="*/ 869926 w 1920955"/>
                <a:gd name="connsiteY51" fmla="*/ 1516260 h 1657354"/>
                <a:gd name="connsiteX52" fmla="*/ 924399 w 1920955"/>
                <a:gd name="connsiteY52" fmla="*/ 1484101 h 1657354"/>
                <a:gd name="connsiteX53" fmla="*/ 941246 w 1920955"/>
                <a:gd name="connsiteY53" fmla="*/ 1441925 h 1657354"/>
                <a:gd name="connsiteX54" fmla="*/ 1005123 w 1920955"/>
                <a:gd name="connsiteY54" fmla="*/ 1528337 h 1657354"/>
                <a:gd name="connsiteX55" fmla="*/ 1050190 w 1920955"/>
                <a:gd name="connsiteY55" fmla="*/ 1599431 h 1657354"/>
                <a:gd name="connsiteX56" fmla="*/ 1103052 w 1920955"/>
                <a:gd name="connsiteY56" fmla="*/ 1611805 h 1657354"/>
                <a:gd name="connsiteX57" fmla="*/ 1133949 w 1920955"/>
                <a:gd name="connsiteY57" fmla="*/ 1579351 h 1657354"/>
                <a:gd name="connsiteX58" fmla="*/ 1176811 w 1920955"/>
                <a:gd name="connsiteY58" fmla="*/ 1598401 h 1657354"/>
                <a:gd name="connsiteX59" fmla="*/ 1210149 w 1920955"/>
                <a:gd name="connsiteY59" fmla="*/ 1617451 h 1657354"/>
                <a:gd name="connsiteX60" fmla="*/ 1233961 w 1920955"/>
                <a:gd name="connsiteY60" fmla="*/ 1579351 h 1657354"/>
                <a:gd name="connsiteX61" fmla="*/ 1267299 w 1920955"/>
                <a:gd name="connsiteY61" fmla="*/ 1655551 h 1657354"/>
                <a:gd name="connsiteX62" fmla="*/ 1348261 w 1920955"/>
                <a:gd name="connsiteY62" fmla="*/ 1626976 h 1657354"/>
                <a:gd name="connsiteX63" fmla="*/ 1414936 w 1920955"/>
                <a:gd name="connsiteY63" fmla="*/ 1555538 h 1657354"/>
                <a:gd name="connsiteX64" fmla="*/ 1433986 w 1920955"/>
                <a:gd name="connsiteY64" fmla="*/ 1607926 h 1657354"/>
                <a:gd name="connsiteX65" fmla="*/ 1410174 w 1920955"/>
                <a:gd name="connsiteY65" fmla="*/ 1612688 h 1657354"/>
                <a:gd name="connsiteX66" fmla="*/ 1543524 w 1920955"/>
                <a:gd name="connsiteY66" fmla="*/ 1579351 h 1657354"/>
                <a:gd name="connsiteX67" fmla="*/ 1581624 w 1920955"/>
                <a:gd name="connsiteY67" fmla="*/ 1507913 h 1657354"/>
                <a:gd name="connsiteX68" fmla="*/ 1643536 w 1920955"/>
                <a:gd name="connsiteY68" fmla="*/ 1412663 h 1657354"/>
                <a:gd name="connsiteX69" fmla="*/ 1714974 w 1920955"/>
                <a:gd name="connsiteY69" fmla="*/ 1384088 h 1657354"/>
                <a:gd name="connsiteX70" fmla="*/ 1772124 w 1920955"/>
                <a:gd name="connsiteY70" fmla="*/ 1379326 h 1657354"/>
                <a:gd name="connsiteX71" fmla="*/ 1772124 w 1920955"/>
                <a:gd name="connsiteY71" fmla="*/ 1450763 h 1657354"/>
                <a:gd name="connsiteX72" fmla="*/ 1886424 w 1920955"/>
                <a:gd name="connsiteY72" fmla="*/ 1446001 h 1657354"/>
                <a:gd name="connsiteX73" fmla="*/ 1919761 w 1920955"/>
                <a:gd name="connsiteY73" fmla="*/ 1441238 h 1657354"/>
                <a:gd name="connsiteX74" fmla="*/ 1853086 w 1920955"/>
                <a:gd name="connsiteY74" fmla="*/ 1398376 h 1657354"/>
                <a:gd name="connsiteX75" fmla="*/ 1853086 w 1920955"/>
                <a:gd name="connsiteY75" fmla="*/ 1303126 h 1657354"/>
                <a:gd name="connsiteX76" fmla="*/ 1853086 w 1920955"/>
                <a:gd name="connsiteY76" fmla="*/ 1245976 h 1657354"/>
                <a:gd name="connsiteX77" fmla="*/ 1810224 w 1920955"/>
                <a:gd name="connsiteY77" fmla="*/ 1236451 h 1657354"/>
                <a:gd name="connsiteX78" fmla="*/ 1734024 w 1920955"/>
                <a:gd name="connsiteY78" fmla="*/ 1155488 h 1657354"/>
                <a:gd name="connsiteX79" fmla="*/ 1695924 w 1920955"/>
                <a:gd name="connsiteY79" fmla="*/ 974513 h 1657354"/>
                <a:gd name="connsiteX80" fmla="*/ 1643536 w 1920955"/>
                <a:gd name="connsiteY80" fmla="*/ 941176 h 1657354"/>
                <a:gd name="connsiteX81" fmla="*/ 1605436 w 1920955"/>
                <a:gd name="connsiteY81" fmla="*/ 884026 h 1657354"/>
                <a:gd name="connsiteX82" fmla="*/ 1557811 w 1920955"/>
                <a:gd name="connsiteY82" fmla="*/ 836401 h 1657354"/>
                <a:gd name="connsiteX83" fmla="*/ 1505424 w 1920955"/>
                <a:gd name="connsiteY83" fmla="*/ 817351 h 1657354"/>
                <a:gd name="connsiteX84" fmla="*/ 1453036 w 1920955"/>
                <a:gd name="connsiteY84" fmla="*/ 812588 h 1657354"/>
                <a:gd name="connsiteX85" fmla="*/ 1510186 w 1920955"/>
                <a:gd name="connsiteY85" fmla="*/ 779251 h 1657354"/>
                <a:gd name="connsiteX86" fmla="*/ 1476849 w 1920955"/>
                <a:gd name="connsiteY86" fmla="*/ 745913 h 1657354"/>
                <a:gd name="connsiteX87" fmla="*/ 1481611 w 1920955"/>
                <a:gd name="connsiteY87" fmla="*/ 722101 h 1657354"/>
                <a:gd name="connsiteX88" fmla="*/ 1572099 w 1920955"/>
                <a:gd name="connsiteY88" fmla="*/ 760201 h 1657354"/>
                <a:gd name="connsiteX89" fmla="*/ 1624486 w 1920955"/>
                <a:gd name="connsiteY89" fmla="*/ 693526 h 1657354"/>
                <a:gd name="connsiteX90" fmla="*/ 1614961 w 1920955"/>
                <a:gd name="connsiteY90" fmla="*/ 550651 h 1657354"/>
                <a:gd name="connsiteX91" fmla="*/ 1610199 w 1920955"/>
                <a:gd name="connsiteY91" fmla="*/ 412538 h 1657354"/>
                <a:gd name="connsiteX0" fmla="*/ 1610199 w 1920955"/>
                <a:gd name="connsiteY0" fmla="*/ 412538 h 1696167"/>
                <a:gd name="connsiteX1" fmla="*/ 1567336 w 1920955"/>
                <a:gd name="connsiteY1" fmla="*/ 369676 h 1696167"/>
                <a:gd name="connsiteX2" fmla="*/ 1467324 w 1920955"/>
                <a:gd name="connsiteY2" fmla="*/ 345863 h 1696167"/>
                <a:gd name="connsiteX3" fmla="*/ 1419699 w 1920955"/>
                <a:gd name="connsiteY3" fmla="*/ 317288 h 1696167"/>
                <a:gd name="connsiteX4" fmla="*/ 1367311 w 1920955"/>
                <a:gd name="connsiteY4" fmla="*/ 160126 h 1696167"/>
                <a:gd name="connsiteX5" fmla="*/ 1338736 w 1920955"/>
                <a:gd name="connsiteY5" fmla="*/ 12488 h 1696167"/>
                <a:gd name="connsiteX6" fmla="*/ 1267299 w 1920955"/>
                <a:gd name="connsiteY6" fmla="*/ 12488 h 1696167"/>
                <a:gd name="connsiteX7" fmla="*/ 1214911 w 1920955"/>
                <a:gd name="connsiteY7" fmla="*/ 50588 h 1696167"/>
                <a:gd name="connsiteX8" fmla="*/ 1214911 w 1920955"/>
                <a:gd name="connsiteY8" fmla="*/ 155363 h 1696167"/>
                <a:gd name="connsiteX9" fmla="*/ 1186336 w 1920955"/>
                <a:gd name="connsiteY9" fmla="*/ 183938 h 1696167"/>
                <a:gd name="connsiteX10" fmla="*/ 1176811 w 1920955"/>
                <a:gd name="connsiteY10" fmla="*/ 255376 h 1696167"/>
                <a:gd name="connsiteX11" fmla="*/ 1114899 w 1920955"/>
                <a:gd name="connsiteY11" fmla="*/ 298238 h 1696167"/>
                <a:gd name="connsiteX12" fmla="*/ 1005361 w 1920955"/>
                <a:gd name="connsiteY12" fmla="*/ 312526 h 1696167"/>
                <a:gd name="connsiteX13" fmla="*/ 962499 w 1920955"/>
                <a:gd name="connsiteY13" fmla="*/ 355388 h 1696167"/>
                <a:gd name="connsiteX14" fmla="*/ 838674 w 1920955"/>
                <a:gd name="connsiteY14" fmla="*/ 355388 h 1696167"/>
                <a:gd name="connsiteX15" fmla="*/ 781524 w 1920955"/>
                <a:gd name="connsiteY15" fmla="*/ 426826 h 1696167"/>
                <a:gd name="connsiteX16" fmla="*/ 781524 w 1920955"/>
                <a:gd name="connsiteY16" fmla="*/ 460163 h 1696167"/>
                <a:gd name="connsiteX17" fmla="*/ 743424 w 1920955"/>
                <a:gd name="connsiteY17" fmla="*/ 483976 h 1696167"/>
                <a:gd name="connsiteX18" fmla="*/ 671986 w 1920955"/>
                <a:gd name="connsiteY18" fmla="*/ 417301 h 1696167"/>
                <a:gd name="connsiteX19" fmla="*/ 519586 w 1920955"/>
                <a:gd name="connsiteY19" fmla="*/ 412538 h 1696167"/>
                <a:gd name="connsiteX20" fmla="*/ 457674 w 1920955"/>
                <a:gd name="connsiteY20" fmla="*/ 431588 h 1696167"/>
                <a:gd name="connsiteX21" fmla="*/ 419574 w 1920955"/>
                <a:gd name="connsiteY21" fmla="*/ 417301 h 1696167"/>
                <a:gd name="connsiteX22" fmla="*/ 400524 w 1920955"/>
                <a:gd name="connsiteY22" fmla="*/ 355388 h 1696167"/>
                <a:gd name="connsiteX23" fmla="*/ 333849 w 1920955"/>
                <a:gd name="connsiteY23" fmla="*/ 303001 h 1696167"/>
                <a:gd name="connsiteX24" fmla="*/ 286224 w 1920955"/>
                <a:gd name="connsiteY24" fmla="*/ 236326 h 1696167"/>
                <a:gd name="connsiteX25" fmla="*/ 143349 w 1920955"/>
                <a:gd name="connsiteY25" fmla="*/ 255376 h 1696167"/>
                <a:gd name="connsiteX26" fmla="*/ 124299 w 1920955"/>
                <a:gd name="connsiteY26" fmla="*/ 331576 h 1696167"/>
                <a:gd name="connsiteX27" fmla="*/ 110011 w 1920955"/>
                <a:gd name="connsiteY27" fmla="*/ 364913 h 1696167"/>
                <a:gd name="connsiteX28" fmla="*/ 133824 w 1920955"/>
                <a:gd name="connsiteY28" fmla="*/ 412538 h 1696167"/>
                <a:gd name="connsiteX29" fmla="*/ 81436 w 1920955"/>
                <a:gd name="connsiteY29" fmla="*/ 450638 h 1696167"/>
                <a:gd name="connsiteX30" fmla="*/ 33811 w 1920955"/>
                <a:gd name="connsiteY30" fmla="*/ 445876 h 1696167"/>
                <a:gd name="connsiteX31" fmla="*/ 33811 w 1920955"/>
                <a:gd name="connsiteY31" fmla="*/ 517313 h 1696167"/>
                <a:gd name="connsiteX32" fmla="*/ 474 w 1920955"/>
                <a:gd name="connsiteY32" fmla="*/ 622088 h 1696167"/>
                <a:gd name="connsiteX33" fmla="*/ 62386 w 1920955"/>
                <a:gd name="connsiteY33" fmla="*/ 698288 h 1696167"/>
                <a:gd name="connsiteX34" fmla="*/ 111977 w 1920955"/>
                <a:gd name="connsiteY34" fmla="*/ 678550 h 1696167"/>
                <a:gd name="connsiteX35" fmla="*/ 112334 w 1920955"/>
                <a:gd name="connsiteY35" fmla="*/ 748809 h 1696167"/>
                <a:gd name="connsiteX36" fmla="*/ 167161 w 1920955"/>
                <a:gd name="connsiteY36" fmla="*/ 779251 h 1696167"/>
                <a:gd name="connsiteX37" fmla="*/ 236159 w 1920955"/>
                <a:gd name="connsiteY37" fmla="*/ 789463 h 1696167"/>
                <a:gd name="connsiteX38" fmla="*/ 271462 w 1920955"/>
                <a:gd name="connsiteY38" fmla="*/ 845434 h 1696167"/>
                <a:gd name="connsiteX39" fmla="*/ 270869 w 1920955"/>
                <a:gd name="connsiteY39" fmla="*/ 890506 h 1696167"/>
                <a:gd name="connsiteX40" fmla="*/ 295393 w 1920955"/>
                <a:gd name="connsiteY40" fmla="*/ 929981 h 1696167"/>
                <a:gd name="connsiteX41" fmla="*/ 341051 w 1920955"/>
                <a:gd name="connsiteY41" fmla="*/ 968573 h 1696167"/>
                <a:gd name="connsiteX42" fmla="*/ 426184 w 1920955"/>
                <a:gd name="connsiteY42" fmla="*/ 1022825 h 1696167"/>
                <a:gd name="connsiteX43" fmla="*/ 461961 w 1920955"/>
                <a:gd name="connsiteY43" fmla="*/ 1093918 h 1696167"/>
                <a:gd name="connsiteX44" fmla="*/ 441064 w 1920955"/>
                <a:gd name="connsiteY44" fmla="*/ 1163491 h 1696167"/>
                <a:gd name="connsiteX45" fmla="*/ 519111 w 1920955"/>
                <a:gd name="connsiteY45" fmla="*/ 1219954 h 1696167"/>
                <a:gd name="connsiteX46" fmla="*/ 591143 w 1920955"/>
                <a:gd name="connsiteY46" fmla="*/ 1252948 h 1696167"/>
                <a:gd name="connsiteX47" fmla="*/ 571974 w 1920955"/>
                <a:gd name="connsiteY47" fmla="*/ 1312651 h 1696167"/>
                <a:gd name="connsiteX48" fmla="*/ 662461 w 1920955"/>
                <a:gd name="connsiteY48" fmla="*/ 1465051 h 1696167"/>
                <a:gd name="connsiteX49" fmla="*/ 755271 w 1920955"/>
                <a:gd name="connsiteY49" fmla="*/ 1538205 h 1696167"/>
                <a:gd name="connsiteX50" fmla="*/ 805336 w 1920955"/>
                <a:gd name="connsiteY50" fmla="*/ 1488863 h 1696167"/>
                <a:gd name="connsiteX51" fmla="*/ 869926 w 1920955"/>
                <a:gd name="connsiteY51" fmla="*/ 1516260 h 1696167"/>
                <a:gd name="connsiteX52" fmla="*/ 924399 w 1920955"/>
                <a:gd name="connsiteY52" fmla="*/ 1484101 h 1696167"/>
                <a:gd name="connsiteX53" fmla="*/ 941246 w 1920955"/>
                <a:gd name="connsiteY53" fmla="*/ 1441925 h 1696167"/>
                <a:gd name="connsiteX54" fmla="*/ 1005123 w 1920955"/>
                <a:gd name="connsiteY54" fmla="*/ 1528337 h 1696167"/>
                <a:gd name="connsiteX55" fmla="*/ 1050190 w 1920955"/>
                <a:gd name="connsiteY55" fmla="*/ 1599431 h 1696167"/>
                <a:gd name="connsiteX56" fmla="*/ 1132339 w 1920955"/>
                <a:gd name="connsiteY56" fmla="*/ 1696055 h 1696167"/>
                <a:gd name="connsiteX57" fmla="*/ 1133949 w 1920955"/>
                <a:gd name="connsiteY57" fmla="*/ 1579351 h 1696167"/>
                <a:gd name="connsiteX58" fmla="*/ 1176811 w 1920955"/>
                <a:gd name="connsiteY58" fmla="*/ 1598401 h 1696167"/>
                <a:gd name="connsiteX59" fmla="*/ 1210149 w 1920955"/>
                <a:gd name="connsiteY59" fmla="*/ 1617451 h 1696167"/>
                <a:gd name="connsiteX60" fmla="*/ 1233961 w 1920955"/>
                <a:gd name="connsiteY60" fmla="*/ 1579351 h 1696167"/>
                <a:gd name="connsiteX61" fmla="*/ 1267299 w 1920955"/>
                <a:gd name="connsiteY61" fmla="*/ 1655551 h 1696167"/>
                <a:gd name="connsiteX62" fmla="*/ 1348261 w 1920955"/>
                <a:gd name="connsiteY62" fmla="*/ 1626976 h 1696167"/>
                <a:gd name="connsiteX63" fmla="*/ 1414936 w 1920955"/>
                <a:gd name="connsiteY63" fmla="*/ 1555538 h 1696167"/>
                <a:gd name="connsiteX64" fmla="*/ 1433986 w 1920955"/>
                <a:gd name="connsiteY64" fmla="*/ 1607926 h 1696167"/>
                <a:gd name="connsiteX65" fmla="*/ 1410174 w 1920955"/>
                <a:gd name="connsiteY65" fmla="*/ 1612688 h 1696167"/>
                <a:gd name="connsiteX66" fmla="*/ 1543524 w 1920955"/>
                <a:gd name="connsiteY66" fmla="*/ 1579351 h 1696167"/>
                <a:gd name="connsiteX67" fmla="*/ 1581624 w 1920955"/>
                <a:gd name="connsiteY67" fmla="*/ 1507913 h 1696167"/>
                <a:gd name="connsiteX68" fmla="*/ 1643536 w 1920955"/>
                <a:gd name="connsiteY68" fmla="*/ 1412663 h 1696167"/>
                <a:gd name="connsiteX69" fmla="*/ 1714974 w 1920955"/>
                <a:gd name="connsiteY69" fmla="*/ 1384088 h 1696167"/>
                <a:gd name="connsiteX70" fmla="*/ 1772124 w 1920955"/>
                <a:gd name="connsiteY70" fmla="*/ 1379326 h 1696167"/>
                <a:gd name="connsiteX71" fmla="*/ 1772124 w 1920955"/>
                <a:gd name="connsiteY71" fmla="*/ 1450763 h 1696167"/>
                <a:gd name="connsiteX72" fmla="*/ 1886424 w 1920955"/>
                <a:gd name="connsiteY72" fmla="*/ 1446001 h 1696167"/>
                <a:gd name="connsiteX73" fmla="*/ 1919761 w 1920955"/>
                <a:gd name="connsiteY73" fmla="*/ 1441238 h 1696167"/>
                <a:gd name="connsiteX74" fmla="*/ 1853086 w 1920955"/>
                <a:gd name="connsiteY74" fmla="*/ 1398376 h 1696167"/>
                <a:gd name="connsiteX75" fmla="*/ 1853086 w 1920955"/>
                <a:gd name="connsiteY75" fmla="*/ 1303126 h 1696167"/>
                <a:gd name="connsiteX76" fmla="*/ 1853086 w 1920955"/>
                <a:gd name="connsiteY76" fmla="*/ 1245976 h 1696167"/>
                <a:gd name="connsiteX77" fmla="*/ 1810224 w 1920955"/>
                <a:gd name="connsiteY77" fmla="*/ 1236451 h 1696167"/>
                <a:gd name="connsiteX78" fmla="*/ 1734024 w 1920955"/>
                <a:gd name="connsiteY78" fmla="*/ 1155488 h 1696167"/>
                <a:gd name="connsiteX79" fmla="*/ 1695924 w 1920955"/>
                <a:gd name="connsiteY79" fmla="*/ 974513 h 1696167"/>
                <a:gd name="connsiteX80" fmla="*/ 1643536 w 1920955"/>
                <a:gd name="connsiteY80" fmla="*/ 941176 h 1696167"/>
                <a:gd name="connsiteX81" fmla="*/ 1605436 w 1920955"/>
                <a:gd name="connsiteY81" fmla="*/ 884026 h 1696167"/>
                <a:gd name="connsiteX82" fmla="*/ 1557811 w 1920955"/>
                <a:gd name="connsiteY82" fmla="*/ 836401 h 1696167"/>
                <a:gd name="connsiteX83" fmla="*/ 1505424 w 1920955"/>
                <a:gd name="connsiteY83" fmla="*/ 817351 h 1696167"/>
                <a:gd name="connsiteX84" fmla="*/ 1453036 w 1920955"/>
                <a:gd name="connsiteY84" fmla="*/ 812588 h 1696167"/>
                <a:gd name="connsiteX85" fmla="*/ 1510186 w 1920955"/>
                <a:gd name="connsiteY85" fmla="*/ 779251 h 1696167"/>
                <a:gd name="connsiteX86" fmla="*/ 1476849 w 1920955"/>
                <a:gd name="connsiteY86" fmla="*/ 745913 h 1696167"/>
                <a:gd name="connsiteX87" fmla="*/ 1481611 w 1920955"/>
                <a:gd name="connsiteY87" fmla="*/ 722101 h 1696167"/>
                <a:gd name="connsiteX88" fmla="*/ 1572099 w 1920955"/>
                <a:gd name="connsiteY88" fmla="*/ 760201 h 1696167"/>
                <a:gd name="connsiteX89" fmla="*/ 1624486 w 1920955"/>
                <a:gd name="connsiteY89" fmla="*/ 693526 h 1696167"/>
                <a:gd name="connsiteX90" fmla="*/ 1614961 w 1920955"/>
                <a:gd name="connsiteY90" fmla="*/ 550651 h 1696167"/>
                <a:gd name="connsiteX91" fmla="*/ 1610199 w 1920955"/>
                <a:gd name="connsiteY91" fmla="*/ 412538 h 1696167"/>
                <a:gd name="connsiteX0" fmla="*/ 1610199 w 1920955"/>
                <a:gd name="connsiteY0" fmla="*/ 412538 h 1696335"/>
                <a:gd name="connsiteX1" fmla="*/ 1567336 w 1920955"/>
                <a:gd name="connsiteY1" fmla="*/ 369676 h 1696335"/>
                <a:gd name="connsiteX2" fmla="*/ 1467324 w 1920955"/>
                <a:gd name="connsiteY2" fmla="*/ 345863 h 1696335"/>
                <a:gd name="connsiteX3" fmla="*/ 1419699 w 1920955"/>
                <a:gd name="connsiteY3" fmla="*/ 317288 h 1696335"/>
                <a:gd name="connsiteX4" fmla="*/ 1367311 w 1920955"/>
                <a:gd name="connsiteY4" fmla="*/ 160126 h 1696335"/>
                <a:gd name="connsiteX5" fmla="*/ 1338736 w 1920955"/>
                <a:gd name="connsiteY5" fmla="*/ 12488 h 1696335"/>
                <a:gd name="connsiteX6" fmla="*/ 1267299 w 1920955"/>
                <a:gd name="connsiteY6" fmla="*/ 12488 h 1696335"/>
                <a:gd name="connsiteX7" fmla="*/ 1214911 w 1920955"/>
                <a:gd name="connsiteY7" fmla="*/ 50588 h 1696335"/>
                <a:gd name="connsiteX8" fmla="*/ 1214911 w 1920955"/>
                <a:gd name="connsiteY8" fmla="*/ 155363 h 1696335"/>
                <a:gd name="connsiteX9" fmla="*/ 1186336 w 1920955"/>
                <a:gd name="connsiteY9" fmla="*/ 183938 h 1696335"/>
                <a:gd name="connsiteX10" fmla="*/ 1176811 w 1920955"/>
                <a:gd name="connsiteY10" fmla="*/ 255376 h 1696335"/>
                <a:gd name="connsiteX11" fmla="*/ 1114899 w 1920955"/>
                <a:gd name="connsiteY11" fmla="*/ 298238 h 1696335"/>
                <a:gd name="connsiteX12" fmla="*/ 1005361 w 1920955"/>
                <a:gd name="connsiteY12" fmla="*/ 312526 h 1696335"/>
                <a:gd name="connsiteX13" fmla="*/ 962499 w 1920955"/>
                <a:gd name="connsiteY13" fmla="*/ 355388 h 1696335"/>
                <a:gd name="connsiteX14" fmla="*/ 838674 w 1920955"/>
                <a:gd name="connsiteY14" fmla="*/ 355388 h 1696335"/>
                <a:gd name="connsiteX15" fmla="*/ 781524 w 1920955"/>
                <a:gd name="connsiteY15" fmla="*/ 426826 h 1696335"/>
                <a:gd name="connsiteX16" fmla="*/ 781524 w 1920955"/>
                <a:gd name="connsiteY16" fmla="*/ 460163 h 1696335"/>
                <a:gd name="connsiteX17" fmla="*/ 743424 w 1920955"/>
                <a:gd name="connsiteY17" fmla="*/ 483976 h 1696335"/>
                <a:gd name="connsiteX18" fmla="*/ 671986 w 1920955"/>
                <a:gd name="connsiteY18" fmla="*/ 417301 h 1696335"/>
                <a:gd name="connsiteX19" fmla="*/ 519586 w 1920955"/>
                <a:gd name="connsiteY19" fmla="*/ 412538 h 1696335"/>
                <a:gd name="connsiteX20" fmla="*/ 457674 w 1920955"/>
                <a:gd name="connsiteY20" fmla="*/ 431588 h 1696335"/>
                <a:gd name="connsiteX21" fmla="*/ 419574 w 1920955"/>
                <a:gd name="connsiteY21" fmla="*/ 417301 h 1696335"/>
                <a:gd name="connsiteX22" fmla="*/ 400524 w 1920955"/>
                <a:gd name="connsiteY22" fmla="*/ 355388 h 1696335"/>
                <a:gd name="connsiteX23" fmla="*/ 333849 w 1920955"/>
                <a:gd name="connsiteY23" fmla="*/ 303001 h 1696335"/>
                <a:gd name="connsiteX24" fmla="*/ 286224 w 1920955"/>
                <a:gd name="connsiteY24" fmla="*/ 236326 h 1696335"/>
                <a:gd name="connsiteX25" fmla="*/ 143349 w 1920955"/>
                <a:gd name="connsiteY25" fmla="*/ 255376 h 1696335"/>
                <a:gd name="connsiteX26" fmla="*/ 124299 w 1920955"/>
                <a:gd name="connsiteY26" fmla="*/ 331576 h 1696335"/>
                <a:gd name="connsiteX27" fmla="*/ 110011 w 1920955"/>
                <a:gd name="connsiteY27" fmla="*/ 364913 h 1696335"/>
                <a:gd name="connsiteX28" fmla="*/ 133824 w 1920955"/>
                <a:gd name="connsiteY28" fmla="*/ 412538 h 1696335"/>
                <a:gd name="connsiteX29" fmla="*/ 81436 w 1920955"/>
                <a:gd name="connsiteY29" fmla="*/ 450638 h 1696335"/>
                <a:gd name="connsiteX30" fmla="*/ 33811 w 1920955"/>
                <a:gd name="connsiteY30" fmla="*/ 445876 h 1696335"/>
                <a:gd name="connsiteX31" fmla="*/ 33811 w 1920955"/>
                <a:gd name="connsiteY31" fmla="*/ 517313 h 1696335"/>
                <a:gd name="connsiteX32" fmla="*/ 474 w 1920955"/>
                <a:gd name="connsiteY32" fmla="*/ 622088 h 1696335"/>
                <a:gd name="connsiteX33" fmla="*/ 62386 w 1920955"/>
                <a:gd name="connsiteY33" fmla="*/ 698288 h 1696335"/>
                <a:gd name="connsiteX34" fmla="*/ 111977 w 1920955"/>
                <a:gd name="connsiteY34" fmla="*/ 678550 h 1696335"/>
                <a:gd name="connsiteX35" fmla="*/ 112334 w 1920955"/>
                <a:gd name="connsiteY35" fmla="*/ 748809 h 1696335"/>
                <a:gd name="connsiteX36" fmla="*/ 167161 w 1920955"/>
                <a:gd name="connsiteY36" fmla="*/ 779251 h 1696335"/>
                <a:gd name="connsiteX37" fmla="*/ 236159 w 1920955"/>
                <a:gd name="connsiteY37" fmla="*/ 789463 h 1696335"/>
                <a:gd name="connsiteX38" fmla="*/ 271462 w 1920955"/>
                <a:gd name="connsiteY38" fmla="*/ 845434 h 1696335"/>
                <a:gd name="connsiteX39" fmla="*/ 270869 w 1920955"/>
                <a:gd name="connsiteY39" fmla="*/ 890506 h 1696335"/>
                <a:gd name="connsiteX40" fmla="*/ 295393 w 1920955"/>
                <a:gd name="connsiteY40" fmla="*/ 929981 h 1696335"/>
                <a:gd name="connsiteX41" fmla="*/ 341051 w 1920955"/>
                <a:gd name="connsiteY41" fmla="*/ 968573 h 1696335"/>
                <a:gd name="connsiteX42" fmla="*/ 426184 w 1920955"/>
                <a:gd name="connsiteY42" fmla="*/ 1022825 h 1696335"/>
                <a:gd name="connsiteX43" fmla="*/ 461961 w 1920955"/>
                <a:gd name="connsiteY43" fmla="*/ 1093918 h 1696335"/>
                <a:gd name="connsiteX44" fmla="*/ 441064 w 1920955"/>
                <a:gd name="connsiteY44" fmla="*/ 1163491 h 1696335"/>
                <a:gd name="connsiteX45" fmla="*/ 519111 w 1920955"/>
                <a:gd name="connsiteY45" fmla="*/ 1219954 h 1696335"/>
                <a:gd name="connsiteX46" fmla="*/ 591143 w 1920955"/>
                <a:gd name="connsiteY46" fmla="*/ 1252948 h 1696335"/>
                <a:gd name="connsiteX47" fmla="*/ 571974 w 1920955"/>
                <a:gd name="connsiteY47" fmla="*/ 1312651 h 1696335"/>
                <a:gd name="connsiteX48" fmla="*/ 662461 w 1920955"/>
                <a:gd name="connsiteY48" fmla="*/ 1465051 h 1696335"/>
                <a:gd name="connsiteX49" fmla="*/ 755271 w 1920955"/>
                <a:gd name="connsiteY49" fmla="*/ 1538205 h 1696335"/>
                <a:gd name="connsiteX50" fmla="*/ 805336 w 1920955"/>
                <a:gd name="connsiteY50" fmla="*/ 1488863 h 1696335"/>
                <a:gd name="connsiteX51" fmla="*/ 869926 w 1920955"/>
                <a:gd name="connsiteY51" fmla="*/ 1516260 h 1696335"/>
                <a:gd name="connsiteX52" fmla="*/ 924399 w 1920955"/>
                <a:gd name="connsiteY52" fmla="*/ 1484101 h 1696335"/>
                <a:gd name="connsiteX53" fmla="*/ 941246 w 1920955"/>
                <a:gd name="connsiteY53" fmla="*/ 1441925 h 1696335"/>
                <a:gd name="connsiteX54" fmla="*/ 1005123 w 1920955"/>
                <a:gd name="connsiteY54" fmla="*/ 1528337 h 1696335"/>
                <a:gd name="connsiteX55" fmla="*/ 1050190 w 1920955"/>
                <a:gd name="connsiteY55" fmla="*/ 1599431 h 1696335"/>
                <a:gd name="connsiteX56" fmla="*/ 1132339 w 1920955"/>
                <a:gd name="connsiteY56" fmla="*/ 1696055 h 1696335"/>
                <a:gd name="connsiteX57" fmla="*/ 1151034 w 1920955"/>
                <a:gd name="connsiteY57" fmla="*/ 1627859 h 1696335"/>
                <a:gd name="connsiteX58" fmla="*/ 1176811 w 1920955"/>
                <a:gd name="connsiteY58" fmla="*/ 1598401 h 1696335"/>
                <a:gd name="connsiteX59" fmla="*/ 1210149 w 1920955"/>
                <a:gd name="connsiteY59" fmla="*/ 1617451 h 1696335"/>
                <a:gd name="connsiteX60" fmla="*/ 1233961 w 1920955"/>
                <a:gd name="connsiteY60" fmla="*/ 1579351 h 1696335"/>
                <a:gd name="connsiteX61" fmla="*/ 1267299 w 1920955"/>
                <a:gd name="connsiteY61" fmla="*/ 1655551 h 1696335"/>
                <a:gd name="connsiteX62" fmla="*/ 1348261 w 1920955"/>
                <a:gd name="connsiteY62" fmla="*/ 1626976 h 1696335"/>
                <a:gd name="connsiteX63" fmla="*/ 1414936 w 1920955"/>
                <a:gd name="connsiteY63" fmla="*/ 1555538 h 1696335"/>
                <a:gd name="connsiteX64" fmla="*/ 1433986 w 1920955"/>
                <a:gd name="connsiteY64" fmla="*/ 1607926 h 1696335"/>
                <a:gd name="connsiteX65" fmla="*/ 1410174 w 1920955"/>
                <a:gd name="connsiteY65" fmla="*/ 1612688 h 1696335"/>
                <a:gd name="connsiteX66" fmla="*/ 1543524 w 1920955"/>
                <a:gd name="connsiteY66" fmla="*/ 1579351 h 1696335"/>
                <a:gd name="connsiteX67" fmla="*/ 1581624 w 1920955"/>
                <a:gd name="connsiteY67" fmla="*/ 1507913 h 1696335"/>
                <a:gd name="connsiteX68" fmla="*/ 1643536 w 1920955"/>
                <a:gd name="connsiteY68" fmla="*/ 1412663 h 1696335"/>
                <a:gd name="connsiteX69" fmla="*/ 1714974 w 1920955"/>
                <a:gd name="connsiteY69" fmla="*/ 1384088 h 1696335"/>
                <a:gd name="connsiteX70" fmla="*/ 1772124 w 1920955"/>
                <a:gd name="connsiteY70" fmla="*/ 1379326 h 1696335"/>
                <a:gd name="connsiteX71" fmla="*/ 1772124 w 1920955"/>
                <a:gd name="connsiteY71" fmla="*/ 1450763 h 1696335"/>
                <a:gd name="connsiteX72" fmla="*/ 1886424 w 1920955"/>
                <a:gd name="connsiteY72" fmla="*/ 1446001 h 1696335"/>
                <a:gd name="connsiteX73" fmla="*/ 1919761 w 1920955"/>
                <a:gd name="connsiteY73" fmla="*/ 1441238 h 1696335"/>
                <a:gd name="connsiteX74" fmla="*/ 1853086 w 1920955"/>
                <a:gd name="connsiteY74" fmla="*/ 1398376 h 1696335"/>
                <a:gd name="connsiteX75" fmla="*/ 1853086 w 1920955"/>
                <a:gd name="connsiteY75" fmla="*/ 1303126 h 1696335"/>
                <a:gd name="connsiteX76" fmla="*/ 1853086 w 1920955"/>
                <a:gd name="connsiteY76" fmla="*/ 1245976 h 1696335"/>
                <a:gd name="connsiteX77" fmla="*/ 1810224 w 1920955"/>
                <a:gd name="connsiteY77" fmla="*/ 1236451 h 1696335"/>
                <a:gd name="connsiteX78" fmla="*/ 1734024 w 1920955"/>
                <a:gd name="connsiteY78" fmla="*/ 1155488 h 1696335"/>
                <a:gd name="connsiteX79" fmla="*/ 1695924 w 1920955"/>
                <a:gd name="connsiteY79" fmla="*/ 974513 h 1696335"/>
                <a:gd name="connsiteX80" fmla="*/ 1643536 w 1920955"/>
                <a:gd name="connsiteY80" fmla="*/ 941176 h 1696335"/>
                <a:gd name="connsiteX81" fmla="*/ 1605436 w 1920955"/>
                <a:gd name="connsiteY81" fmla="*/ 884026 h 1696335"/>
                <a:gd name="connsiteX82" fmla="*/ 1557811 w 1920955"/>
                <a:gd name="connsiteY82" fmla="*/ 836401 h 1696335"/>
                <a:gd name="connsiteX83" fmla="*/ 1505424 w 1920955"/>
                <a:gd name="connsiteY83" fmla="*/ 817351 h 1696335"/>
                <a:gd name="connsiteX84" fmla="*/ 1453036 w 1920955"/>
                <a:gd name="connsiteY84" fmla="*/ 812588 h 1696335"/>
                <a:gd name="connsiteX85" fmla="*/ 1510186 w 1920955"/>
                <a:gd name="connsiteY85" fmla="*/ 779251 h 1696335"/>
                <a:gd name="connsiteX86" fmla="*/ 1476849 w 1920955"/>
                <a:gd name="connsiteY86" fmla="*/ 745913 h 1696335"/>
                <a:gd name="connsiteX87" fmla="*/ 1481611 w 1920955"/>
                <a:gd name="connsiteY87" fmla="*/ 722101 h 1696335"/>
                <a:gd name="connsiteX88" fmla="*/ 1572099 w 1920955"/>
                <a:gd name="connsiteY88" fmla="*/ 760201 h 1696335"/>
                <a:gd name="connsiteX89" fmla="*/ 1624486 w 1920955"/>
                <a:gd name="connsiteY89" fmla="*/ 693526 h 1696335"/>
                <a:gd name="connsiteX90" fmla="*/ 1614961 w 1920955"/>
                <a:gd name="connsiteY90" fmla="*/ 550651 h 1696335"/>
                <a:gd name="connsiteX91" fmla="*/ 1610199 w 1920955"/>
                <a:gd name="connsiteY91" fmla="*/ 412538 h 1696335"/>
                <a:gd name="connsiteX0" fmla="*/ 1610199 w 1920955"/>
                <a:gd name="connsiteY0" fmla="*/ 412538 h 1691251"/>
                <a:gd name="connsiteX1" fmla="*/ 1567336 w 1920955"/>
                <a:gd name="connsiteY1" fmla="*/ 369676 h 1691251"/>
                <a:gd name="connsiteX2" fmla="*/ 1467324 w 1920955"/>
                <a:gd name="connsiteY2" fmla="*/ 345863 h 1691251"/>
                <a:gd name="connsiteX3" fmla="*/ 1419699 w 1920955"/>
                <a:gd name="connsiteY3" fmla="*/ 317288 h 1691251"/>
                <a:gd name="connsiteX4" fmla="*/ 1367311 w 1920955"/>
                <a:gd name="connsiteY4" fmla="*/ 160126 h 1691251"/>
                <a:gd name="connsiteX5" fmla="*/ 1338736 w 1920955"/>
                <a:gd name="connsiteY5" fmla="*/ 12488 h 1691251"/>
                <a:gd name="connsiteX6" fmla="*/ 1267299 w 1920955"/>
                <a:gd name="connsiteY6" fmla="*/ 12488 h 1691251"/>
                <a:gd name="connsiteX7" fmla="*/ 1214911 w 1920955"/>
                <a:gd name="connsiteY7" fmla="*/ 50588 h 1691251"/>
                <a:gd name="connsiteX8" fmla="*/ 1214911 w 1920955"/>
                <a:gd name="connsiteY8" fmla="*/ 155363 h 1691251"/>
                <a:gd name="connsiteX9" fmla="*/ 1186336 w 1920955"/>
                <a:gd name="connsiteY9" fmla="*/ 183938 h 1691251"/>
                <a:gd name="connsiteX10" fmla="*/ 1176811 w 1920955"/>
                <a:gd name="connsiteY10" fmla="*/ 255376 h 1691251"/>
                <a:gd name="connsiteX11" fmla="*/ 1114899 w 1920955"/>
                <a:gd name="connsiteY11" fmla="*/ 298238 h 1691251"/>
                <a:gd name="connsiteX12" fmla="*/ 1005361 w 1920955"/>
                <a:gd name="connsiteY12" fmla="*/ 312526 h 1691251"/>
                <a:gd name="connsiteX13" fmla="*/ 962499 w 1920955"/>
                <a:gd name="connsiteY13" fmla="*/ 355388 h 1691251"/>
                <a:gd name="connsiteX14" fmla="*/ 838674 w 1920955"/>
                <a:gd name="connsiteY14" fmla="*/ 355388 h 1691251"/>
                <a:gd name="connsiteX15" fmla="*/ 781524 w 1920955"/>
                <a:gd name="connsiteY15" fmla="*/ 426826 h 1691251"/>
                <a:gd name="connsiteX16" fmla="*/ 781524 w 1920955"/>
                <a:gd name="connsiteY16" fmla="*/ 460163 h 1691251"/>
                <a:gd name="connsiteX17" fmla="*/ 743424 w 1920955"/>
                <a:gd name="connsiteY17" fmla="*/ 483976 h 1691251"/>
                <a:gd name="connsiteX18" fmla="*/ 671986 w 1920955"/>
                <a:gd name="connsiteY18" fmla="*/ 417301 h 1691251"/>
                <a:gd name="connsiteX19" fmla="*/ 519586 w 1920955"/>
                <a:gd name="connsiteY19" fmla="*/ 412538 h 1691251"/>
                <a:gd name="connsiteX20" fmla="*/ 457674 w 1920955"/>
                <a:gd name="connsiteY20" fmla="*/ 431588 h 1691251"/>
                <a:gd name="connsiteX21" fmla="*/ 419574 w 1920955"/>
                <a:gd name="connsiteY21" fmla="*/ 417301 h 1691251"/>
                <a:gd name="connsiteX22" fmla="*/ 400524 w 1920955"/>
                <a:gd name="connsiteY22" fmla="*/ 355388 h 1691251"/>
                <a:gd name="connsiteX23" fmla="*/ 333849 w 1920955"/>
                <a:gd name="connsiteY23" fmla="*/ 303001 h 1691251"/>
                <a:gd name="connsiteX24" fmla="*/ 286224 w 1920955"/>
                <a:gd name="connsiteY24" fmla="*/ 236326 h 1691251"/>
                <a:gd name="connsiteX25" fmla="*/ 143349 w 1920955"/>
                <a:gd name="connsiteY25" fmla="*/ 255376 h 1691251"/>
                <a:gd name="connsiteX26" fmla="*/ 124299 w 1920955"/>
                <a:gd name="connsiteY26" fmla="*/ 331576 h 1691251"/>
                <a:gd name="connsiteX27" fmla="*/ 110011 w 1920955"/>
                <a:gd name="connsiteY27" fmla="*/ 364913 h 1691251"/>
                <a:gd name="connsiteX28" fmla="*/ 133824 w 1920955"/>
                <a:gd name="connsiteY28" fmla="*/ 412538 h 1691251"/>
                <a:gd name="connsiteX29" fmla="*/ 81436 w 1920955"/>
                <a:gd name="connsiteY29" fmla="*/ 450638 h 1691251"/>
                <a:gd name="connsiteX30" fmla="*/ 33811 w 1920955"/>
                <a:gd name="connsiteY30" fmla="*/ 445876 h 1691251"/>
                <a:gd name="connsiteX31" fmla="*/ 33811 w 1920955"/>
                <a:gd name="connsiteY31" fmla="*/ 517313 h 1691251"/>
                <a:gd name="connsiteX32" fmla="*/ 474 w 1920955"/>
                <a:gd name="connsiteY32" fmla="*/ 622088 h 1691251"/>
                <a:gd name="connsiteX33" fmla="*/ 62386 w 1920955"/>
                <a:gd name="connsiteY33" fmla="*/ 698288 h 1691251"/>
                <a:gd name="connsiteX34" fmla="*/ 111977 w 1920955"/>
                <a:gd name="connsiteY34" fmla="*/ 678550 h 1691251"/>
                <a:gd name="connsiteX35" fmla="*/ 112334 w 1920955"/>
                <a:gd name="connsiteY35" fmla="*/ 748809 h 1691251"/>
                <a:gd name="connsiteX36" fmla="*/ 167161 w 1920955"/>
                <a:gd name="connsiteY36" fmla="*/ 779251 h 1691251"/>
                <a:gd name="connsiteX37" fmla="*/ 236159 w 1920955"/>
                <a:gd name="connsiteY37" fmla="*/ 789463 h 1691251"/>
                <a:gd name="connsiteX38" fmla="*/ 271462 w 1920955"/>
                <a:gd name="connsiteY38" fmla="*/ 845434 h 1691251"/>
                <a:gd name="connsiteX39" fmla="*/ 270869 w 1920955"/>
                <a:gd name="connsiteY39" fmla="*/ 890506 h 1691251"/>
                <a:gd name="connsiteX40" fmla="*/ 295393 w 1920955"/>
                <a:gd name="connsiteY40" fmla="*/ 929981 h 1691251"/>
                <a:gd name="connsiteX41" fmla="*/ 341051 w 1920955"/>
                <a:gd name="connsiteY41" fmla="*/ 968573 h 1691251"/>
                <a:gd name="connsiteX42" fmla="*/ 426184 w 1920955"/>
                <a:gd name="connsiteY42" fmla="*/ 1022825 h 1691251"/>
                <a:gd name="connsiteX43" fmla="*/ 461961 w 1920955"/>
                <a:gd name="connsiteY43" fmla="*/ 1093918 h 1691251"/>
                <a:gd name="connsiteX44" fmla="*/ 441064 w 1920955"/>
                <a:gd name="connsiteY44" fmla="*/ 1163491 h 1691251"/>
                <a:gd name="connsiteX45" fmla="*/ 519111 w 1920955"/>
                <a:gd name="connsiteY45" fmla="*/ 1219954 h 1691251"/>
                <a:gd name="connsiteX46" fmla="*/ 591143 w 1920955"/>
                <a:gd name="connsiteY46" fmla="*/ 1252948 h 1691251"/>
                <a:gd name="connsiteX47" fmla="*/ 571974 w 1920955"/>
                <a:gd name="connsiteY47" fmla="*/ 1312651 h 1691251"/>
                <a:gd name="connsiteX48" fmla="*/ 662461 w 1920955"/>
                <a:gd name="connsiteY48" fmla="*/ 1465051 h 1691251"/>
                <a:gd name="connsiteX49" fmla="*/ 755271 w 1920955"/>
                <a:gd name="connsiteY49" fmla="*/ 1538205 h 1691251"/>
                <a:gd name="connsiteX50" fmla="*/ 805336 w 1920955"/>
                <a:gd name="connsiteY50" fmla="*/ 1488863 h 1691251"/>
                <a:gd name="connsiteX51" fmla="*/ 869926 w 1920955"/>
                <a:gd name="connsiteY51" fmla="*/ 1516260 h 1691251"/>
                <a:gd name="connsiteX52" fmla="*/ 924399 w 1920955"/>
                <a:gd name="connsiteY52" fmla="*/ 1484101 h 1691251"/>
                <a:gd name="connsiteX53" fmla="*/ 941246 w 1920955"/>
                <a:gd name="connsiteY53" fmla="*/ 1441925 h 1691251"/>
                <a:gd name="connsiteX54" fmla="*/ 1005123 w 1920955"/>
                <a:gd name="connsiteY54" fmla="*/ 1528337 h 1691251"/>
                <a:gd name="connsiteX55" fmla="*/ 1050190 w 1920955"/>
                <a:gd name="connsiteY55" fmla="*/ 1599431 h 1691251"/>
                <a:gd name="connsiteX56" fmla="*/ 1120136 w 1920955"/>
                <a:gd name="connsiteY56" fmla="*/ 1690950 h 1691251"/>
                <a:gd name="connsiteX57" fmla="*/ 1151034 w 1920955"/>
                <a:gd name="connsiteY57" fmla="*/ 1627859 h 1691251"/>
                <a:gd name="connsiteX58" fmla="*/ 1176811 w 1920955"/>
                <a:gd name="connsiteY58" fmla="*/ 1598401 h 1691251"/>
                <a:gd name="connsiteX59" fmla="*/ 1210149 w 1920955"/>
                <a:gd name="connsiteY59" fmla="*/ 1617451 h 1691251"/>
                <a:gd name="connsiteX60" fmla="*/ 1233961 w 1920955"/>
                <a:gd name="connsiteY60" fmla="*/ 1579351 h 1691251"/>
                <a:gd name="connsiteX61" fmla="*/ 1267299 w 1920955"/>
                <a:gd name="connsiteY61" fmla="*/ 1655551 h 1691251"/>
                <a:gd name="connsiteX62" fmla="*/ 1348261 w 1920955"/>
                <a:gd name="connsiteY62" fmla="*/ 1626976 h 1691251"/>
                <a:gd name="connsiteX63" fmla="*/ 1414936 w 1920955"/>
                <a:gd name="connsiteY63" fmla="*/ 1555538 h 1691251"/>
                <a:gd name="connsiteX64" fmla="*/ 1433986 w 1920955"/>
                <a:gd name="connsiteY64" fmla="*/ 1607926 h 1691251"/>
                <a:gd name="connsiteX65" fmla="*/ 1410174 w 1920955"/>
                <a:gd name="connsiteY65" fmla="*/ 1612688 h 1691251"/>
                <a:gd name="connsiteX66" fmla="*/ 1543524 w 1920955"/>
                <a:gd name="connsiteY66" fmla="*/ 1579351 h 1691251"/>
                <a:gd name="connsiteX67" fmla="*/ 1581624 w 1920955"/>
                <a:gd name="connsiteY67" fmla="*/ 1507913 h 1691251"/>
                <a:gd name="connsiteX68" fmla="*/ 1643536 w 1920955"/>
                <a:gd name="connsiteY68" fmla="*/ 1412663 h 1691251"/>
                <a:gd name="connsiteX69" fmla="*/ 1714974 w 1920955"/>
                <a:gd name="connsiteY69" fmla="*/ 1384088 h 1691251"/>
                <a:gd name="connsiteX70" fmla="*/ 1772124 w 1920955"/>
                <a:gd name="connsiteY70" fmla="*/ 1379326 h 1691251"/>
                <a:gd name="connsiteX71" fmla="*/ 1772124 w 1920955"/>
                <a:gd name="connsiteY71" fmla="*/ 1450763 h 1691251"/>
                <a:gd name="connsiteX72" fmla="*/ 1886424 w 1920955"/>
                <a:gd name="connsiteY72" fmla="*/ 1446001 h 1691251"/>
                <a:gd name="connsiteX73" fmla="*/ 1919761 w 1920955"/>
                <a:gd name="connsiteY73" fmla="*/ 1441238 h 1691251"/>
                <a:gd name="connsiteX74" fmla="*/ 1853086 w 1920955"/>
                <a:gd name="connsiteY74" fmla="*/ 1398376 h 1691251"/>
                <a:gd name="connsiteX75" fmla="*/ 1853086 w 1920955"/>
                <a:gd name="connsiteY75" fmla="*/ 1303126 h 1691251"/>
                <a:gd name="connsiteX76" fmla="*/ 1853086 w 1920955"/>
                <a:gd name="connsiteY76" fmla="*/ 1245976 h 1691251"/>
                <a:gd name="connsiteX77" fmla="*/ 1810224 w 1920955"/>
                <a:gd name="connsiteY77" fmla="*/ 1236451 h 1691251"/>
                <a:gd name="connsiteX78" fmla="*/ 1734024 w 1920955"/>
                <a:gd name="connsiteY78" fmla="*/ 1155488 h 1691251"/>
                <a:gd name="connsiteX79" fmla="*/ 1695924 w 1920955"/>
                <a:gd name="connsiteY79" fmla="*/ 974513 h 1691251"/>
                <a:gd name="connsiteX80" fmla="*/ 1643536 w 1920955"/>
                <a:gd name="connsiteY80" fmla="*/ 941176 h 1691251"/>
                <a:gd name="connsiteX81" fmla="*/ 1605436 w 1920955"/>
                <a:gd name="connsiteY81" fmla="*/ 884026 h 1691251"/>
                <a:gd name="connsiteX82" fmla="*/ 1557811 w 1920955"/>
                <a:gd name="connsiteY82" fmla="*/ 836401 h 1691251"/>
                <a:gd name="connsiteX83" fmla="*/ 1505424 w 1920955"/>
                <a:gd name="connsiteY83" fmla="*/ 817351 h 1691251"/>
                <a:gd name="connsiteX84" fmla="*/ 1453036 w 1920955"/>
                <a:gd name="connsiteY84" fmla="*/ 812588 h 1691251"/>
                <a:gd name="connsiteX85" fmla="*/ 1510186 w 1920955"/>
                <a:gd name="connsiteY85" fmla="*/ 779251 h 1691251"/>
                <a:gd name="connsiteX86" fmla="*/ 1476849 w 1920955"/>
                <a:gd name="connsiteY86" fmla="*/ 745913 h 1691251"/>
                <a:gd name="connsiteX87" fmla="*/ 1481611 w 1920955"/>
                <a:gd name="connsiteY87" fmla="*/ 722101 h 1691251"/>
                <a:gd name="connsiteX88" fmla="*/ 1572099 w 1920955"/>
                <a:gd name="connsiteY88" fmla="*/ 760201 h 1691251"/>
                <a:gd name="connsiteX89" fmla="*/ 1624486 w 1920955"/>
                <a:gd name="connsiteY89" fmla="*/ 693526 h 1691251"/>
                <a:gd name="connsiteX90" fmla="*/ 1614961 w 1920955"/>
                <a:gd name="connsiteY90" fmla="*/ 550651 h 1691251"/>
                <a:gd name="connsiteX91" fmla="*/ 1610199 w 1920955"/>
                <a:gd name="connsiteY91" fmla="*/ 412538 h 1691251"/>
                <a:gd name="connsiteX0" fmla="*/ 1610199 w 1920955"/>
                <a:gd name="connsiteY0" fmla="*/ 412538 h 1691251"/>
                <a:gd name="connsiteX1" fmla="*/ 1567336 w 1920955"/>
                <a:gd name="connsiteY1" fmla="*/ 369676 h 1691251"/>
                <a:gd name="connsiteX2" fmla="*/ 1467324 w 1920955"/>
                <a:gd name="connsiteY2" fmla="*/ 345863 h 1691251"/>
                <a:gd name="connsiteX3" fmla="*/ 1419699 w 1920955"/>
                <a:gd name="connsiteY3" fmla="*/ 317288 h 1691251"/>
                <a:gd name="connsiteX4" fmla="*/ 1367311 w 1920955"/>
                <a:gd name="connsiteY4" fmla="*/ 160126 h 1691251"/>
                <a:gd name="connsiteX5" fmla="*/ 1338736 w 1920955"/>
                <a:gd name="connsiteY5" fmla="*/ 12488 h 1691251"/>
                <a:gd name="connsiteX6" fmla="*/ 1267299 w 1920955"/>
                <a:gd name="connsiteY6" fmla="*/ 12488 h 1691251"/>
                <a:gd name="connsiteX7" fmla="*/ 1214911 w 1920955"/>
                <a:gd name="connsiteY7" fmla="*/ 50588 h 1691251"/>
                <a:gd name="connsiteX8" fmla="*/ 1214911 w 1920955"/>
                <a:gd name="connsiteY8" fmla="*/ 155363 h 1691251"/>
                <a:gd name="connsiteX9" fmla="*/ 1186336 w 1920955"/>
                <a:gd name="connsiteY9" fmla="*/ 183938 h 1691251"/>
                <a:gd name="connsiteX10" fmla="*/ 1176811 w 1920955"/>
                <a:gd name="connsiteY10" fmla="*/ 255376 h 1691251"/>
                <a:gd name="connsiteX11" fmla="*/ 1114899 w 1920955"/>
                <a:gd name="connsiteY11" fmla="*/ 298238 h 1691251"/>
                <a:gd name="connsiteX12" fmla="*/ 1005361 w 1920955"/>
                <a:gd name="connsiteY12" fmla="*/ 312526 h 1691251"/>
                <a:gd name="connsiteX13" fmla="*/ 962499 w 1920955"/>
                <a:gd name="connsiteY13" fmla="*/ 355388 h 1691251"/>
                <a:gd name="connsiteX14" fmla="*/ 838674 w 1920955"/>
                <a:gd name="connsiteY14" fmla="*/ 355388 h 1691251"/>
                <a:gd name="connsiteX15" fmla="*/ 781524 w 1920955"/>
                <a:gd name="connsiteY15" fmla="*/ 426826 h 1691251"/>
                <a:gd name="connsiteX16" fmla="*/ 781524 w 1920955"/>
                <a:gd name="connsiteY16" fmla="*/ 460163 h 1691251"/>
                <a:gd name="connsiteX17" fmla="*/ 743424 w 1920955"/>
                <a:gd name="connsiteY17" fmla="*/ 483976 h 1691251"/>
                <a:gd name="connsiteX18" fmla="*/ 671986 w 1920955"/>
                <a:gd name="connsiteY18" fmla="*/ 417301 h 1691251"/>
                <a:gd name="connsiteX19" fmla="*/ 519586 w 1920955"/>
                <a:gd name="connsiteY19" fmla="*/ 412538 h 1691251"/>
                <a:gd name="connsiteX20" fmla="*/ 457674 w 1920955"/>
                <a:gd name="connsiteY20" fmla="*/ 431588 h 1691251"/>
                <a:gd name="connsiteX21" fmla="*/ 419574 w 1920955"/>
                <a:gd name="connsiteY21" fmla="*/ 417301 h 1691251"/>
                <a:gd name="connsiteX22" fmla="*/ 400524 w 1920955"/>
                <a:gd name="connsiteY22" fmla="*/ 355388 h 1691251"/>
                <a:gd name="connsiteX23" fmla="*/ 333849 w 1920955"/>
                <a:gd name="connsiteY23" fmla="*/ 303001 h 1691251"/>
                <a:gd name="connsiteX24" fmla="*/ 286224 w 1920955"/>
                <a:gd name="connsiteY24" fmla="*/ 236326 h 1691251"/>
                <a:gd name="connsiteX25" fmla="*/ 143349 w 1920955"/>
                <a:gd name="connsiteY25" fmla="*/ 255376 h 1691251"/>
                <a:gd name="connsiteX26" fmla="*/ 124299 w 1920955"/>
                <a:gd name="connsiteY26" fmla="*/ 331576 h 1691251"/>
                <a:gd name="connsiteX27" fmla="*/ 110011 w 1920955"/>
                <a:gd name="connsiteY27" fmla="*/ 364913 h 1691251"/>
                <a:gd name="connsiteX28" fmla="*/ 133824 w 1920955"/>
                <a:gd name="connsiteY28" fmla="*/ 412538 h 1691251"/>
                <a:gd name="connsiteX29" fmla="*/ 81436 w 1920955"/>
                <a:gd name="connsiteY29" fmla="*/ 450638 h 1691251"/>
                <a:gd name="connsiteX30" fmla="*/ 33811 w 1920955"/>
                <a:gd name="connsiteY30" fmla="*/ 445876 h 1691251"/>
                <a:gd name="connsiteX31" fmla="*/ 33811 w 1920955"/>
                <a:gd name="connsiteY31" fmla="*/ 517313 h 1691251"/>
                <a:gd name="connsiteX32" fmla="*/ 474 w 1920955"/>
                <a:gd name="connsiteY32" fmla="*/ 622088 h 1691251"/>
                <a:gd name="connsiteX33" fmla="*/ 62386 w 1920955"/>
                <a:gd name="connsiteY33" fmla="*/ 698288 h 1691251"/>
                <a:gd name="connsiteX34" fmla="*/ 111977 w 1920955"/>
                <a:gd name="connsiteY34" fmla="*/ 678550 h 1691251"/>
                <a:gd name="connsiteX35" fmla="*/ 112334 w 1920955"/>
                <a:gd name="connsiteY35" fmla="*/ 748809 h 1691251"/>
                <a:gd name="connsiteX36" fmla="*/ 167161 w 1920955"/>
                <a:gd name="connsiteY36" fmla="*/ 779251 h 1691251"/>
                <a:gd name="connsiteX37" fmla="*/ 236159 w 1920955"/>
                <a:gd name="connsiteY37" fmla="*/ 789463 h 1691251"/>
                <a:gd name="connsiteX38" fmla="*/ 271462 w 1920955"/>
                <a:gd name="connsiteY38" fmla="*/ 845434 h 1691251"/>
                <a:gd name="connsiteX39" fmla="*/ 270869 w 1920955"/>
                <a:gd name="connsiteY39" fmla="*/ 890506 h 1691251"/>
                <a:gd name="connsiteX40" fmla="*/ 295393 w 1920955"/>
                <a:gd name="connsiteY40" fmla="*/ 929981 h 1691251"/>
                <a:gd name="connsiteX41" fmla="*/ 341051 w 1920955"/>
                <a:gd name="connsiteY41" fmla="*/ 968573 h 1691251"/>
                <a:gd name="connsiteX42" fmla="*/ 426184 w 1920955"/>
                <a:gd name="connsiteY42" fmla="*/ 1022825 h 1691251"/>
                <a:gd name="connsiteX43" fmla="*/ 461961 w 1920955"/>
                <a:gd name="connsiteY43" fmla="*/ 1093918 h 1691251"/>
                <a:gd name="connsiteX44" fmla="*/ 441064 w 1920955"/>
                <a:gd name="connsiteY44" fmla="*/ 1163491 h 1691251"/>
                <a:gd name="connsiteX45" fmla="*/ 519111 w 1920955"/>
                <a:gd name="connsiteY45" fmla="*/ 1219954 h 1691251"/>
                <a:gd name="connsiteX46" fmla="*/ 591143 w 1920955"/>
                <a:gd name="connsiteY46" fmla="*/ 1252948 h 1691251"/>
                <a:gd name="connsiteX47" fmla="*/ 571974 w 1920955"/>
                <a:gd name="connsiteY47" fmla="*/ 1312651 h 1691251"/>
                <a:gd name="connsiteX48" fmla="*/ 662461 w 1920955"/>
                <a:gd name="connsiteY48" fmla="*/ 1465051 h 1691251"/>
                <a:gd name="connsiteX49" fmla="*/ 755271 w 1920955"/>
                <a:gd name="connsiteY49" fmla="*/ 1538205 h 1691251"/>
                <a:gd name="connsiteX50" fmla="*/ 805336 w 1920955"/>
                <a:gd name="connsiteY50" fmla="*/ 1488863 h 1691251"/>
                <a:gd name="connsiteX51" fmla="*/ 869926 w 1920955"/>
                <a:gd name="connsiteY51" fmla="*/ 1516260 h 1691251"/>
                <a:gd name="connsiteX52" fmla="*/ 924399 w 1920955"/>
                <a:gd name="connsiteY52" fmla="*/ 1484101 h 1691251"/>
                <a:gd name="connsiteX53" fmla="*/ 941246 w 1920955"/>
                <a:gd name="connsiteY53" fmla="*/ 1441925 h 1691251"/>
                <a:gd name="connsiteX54" fmla="*/ 1005123 w 1920955"/>
                <a:gd name="connsiteY54" fmla="*/ 1528337 h 1691251"/>
                <a:gd name="connsiteX55" fmla="*/ 1050190 w 1920955"/>
                <a:gd name="connsiteY55" fmla="*/ 1599431 h 1691251"/>
                <a:gd name="connsiteX56" fmla="*/ 1120136 w 1920955"/>
                <a:gd name="connsiteY56" fmla="*/ 1690950 h 1691251"/>
                <a:gd name="connsiteX57" fmla="*/ 1151034 w 1920955"/>
                <a:gd name="connsiteY57" fmla="*/ 1627859 h 1691251"/>
                <a:gd name="connsiteX58" fmla="*/ 1176811 w 1920955"/>
                <a:gd name="connsiteY58" fmla="*/ 1598401 h 1691251"/>
                <a:gd name="connsiteX59" fmla="*/ 1210149 w 1920955"/>
                <a:gd name="connsiteY59" fmla="*/ 1617451 h 1691251"/>
                <a:gd name="connsiteX60" fmla="*/ 1233961 w 1920955"/>
                <a:gd name="connsiteY60" fmla="*/ 1579351 h 1691251"/>
                <a:gd name="connsiteX61" fmla="*/ 1267299 w 1920955"/>
                <a:gd name="connsiteY61" fmla="*/ 1655551 h 1691251"/>
                <a:gd name="connsiteX62" fmla="*/ 1348261 w 1920955"/>
                <a:gd name="connsiteY62" fmla="*/ 1626976 h 1691251"/>
                <a:gd name="connsiteX63" fmla="*/ 1414936 w 1920955"/>
                <a:gd name="connsiteY63" fmla="*/ 1555538 h 1691251"/>
                <a:gd name="connsiteX64" fmla="*/ 1433986 w 1920955"/>
                <a:gd name="connsiteY64" fmla="*/ 1607926 h 1691251"/>
                <a:gd name="connsiteX65" fmla="*/ 1410174 w 1920955"/>
                <a:gd name="connsiteY65" fmla="*/ 1612688 h 1691251"/>
                <a:gd name="connsiteX66" fmla="*/ 1543524 w 1920955"/>
                <a:gd name="connsiteY66" fmla="*/ 1579351 h 1691251"/>
                <a:gd name="connsiteX67" fmla="*/ 1581624 w 1920955"/>
                <a:gd name="connsiteY67" fmla="*/ 1507913 h 1691251"/>
                <a:gd name="connsiteX68" fmla="*/ 1643536 w 1920955"/>
                <a:gd name="connsiteY68" fmla="*/ 1412663 h 1691251"/>
                <a:gd name="connsiteX69" fmla="*/ 1714974 w 1920955"/>
                <a:gd name="connsiteY69" fmla="*/ 1384088 h 1691251"/>
                <a:gd name="connsiteX70" fmla="*/ 1772124 w 1920955"/>
                <a:gd name="connsiteY70" fmla="*/ 1379326 h 1691251"/>
                <a:gd name="connsiteX71" fmla="*/ 1772124 w 1920955"/>
                <a:gd name="connsiteY71" fmla="*/ 1450763 h 1691251"/>
                <a:gd name="connsiteX72" fmla="*/ 1886424 w 1920955"/>
                <a:gd name="connsiteY72" fmla="*/ 1446001 h 1691251"/>
                <a:gd name="connsiteX73" fmla="*/ 1919761 w 1920955"/>
                <a:gd name="connsiteY73" fmla="*/ 1441238 h 1691251"/>
                <a:gd name="connsiteX74" fmla="*/ 1853086 w 1920955"/>
                <a:gd name="connsiteY74" fmla="*/ 1398376 h 1691251"/>
                <a:gd name="connsiteX75" fmla="*/ 1853086 w 1920955"/>
                <a:gd name="connsiteY75" fmla="*/ 1303126 h 1691251"/>
                <a:gd name="connsiteX76" fmla="*/ 1853086 w 1920955"/>
                <a:gd name="connsiteY76" fmla="*/ 1245976 h 1691251"/>
                <a:gd name="connsiteX77" fmla="*/ 1810224 w 1920955"/>
                <a:gd name="connsiteY77" fmla="*/ 1236451 h 1691251"/>
                <a:gd name="connsiteX78" fmla="*/ 1734024 w 1920955"/>
                <a:gd name="connsiteY78" fmla="*/ 1155488 h 1691251"/>
                <a:gd name="connsiteX79" fmla="*/ 1695924 w 1920955"/>
                <a:gd name="connsiteY79" fmla="*/ 974513 h 1691251"/>
                <a:gd name="connsiteX80" fmla="*/ 1643536 w 1920955"/>
                <a:gd name="connsiteY80" fmla="*/ 941176 h 1691251"/>
                <a:gd name="connsiteX81" fmla="*/ 1605436 w 1920955"/>
                <a:gd name="connsiteY81" fmla="*/ 884026 h 1691251"/>
                <a:gd name="connsiteX82" fmla="*/ 1557811 w 1920955"/>
                <a:gd name="connsiteY82" fmla="*/ 836401 h 1691251"/>
                <a:gd name="connsiteX83" fmla="*/ 1505424 w 1920955"/>
                <a:gd name="connsiteY83" fmla="*/ 817351 h 1691251"/>
                <a:gd name="connsiteX84" fmla="*/ 1453036 w 1920955"/>
                <a:gd name="connsiteY84" fmla="*/ 812588 h 1691251"/>
                <a:gd name="connsiteX85" fmla="*/ 1510186 w 1920955"/>
                <a:gd name="connsiteY85" fmla="*/ 779251 h 1691251"/>
                <a:gd name="connsiteX86" fmla="*/ 1476849 w 1920955"/>
                <a:gd name="connsiteY86" fmla="*/ 745913 h 1691251"/>
                <a:gd name="connsiteX87" fmla="*/ 1481611 w 1920955"/>
                <a:gd name="connsiteY87" fmla="*/ 722101 h 1691251"/>
                <a:gd name="connsiteX88" fmla="*/ 1572099 w 1920955"/>
                <a:gd name="connsiteY88" fmla="*/ 760201 h 1691251"/>
                <a:gd name="connsiteX89" fmla="*/ 1624486 w 1920955"/>
                <a:gd name="connsiteY89" fmla="*/ 693526 h 1691251"/>
                <a:gd name="connsiteX90" fmla="*/ 1614961 w 1920955"/>
                <a:gd name="connsiteY90" fmla="*/ 550651 h 1691251"/>
                <a:gd name="connsiteX91" fmla="*/ 1610199 w 1920955"/>
                <a:gd name="connsiteY91" fmla="*/ 412538 h 1691251"/>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10149 w 1920955"/>
                <a:gd name="connsiteY59" fmla="*/ 1617451 h 1691232"/>
                <a:gd name="connsiteX60" fmla="*/ 1233961 w 1920955"/>
                <a:gd name="connsiteY60" fmla="*/ 1579351 h 1691232"/>
                <a:gd name="connsiteX61" fmla="*/ 1267299 w 1920955"/>
                <a:gd name="connsiteY61" fmla="*/ 1655551 h 1691232"/>
                <a:gd name="connsiteX62" fmla="*/ 1348261 w 1920955"/>
                <a:gd name="connsiteY62" fmla="*/ 1626976 h 1691232"/>
                <a:gd name="connsiteX63" fmla="*/ 1414936 w 1920955"/>
                <a:gd name="connsiteY63" fmla="*/ 1555538 h 1691232"/>
                <a:gd name="connsiteX64" fmla="*/ 1433986 w 1920955"/>
                <a:gd name="connsiteY64" fmla="*/ 1607926 h 1691232"/>
                <a:gd name="connsiteX65" fmla="*/ 1410174 w 1920955"/>
                <a:gd name="connsiteY65" fmla="*/ 1612688 h 1691232"/>
                <a:gd name="connsiteX66" fmla="*/ 1543524 w 1920955"/>
                <a:gd name="connsiteY66" fmla="*/ 1579351 h 1691232"/>
                <a:gd name="connsiteX67" fmla="*/ 1581624 w 1920955"/>
                <a:gd name="connsiteY67" fmla="*/ 1507913 h 1691232"/>
                <a:gd name="connsiteX68" fmla="*/ 1643536 w 1920955"/>
                <a:gd name="connsiteY68" fmla="*/ 1412663 h 1691232"/>
                <a:gd name="connsiteX69" fmla="*/ 1714974 w 1920955"/>
                <a:gd name="connsiteY69" fmla="*/ 1384088 h 1691232"/>
                <a:gd name="connsiteX70" fmla="*/ 1772124 w 1920955"/>
                <a:gd name="connsiteY70" fmla="*/ 1379326 h 1691232"/>
                <a:gd name="connsiteX71" fmla="*/ 1772124 w 1920955"/>
                <a:gd name="connsiteY71" fmla="*/ 1450763 h 1691232"/>
                <a:gd name="connsiteX72" fmla="*/ 1886424 w 1920955"/>
                <a:gd name="connsiteY72" fmla="*/ 1446001 h 1691232"/>
                <a:gd name="connsiteX73" fmla="*/ 1919761 w 1920955"/>
                <a:gd name="connsiteY73" fmla="*/ 1441238 h 1691232"/>
                <a:gd name="connsiteX74" fmla="*/ 1853086 w 1920955"/>
                <a:gd name="connsiteY74" fmla="*/ 1398376 h 1691232"/>
                <a:gd name="connsiteX75" fmla="*/ 1853086 w 1920955"/>
                <a:gd name="connsiteY75" fmla="*/ 1303126 h 1691232"/>
                <a:gd name="connsiteX76" fmla="*/ 1853086 w 1920955"/>
                <a:gd name="connsiteY76" fmla="*/ 1245976 h 1691232"/>
                <a:gd name="connsiteX77" fmla="*/ 1810224 w 1920955"/>
                <a:gd name="connsiteY77" fmla="*/ 1236451 h 1691232"/>
                <a:gd name="connsiteX78" fmla="*/ 1734024 w 1920955"/>
                <a:gd name="connsiteY78" fmla="*/ 1155488 h 1691232"/>
                <a:gd name="connsiteX79" fmla="*/ 1695924 w 1920955"/>
                <a:gd name="connsiteY79" fmla="*/ 974513 h 1691232"/>
                <a:gd name="connsiteX80" fmla="*/ 1643536 w 1920955"/>
                <a:gd name="connsiteY80" fmla="*/ 941176 h 1691232"/>
                <a:gd name="connsiteX81" fmla="*/ 1605436 w 1920955"/>
                <a:gd name="connsiteY81" fmla="*/ 884026 h 1691232"/>
                <a:gd name="connsiteX82" fmla="*/ 1557811 w 1920955"/>
                <a:gd name="connsiteY82" fmla="*/ 836401 h 1691232"/>
                <a:gd name="connsiteX83" fmla="*/ 1505424 w 1920955"/>
                <a:gd name="connsiteY83" fmla="*/ 817351 h 1691232"/>
                <a:gd name="connsiteX84" fmla="*/ 1453036 w 1920955"/>
                <a:gd name="connsiteY84" fmla="*/ 812588 h 1691232"/>
                <a:gd name="connsiteX85" fmla="*/ 1510186 w 1920955"/>
                <a:gd name="connsiteY85" fmla="*/ 779251 h 1691232"/>
                <a:gd name="connsiteX86" fmla="*/ 1476849 w 1920955"/>
                <a:gd name="connsiteY86" fmla="*/ 745913 h 1691232"/>
                <a:gd name="connsiteX87" fmla="*/ 1481611 w 1920955"/>
                <a:gd name="connsiteY87" fmla="*/ 722101 h 1691232"/>
                <a:gd name="connsiteX88" fmla="*/ 1572099 w 1920955"/>
                <a:gd name="connsiteY88" fmla="*/ 760201 h 1691232"/>
                <a:gd name="connsiteX89" fmla="*/ 1624486 w 1920955"/>
                <a:gd name="connsiteY89" fmla="*/ 693526 h 1691232"/>
                <a:gd name="connsiteX90" fmla="*/ 1614961 w 1920955"/>
                <a:gd name="connsiteY90" fmla="*/ 550651 h 1691232"/>
                <a:gd name="connsiteX91" fmla="*/ 1610199 w 1920955"/>
                <a:gd name="connsiteY91"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33961 w 1920955"/>
                <a:gd name="connsiteY60" fmla="*/ 1579351 h 1691232"/>
                <a:gd name="connsiteX61" fmla="*/ 1267299 w 1920955"/>
                <a:gd name="connsiteY61" fmla="*/ 1655551 h 1691232"/>
                <a:gd name="connsiteX62" fmla="*/ 1348261 w 1920955"/>
                <a:gd name="connsiteY62" fmla="*/ 1626976 h 1691232"/>
                <a:gd name="connsiteX63" fmla="*/ 1414936 w 1920955"/>
                <a:gd name="connsiteY63" fmla="*/ 1555538 h 1691232"/>
                <a:gd name="connsiteX64" fmla="*/ 1433986 w 1920955"/>
                <a:gd name="connsiteY64" fmla="*/ 1607926 h 1691232"/>
                <a:gd name="connsiteX65" fmla="*/ 1410174 w 1920955"/>
                <a:gd name="connsiteY65" fmla="*/ 1612688 h 1691232"/>
                <a:gd name="connsiteX66" fmla="*/ 1543524 w 1920955"/>
                <a:gd name="connsiteY66" fmla="*/ 1579351 h 1691232"/>
                <a:gd name="connsiteX67" fmla="*/ 1581624 w 1920955"/>
                <a:gd name="connsiteY67" fmla="*/ 1507913 h 1691232"/>
                <a:gd name="connsiteX68" fmla="*/ 1643536 w 1920955"/>
                <a:gd name="connsiteY68" fmla="*/ 1412663 h 1691232"/>
                <a:gd name="connsiteX69" fmla="*/ 1714974 w 1920955"/>
                <a:gd name="connsiteY69" fmla="*/ 1384088 h 1691232"/>
                <a:gd name="connsiteX70" fmla="*/ 1772124 w 1920955"/>
                <a:gd name="connsiteY70" fmla="*/ 1379326 h 1691232"/>
                <a:gd name="connsiteX71" fmla="*/ 1772124 w 1920955"/>
                <a:gd name="connsiteY71" fmla="*/ 1450763 h 1691232"/>
                <a:gd name="connsiteX72" fmla="*/ 1886424 w 1920955"/>
                <a:gd name="connsiteY72" fmla="*/ 1446001 h 1691232"/>
                <a:gd name="connsiteX73" fmla="*/ 1919761 w 1920955"/>
                <a:gd name="connsiteY73" fmla="*/ 1441238 h 1691232"/>
                <a:gd name="connsiteX74" fmla="*/ 1853086 w 1920955"/>
                <a:gd name="connsiteY74" fmla="*/ 1398376 h 1691232"/>
                <a:gd name="connsiteX75" fmla="*/ 1853086 w 1920955"/>
                <a:gd name="connsiteY75" fmla="*/ 1303126 h 1691232"/>
                <a:gd name="connsiteX76" fmla="*/ 1853086 w 1920955"/>
                <a:gd name="connsiteY76" fmla="*/ 1245976 h 1691232"/>
                <a:gd name="connsiteX77" fmla="*/ 1810224 w 1920955"/>
                <a:gd name="connsiteY77" fmla="*/ 1236451 h 1691232"/>
                <a:gd name="connsiteX78" fmla="*/ 1734024 w 1920955"/>
                <a:gd name="connsiteY78" fmla="*/ 1155488 h 1691232"/>
                <a:gd name="connsiteX79" fmla="*/ 1695924 w 1920955"/>
                <a:gd name="connsiteY79" fmla="*/ 974513 h 1691232"/>
                <a:gd name="connsiteX80" fmla="*/ 1643536 w 1920955"/>
                <a:gd name="connsiteY80" fmla="*/ 941176 h 1691232"/>
                <a:gd name="connsiteX81" fmla="*/ 1605436 w 1920955"/>
                <a:gd name="connsiteY81" fmla="*/ 884026 h 1691232"/>
                <a:gd name="connsiteX82" fmla="*/ 1557811 w 1920955"/>
                <a:gd name="connsiteY82" fmla="*/ 836401 h 1691232"/>
                <a:gd name="connsiteX83" fmla="*/ 1505424 w 1920955"/>
                <a:gd name="connsiteY83" fmla="*/ 817351 h 1691232"/>
                <a:gd name="connsiteX84" fmla="*/ 1453036 w 1920955"/>
                <a:gd name="connsiteY84" fmla="*/ 812588 h 1691232"/>
                <a:gd name="connsiteX85" fmla="*/ 1510186 w 1920955"/>
                <a:gd name="connsiteY85" fmla="*/ 779251 h 1691232"/>
                <a:gd name="connsiteX86" fmla="*/ 1476849 w 1920955"/>
                <a:gd name="connsiteY86" fmla="*/ 745913 h 1691232"/>
                <a:gd name="connsiteX87" fmla="*/ 1481611 w 1920955"/>
                <a:gd name="connsiteY87" fmla="*/ 722101 h 1691232"/>
                <a:gd name="connsiteX88" fmla="*/ 1572099 w 1920955"/>
                <a:gd name="connsiteY88" fmla="*/ 760201 h 1691232"/>
                <a:gd name="connsiteX89" fmla="*/ 1624486 w 1920955"/>
                <a:gd name="connsiteY89" fmla="*/ 693526 h 1691232"/>
                <a:gd name="connsiteX90" fmla="*/ 1614961 w 1920955"/>
                <a:gd name="connsiteY90" fmla="*/ 550651 h 1691232"/>
                <a:gd name="connsiteX91" fmla="*/ 1610199 w 1920955"/>
                <a:gd name="connsiteY91"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67299 w 1920955"/>
                <a:gd name="connsiteY61" fmla="*/ 1655551 h 1691232"/>
                <a:gd name="connsiteX62" fmla="*/ 1348261 w 1920955"/>
                <a:gd name="connsiteY62" fmla="*/ 1626976 h 1691232"/>
                <a:gd name="connsiteX63" fmla="*/ 1414936 w 1920955"/>
                <a:gd name="connsiteY63" fmla="*/ 1555538 h 1691232"/>
                <a:gd name="connsiteX64" fmla="*/ 1433986 w 1920955"/>
                <a:gd name="connsiteY64" fmla="*/ 1607926 h 1691232"/>
                <a:gd name="connsiteX65" fmla="*/ 1410174 w 1920955"/>
                <a:gd name="connsiteY65" fmla="*/ 1612688 h 1691232"/>
                <a:gd name="connsiteX66" fmla="*/ 1543524 w 1920955"/>
                <a:gd name="connsiteY66" fmla="*/ 1579351 h 1691232"/>
                <a:gd name="connsiteX67" fmla="*/ 1581624 w 1920955"/>
                <a:gd name="connsiteY67" fmla="*/ 1507913 h 1691232"/>
                <a:gd name="connsiteX68" fmla="*/ 1643536 w 1920955"/>
                <a:gd name="connsiteY68" fmla="*/ 1412663 h 1691232"/>
                <a:gd name="connsiteX69" fmla="*/ 1714974 w 1920955"/>
                <a:gd name="connsiteY69" fmla="*/ 1384088 h 1691232"/>
                <a:gd name="connsiteX70" fmla="*/ 1772124 w 1920955"/>
                <a:gd name="connsiteY70" fmla="*/ 1379326 h 1691232"/>
                <a:gd name="connsiteX71" fmla="*/ 1772124 w 1920955"/>
                <a:gd name="connsiteY71" fmla="*/ 1450763 h 1691232"/>
                <a:gd name="connsiteX72" fmla="*/ 1886424 w 1920955"/>
                <a:gd name="connsiteY72" fmla="*/ 1446001 h 1691232"/>
                <a:gd name="connsiteX73" fmla="*/ 1919761 w 1920955"/>
                <a:gd name="connsiteY73" fmla="*/ 1441238 h 1691232"/>
                <a:gd name="connsiteX74" fmla="*/ 1853086 w 1920955"/>
                <a:gd name="connsiteY74" fmla="*/ 1398376 h 1691232"/>
                <a:gd name="connsiteX75" fmla="*/ 1853086 w 1920955"/>
                <a:gd name="connsiteY75" fmla="*/ 1303126 h 1691232"/>
                <a:gd name="connsiteX76" fmla="*/ 1853086 w 1920955"/>
                <a:gd name="connsiteY76" fmla="*/ 1245976 h 1691232"/>
                <a:gd name="connsiteX77" fmla="*/ 1810224 w 1920955"/>
                <a:gd name="connsiteY77" fmla="*/ 1236451 h 1691232"/>
                <a:gd name="connsiteX78" fmla="*/ 1734024 w 1920955"/>
                <a:gd name="connsiteY78" fmla="*/ 1155488 h 1691232"/>
                <a:gd name="connsiteX79" fmla="*/ 1695924 w 1920955"/>
                <a:gd name="connsiteY79" fmla="*/ 974513 h 1691232"/>
                <a:gd name="connsiteX80" fmla="*/ 1643536 w 1920955"/>
                <a:gd name="connsiteY80" fmla="*/ 941176 h 1691232"/>
                <a:gd name="connsiteX81" fmla="*/ 1605436 w 1920955"/>
                <a:gd name="connsiteY81" fmla="*/ 884026 h 1691232"/>
                <a:gd name="connsiteX82" fmla="*/ 1557811 w 1920955"/>
                <a:gd name="connsiteY82" fmla="*/ 836401 h 1691232"/>
                <a:gd name="connsiteX83" fmla="*/ 1505424 w 1920955"/>
                <a:gd name="connsiteY83" fmla="*/ 817351 h 1691232"/>
                <a:gd name="connsiteX84" fmla="*/ 1453036 w 1920955"/>
                <a:gd name="connsiteY84" fmla="*/ 812588 h 1691232"/>
                <a:gd name="connsiteX85" fmla="*/ 1510186 w 1920955"/>
                <a:gd name="connsiteY85" fmla="*/ 779251 h 1691232"/>
                <a:gd name="connsiteX86" fmla="*/ 1476849 w 1920955"/>
                <a:gd name="connsiteY86" fmla="*/ 745913 h 1691232"/>
                <a:gd name="connsiteX87" fmla="*/ 1481611 w 1920955"/>
                <a:gd name="connsiteY87" fmla="*/ 722101 h 1691232"/>
                <a:gd name="connsiteX88" fmla="*/ 1572099 w 1920955"/>
                <a:gd name="connsiteY88" fmla="*/ 760201 h 1691232"/>
                <a:gd name="connsiteX89" fmla="*/ 1624486 w 1920955"/>
                <a:gd name="connsiteY89" fmla="*/ 693526 h 1691232"/>
                <a:gd name="connsiteX90" fmla="*/ 1614961 w 1920955"/>
                <a:gd name="connsiteY90" fmla="*/ 550651 h 1691232"/>
                <a:gd name="connsiteX91" fmla="*/ 1610199 w 1920955"/>
                <a:gd name="connsiteY91"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308789 w 1920955"/>
                <a:gd name="connsiteY61" fmla="*/ 1594278 h 1691232"/>
                <a:gd name="connsiteX62" fmla="*/ 1348261 w 1920955"/>
                <a:gd name="connsiteY62" fmla="*/ 1626976 h 1691232"/>
                <a:gd name="connsiteX63" fmla="*/ 1414936 w 1920955"/>
                <a:gd name="connsiteY63" fmla="*/ 1555538 h 1691232"/>
                <a:gd name="connsiteX64" fmla="*/ 1433986 w 1920955"/>
                <a:gd name="connsiteY64" fmla="*/ 1607926 h 1691232"/>
                <a:gd name="connsiteX65" fmla="*/ 1410174 w 1920955"/>
                <a:gd name="connsiteY65" fmla="*/ 1612688 h 1691232"/>
                <a:gd name="connsiteX66" fmla="*/ 1543524 w 1920955"/>
                <a:gd name="connsiteY66" fmla="*/ 1579351 h 1691232"/>
                <a:gd name="connsiteX67" fmla="*/ 1581624 w 1920955"/>
                <a:gd name="connsiteY67" fmla="*/ 1507913 h 1691232"/>
                <a:gd name="connsiteX68" fmla="*/ 1643536 w 1920955"/>
                <a:gd name="connsiteY68" fmla="*/ 1412663 h 1691232"/>
                <a:gd name="connsiteX69" fmla="*/ 1714974 w 1920955"/>
                <a:gd name="connsiteY69" fmla="*/ 1384088 h 1691232"/>
                <a:gd name="connsiteX70" fmla="*/ 1772124 w 1920955"/>
                <a:gd name="connsiteY70" fmla="*/ 1379326 h 1691232"/>
                <a:gd name="connsiteX71" fmla="*/ 1772124 w 1920955"/>
                <a:gd name="connsiteY71" fmla="*/ 1450763 h 1691232"/>
                <a:gd name="connsiteX72" fmla="*/ 1886424 w 1920955"/>
                <a:gd name="connsiteY72" fmla="*/ 1446001 h 1691232"/>
                <a:gd name="connsiteX73" fmla="*/ 1919761 w 1920955"/>
                <a:gd name="connsiteY73" fmla="*/ 1441238 h 1691232"/>
                <a:gd name="connsiteX74" fmla="*/ 1853086 w 1920955"/>
                <a:gd name="connsiteY74" fmla="*/ 1398376 h 1691232"/>
                <a:gd name="connsiteX75" fmla="*/ 1853086 w 1920955"/>
                <a:gd name="connsiteY75" fmla="*/ 1303126 h 1691232"/>
                <a:gd name="connsiteX76" fmla="*/ 1853086 w 1920955"/>
                <a:gd name="connsiteY76" fmla="*/ 1245976 h 1691232"/>
                <a:gd name="connsiteX77" fmla="*/ 1810224 w 1920955"/>
                <a:gd name="connsiteY77" fmla="*/ 1236451 h 1691232"/>
                <a:gd name="connsiteX78" fmla="*/ 1734024 w 1920955"/>
                <a:gd name="connsiteY78" fmla="*/ 1155488 h 1691232"/>
                <a:gd name="connsiteX79" fmla="*/ 1695924 w 1920955"/>
                <a:gd name="connsiteY79" fmla="*/ 974513 h 1691232"/>
                <a:gd name="connsiteX80" fmla="*/ 1643536 w 1920955"/>
                <a:gd name="connsiteY80" fmla="*/ 941176 h 1691232"/>
                <a:gd name="connsiteX81" fmla="*/ 1605436 w 1920955"/>
                <a:gd name="connsiteY81" fmla="*/ 884026 h 1691232"/>
                <a:gd name="connsiteX82" fmla="*/ 1557811 w 1920955"/>
                <a:gd name="connsiteY82" fmla="*/ 836401 h 1691232"/>
                <a:gd name="connsiteX83" fmla="*/ 1505424 w 1920955"/>
                <a:gd name="connsiteY83" fmla="*/ 817351 h 1691232"/>
                <a:gd name="connsiteX84" fmla="*/ 1453036 w 1920955"/>
                <a:gd name="connsiteY84" fmla="*/ 812588 h 1691232"/>
                <a:gd name="connsiteX85" fmla="*/ 1510186 w 1920955"/>
                <a:gd name="connsiteY85" fmla="*/ 779251 h 1691232"/>
                <a:gd name="connsiteX86" fmla="*/ 1476849 w 1920955"/>
                <a:gd name="connsiteY86" fmla="*/ 745913 h 1691232"/>
                <a:gd name="connsiteX87" fmla="*/ 1481611 w 1920955"/>
                <a:gd name="connsiteY87" fmla="*/ 722101 h 1691232"/>
                <a:gd name="connsiteX88" fmla="*/ 1572099 w 1920955"/>
                <a:gd name="connsiteY88" fmla="*/ 760201 h 1691232"/>
                <a:gd name="connsiteX89" fmla="*/ 1624486 w 1920955"/>
                <a:gd name="connsiteY89" fmla="*/ 693526 h 1691232"/>
                <a:gd name="connsiteX90" fmla="*/ 1614961 w 1920955"/>
                <a:gd name="connsiteY90" fmla="*/ 550651 h 1691232"/>
                <a:gd name="connsiteX91" fmla="*/ 1610199 w 1920955"/>
                <a:gd name="connsiteY91"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311230 w 1920955"/>
                <a:gd name="connsiteY61" fmla="*/ 1681082 h 1691232"/>
                <a:gd name="connsiteX62" fmla="*/ 1348261 w 1920955"/>
                <a:gd name="connsiteY62" fmla="*/ 1626976 h 1691232"/>
                <a:gd name="connsiteX63" fmla="*/ 1414936 w 1920955"/>
                <a:gd name="connsiteY63" fmla="*/ 1555538 h 1691232"/>
                <a:gd name="connsiteX64" fmla="*/ 1433986 w 1920955"/>
                <a:gd name="connsiteY64" fmla="*/ 1607926 h 1691232"/>
                <a:gd name="connsiteX65" fmla="*/ 1410174 w 1920955"/>
                <a:gd name="connsiteY65" fmla="*/ 1612688 h 1691232"/>
                <a:gd name="connsiteX66" fmla="*/ 1543524 w 1920955"/>
                <a:gd name="connsiteY66" fmla="*/ 1579351 h 1691232"/>
                <a:gd name="connsiteX67" fmla="*/ 1581624 w 1920955"/>
                <a:gd name="connsiteY67" fmla="*/ 1507913 h 1691232"/>
                <a:gd name="connsiteX68" fmla="*/ 1643536 w 1920955"/>
                <a:gd name="connsiteY68" fmla="*/ 1412663 h 1691232"/>
                <a:gd name="connsiteX69" fmla="*/ 1714974 w 1920955"/>
                <a:gd name="connsiteY69" fmla="*/ 1384088 h 1691232"/>
                <a:gd name="connsiteX70" fmla="*/ 1772124 w 1920955"/>
                <a:gd name="connsiteY70" fmla="*/ 1379326 h 1691232"/>
                <a:gd name="connsiteX71" fmla="*/ 1772124 w 1920955"/>
                <a:gd name="connsiteY71" fmla="*/ 1450763 h 1691232"/>
                <a:gd name="connsiteX72" fmla="*/ 1886424 w 1920955"/>
                <a:gd name="connsiteY72" fmla="*/ 1446001 h 1691232"/>
                <a:gd name="connsiteX73" fmla="*/ 1919761 w 1920955"/>
                <a:gd name="connsiteY73" fmla="*/ 1441238 h 1691232"/>
                <a:gd name="connsiteX74" fmla="*/ 1853086 w 1920955"/>
                <a:gd name="connsiteY74" fmla="*/ 1398376 h 1691232"/>
                <a:gd name="connsiteX75" fmla="*/ 1853086 w 1920955"/>
                <a:gd name="connsiteY75" fmla="*/ 1303126 h 1691232"/>
                <a:gd name="connsiteX76" fmla="*/ 1853086 w 1920955"/>
                <a:gd name="connsiteY76" fmla="*/ 1245976 h 1691232"/>
                <a:gd name="connsiteX77" fmla="*/ 1810224 w 1920955"/>
                <a:gd name="connsiteY77" fmla="*/ 1236451 h 1691232"/>
                <a:gd name="connsiteX78" fmla="*/ 1734024 w 1920955"/>
                <a:gd name="connsiteY78" fmla="*/ 1155488 h 1691232"/>
                <a:gd name="connsiteX79" fmla="*/ 1695924 w 1920955"/>
                <a:gd name="connsiteY79" fmla="*/ 974513 h 1691232"/>
                <a:gd name="connsiteX80" fmla="*/ 1643536 w 1920955"/>
                <a:gd name="connsiteY80" fmla="*/ 941176 h 1691232"/>
                <a:gd name="connsiteX81" fmla="*/ 1605436 w 1920955"/>
                <a:gd name="connsiteY81" fmla="*/ 884026 h 1691232"/>
                <a:gd name="connsiteX82" fmla="*/ 1557811 w 1920955"/>
                <a:gd name="connsiteY82" fmla="*/ 836401 h 1691232"/>
                <a:gd name="connsiteX83" fmla="*/ 1505424 w 1920955"/>
                <a:gd name="connsiteY83" fmla="*/ 817351 h 1691232"/>
                <a:gd name="connsiteX84" fmla="*/ 1453036 w 1920955"/>
                <a:gd name="connsiteY84" fmla="*/ 812588 h 1691232"/>
                <a:gd name="connsiteX85" fmla="*/ 1510186 w 1920955"/>
                <a:gd name="connsiteY85" fmla="*/ 779251 h 1691232"/>
                <a:gd name="connsiteX86" fmla="*/ 1476849 w 1920955"/>
                <a:gd name="connsiteY86" fmla="*/ 745913 h 1691232"/>
                <a:gd name="connsiteX87" fmla="*/ 1481611 w 1920955"/>
                <a:gd name="connsiteY87" fmla="*/ 722101 h 1691232"/>
                <a:gd name="connsiteX88" fmla="*/ 1572099 w 1920955"/>
                <a:gd name="connsiteY88" fmla="*/ 760201 h 1691232"/>
                <a:gd name="connsiteX89" fmla="*/ 1624486 w 1920955"/>
                <a:gd name="connsiteY89" fmla="*/ 693526 h 1691232"/>
                <a:gd name="connsiteX90" fmla="*/ 1614961 w 1920955"/>
                <a:gd name="connsiteY90" fmla="*/ 550651 h 1691232"/>
                <a:gd name="connsiteX91" fmla="*/ 1610199 w 1920955"/>
                <a:gd name="connsiteY91"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48261 w 1920955"/>
                <a:gd name="connsiteY63" fmla="*/ 1626976 h 1691232"/>
                <a:gd name="connsiteX64" fmla="*/ 1414936 w 1920955"/>
                <a:gd name="connsiteY64" fmla="*/ 1555538 h 1691232"/>
                <a:gd name="connsiteX65" fmla="*/ 1433986 w 1920955"/>
                <a:gd name="connsiteY65" fmla="*/ 1607926 h 1691232"/>
                <a:gd name="connsiteX66" fmla="*/ 1410174 w 1920955"/>
                <a:gd name="connsiteY66" fmla="*/ 1612688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4936 w 1920955"/>
                <a:gd name="connsiteY64" fmla="*/ 1555538 h 1691232"/>
                <a:gd name="connsiteX65" fmla="*/ 1433986 w 1920955"/>
                <a:gd name="connsiteY65" fmla="*/ 1607926 h 1691232"/>
                <a:gd name="connsiteX66" fmla="*/ 1410174 w 1920955"/>
                <a:gd name="connsiteY66" fmla="*/ 1612688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4936 w 1920955"/>
                <a:gd name="connsiteY64" fmla="*/ 1555538 h 1691232"/>
                <a:gd name="connsiteX65" fmla="*/ 1468155 w 1920955"/>
                <a:gd name="connsiteY65" fmla="*/ 1595161 h 1691232"/>
                <a:gd name="connsiteX66" fmla="*/ 1410174 w 1920955"/>
                <a:gd name="connsiteY66" fmla="*/ 1612688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4936 w 1920955"/>
                <a:gd name="connsiteY64" fmla="*/ 1555538 h 1691232"/>
                <a:gd name="connsiteX65" fmla="*/ 1438868 w 1920955"/>
                <a:gd name="connsiteY65" fmla="*/ 1595161 h 1691232"/>
                <a:gd name="connsiteX66" fmla="*/ 1410174 w 1920955"/>
                <a:gd name="connsiteY66" fmla="*/ 1612688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4936 w 1920955"/>
                <a:gd name="connsiteY64" fmla="*/ 1555538 h 1691232"/>
                <a:gd name="connsiteX65" fmla="*/ 1475477 w 1920955"/>
                <a:gd name="connsiteY65" fmla="*/ 1541547 h 1691232"/>
                <a:gd name="connsiteX66" fmla="*/ 1410174 w 1920955"/>
                <a:gd name="connsiteY66" fmla="*/ 1612688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4936 w 1920955"/>
                <a:gd name="connsiteY64" fmla="*/ 1555538 h 1691232"/>
                <a:gd name="connsiteX65" fmla="*/ 1475477 w 1920955"/>
                <a:gd name="connsiteY65" fmla="*/ 1541547 h 1691232"/>
                <a:gd name="connsiteX66" fmla="*/ 1476071 w 1920955"/>
                <a:gd name="connsiteY66" fmla="*/ 1622900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5477 w 1920955"/>
                <a:gd name="connsiteY65" fmla="*/ 1541547 h 1691232"/>
                <a:gd name="connsiteX66" fmla="*/ 1476071 w 1920955"/>
                <a:gd name="connsiteY66" fmla="*/ 1622900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5477 w 1920955"/>
                <a:gd name="connsiteY65" fmla="*/ 1541547 h 1691232"/>
                <a:gd name="connsiteX66" fmla="*/ 1505358 w 1920955"/>
                <a:gd name="connsiteY66" fmla="*/ 1648431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5477 w 1920955"/>
                <a:gd name="connsiteY65" fmla="*/ 1541547 h 1691232"/>
                <a:gd name="connsiteX66" fmla="*/ 1488274 w 1920955"/>
                <a:gd name="connsiteY66" fmla="*/ 1640771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43524 w 1920955"/>
                <a:gd name="connsiteY67" fmla="*/ 1579351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1624 w 1920955"/>
                <a:gd name="connsiteY68" fmla="*/ 1507913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4065 w 1920955"/>
                <a:gd name="connsiteY68" fmla="*/ 1525784 h 1691232"/>
                <a:gd name="connsiteX69" fmla="*/ 1643536 w 1920955"/>
                <a:gd name="connsiteY69" fmla="*/ 1412663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4065 w 1920955"/>
                <a:gd name="connsiteY68" fmla="*/ 1525784 h 1691232"/>
                <a:gd name="connsiteX69" fmla="*/ 1670383 w 1920955"/>
                <a:gd name="connsiteY69" fmla="*/ 1438195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8947 w 1920955"/>
                <a:gd name="connsiteY68" fmla="*/ 1528337 h 1691232"/>
                <a:gd name="connsiteX69" fmla="*/ 1670383 w 1920955"/>
                <a:gd name="connsiteY69" fmla="*/ 1438195 h 1691232"/>
                <a:gd name="connsiteX70" fmla="*/ 1714974 w 1920955"/>
                <a:gd name="connsiteY70" fmla="*/ 1384088 h 1691232"/>
                <a:gd name="connsiteX71" fmla="*/ 1772124 w 1920955"/>
                <a:gd name="connsiteY71" fmla="*/ 1379326 h 1691232"/>
                <a:gd name="connsiteX72" fmla="*/ 1772124 w 1920955"/>
                <a:gd name="connsiteY72" fmla="*/ 1450763 h 1691232"/>
                <a:gd name="connsiteX73" fmla="*/ 1886424 w 1920955"/>
                <a:gd name="connsiteY73" fmla="*/ 1446001 h 1691232"/>
                <a:gd name="connsiteX74" fmla="*/ 1919761 w 1920955"/>
                <a:gd name="connsiteY74" fmla="*/ 1441238 h 1691232"/>
                <a:gd name="connsiteX75" fmla="*/ 1853086 w 1920955"/>
                <a:gd name="connsiteY75" fmla="*/ 1398376 h 1691232"/>
                <a:gd name="connsiteX76" fmla="*/ 1853086 w 1920955"/>
                <a:gd name="connsiteY76" fmla="*/ 1303126 h 1691232"/>
                <a:gd name="connsiteX77" fmla="*/ 1853086 w 1920955"/>
                <a:gd name="connsiteY77" fmla="*/ 1245976 h 1691232"/>
                <a:gd name="connsiteX78" fmla="*/ 1810224 w 1920955"/>
                <a:gd name="connsiteY78" fmla="*/ 1236451 h 1691232"/>
                <a:gd name="connsiteX79" fmla="*/ 1734024 w 1920955"/>
                <a:gd name="connsiteY79" fmla="*/ 1155488 h 1691232"/>
                <a:gd name="connsiteX80" fmla="*/ 1695924 w 1920955"/>
                <a:gd name="connsiteY80" fmla="*/ 974513 h 1691232"/>
                <a:gd name="connsiteX81" fmla="*/ 1643536 w 1920955"/>
                <a:gd name="connsiteY81" fmla="*/ 941176 h 1691232"/>
                <a:gd name="connsiteX82" fmla="*/ 1605436 w 1920955"/>
                <a:gd name="connsiteY82" fmla="*/ 884026 h 1691232"/>
                <a:gd name="connsiteX83" fmla="*/ 1557811 w 1920955"/>
                <a:gd name="connsiteY83" fmla="*/ 836401 h 1691232"/>
                <a:gd name="connsiteX84" fmla="*/ 1505424 w 1920955"/>
                <a:gd name="connsiteY84" fmla="*/ 817351 h 1691232"/>
                <a:gd name="connsiteX85" fmla="*/ 1453036 w 1920955"/>
                <a:gd name="connsiteY85" fmla="*/ 812588 h 1691232"/>
                <a:gd name="connsiteX86" fmla="*/ 1510186 w 1920955"/>
                <a:gd name="connsiteY86" fmla="*/ 779251 h 1691232"/>
                <a:gd name="connsiteX87" fmla="*/ 1476849 w 1920955"/>
                <a:gd name="connsiteY87" fmla="*/ 745913 h 1691232"/>
                <a:gd name="connsiteX88" fmla="*/ 1481611 w 1920955"/>
                <a:gd name="connsiteY88" fmla="*/ 722101 h 1691232"/>
                <a:gd name="connsiteX89" fmla="*/ 1572099 w 1920955"/>
                <a:gd name="connsiteY89" fmla="*/ 760201 h 1691232"/>
                <a:gd name="connsiteX90" fmla="*/ 1624486 w 1920955"/>
                <a:gd name="connsiteY90" fmla="*/ 693526 h 1691232"/>
                <a:gd name="connsiteX91" fmla="*/ 1614961 w 1920955"/>
                <a:gd name="connsiteY91" fmla="*/ 550651 h 1691232"/>
                <a:gd name="connsiteX92" fmla="*/ 1610199 w 1920955"/>
                <a:gd name="connsiteY92"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8947 w 1920955"/>
                <a:gd name="connsiteY68" fmla="*/ 1528337 h 1691232"/>
                <a:gd name="connsiteX69" fmla="*/ 1670383 w 1920955"/>
                <a:gd name="connsiteY69" fmla="*/ 1438195 h 1691232"/>
                <a:gd name="connsiteX70" fmla="*/ 1714974 w 1920955"/>
                <a:gd name="connsiteY70" fmla="*/ 1384088 h 1691232"/>
                <a:gd name="connsiteX71" fmla="*/ 1721378 w 1920955"/>
                <a:gd name="connsiteY71" fmla="*/ 1402701 h 1691232"/>
                <a:gd name="connsiteX72" fmla="*/ 1772124 w 1920955"/>
                <a:gd name="connsiteY72" fmla="*/ 1379326 h 1691232"/>
                <a:gd name="connsiteX73" fmla="*/ 1772124 w 1920955"/>
                <a:gd name="connsiteY73" fmla="*/ 1450763 h 1691232"/>
                <a:gd name="connsiteX74" fmla="*/ 1886424 w 1920955"/>
                <a:gd name="connsiteY74" fmla="*/ 1446001 h 1691232"/>
                <a:gd name="connsiteX75" fmla="*/ 1919761 w 1920955"/>
                <a:gd name="connsiteY75" fmla="*/ 1441238 h 1691232"/>
                <a:gd name="connsiteX76" fmla="*/ 1853086 w 1920955"/>
                <a:gd name="connsiteY76" fmla="*/ 1398376 h 1691232"/>
                <a:gd name="connsiteX77" fmla="*/ 1853086 w 1920955"/>
                <a:gd name="connsiteY77" fmla="*/ 1303126 h 1691232"/>
                <a:gd name="connsiteX78" fmla="*/ 1853086 w 1920955"/>
                <a:gd name="connsiteY78" fmla="*/ 1245976 h 1691232"/>
                <a:gd name="connsiteX79" fmla="*/ 1810224 w 1920955"/>
                <a:gd name="connsiteY79" fmla="*/ 1236451 h 1691232"/>
                <a:gd name="connsiteX80" fmla="*/ 1734024 w 1920955"/>
                <a:gd name="connsiteY80" fmla="*/ 1155488 h 1691232"/>
                <a:gd name="connsiteX81" fmla="*/ 1695924 w 1920955"/>
                <a:gd name="connsiteY81" fmla="*/ 974513 h 1691232"/>
                <a:gd name="connsiteX82" fmla="*/ 1643536 w 1920955"/>
                <a:gd name="connsiteY82" fmla="*/ 941176 h 1691232"/>
                <a:gd name="connsiteX83" fmla="*/ 1605436 w 1920955"/>
                <a:gd name="connsiteY83" fmla="*/ 884026 h 1691232"/>
                <a:gd name="connsiteX84" fmla="*/ 1557811 w 1920955"/>
                <a:gd name="connsiteY84" fmla="*/ 836401 h 1691232"/>
                <a:gd name="connsiteX85" fmla="*/ 1505424 w 1920955"/>
                <a:gd name="connsiteY85" fmla="*/ 817351 h 1691232"/>
                <a:gd name="connsiteX86" fmla="*/ 1453036 w 1920955"/>
                <a:gd name="connsiteY86" fmla="*/ 812588 h 1691232"/>
                <a:gd name="connsiteX87" fmla="*/ 1510186 w 1920955"/>
                <a:gd name="connsiteY87" fmla="*/ 779251 h 1691232"/>
                <a:gd name="connsiteX88" fmla="*/ 1476849 w 1920955"/>
                <a:gd name="connsiteY88" fmla="*/ 745913 h 1691232"/>
                <a:gd name="connsiteX89" fmla="*/ 1481611 w 1920955"/>
                <a:gd name="connsiteY89" fmla="*/ 722101 h 1691232"/>
                <a:gd name="connsiteX90" fmla="*/ 1572099 w 1920955"/>
                <a:gd name="connsiteY90" fmla="*/ 760201 h 1691232"/>
                <a:gd name="connsiteX91" fmla="*/ 1624486 w 1920955"/>
                <a:gd name="connsiteY91" fmla="*/ 693526 h 1691232"/>
                <a:gd name="connsiteX92" fmla="*/ 1614961 w 1920955"/>
                <a:gd name="connsiteY92" fmla="*/ 550651 h 1691232"/>
                <a:gd name="connsiteX93" fmla="*/ 1610199 w 1920955"/>
                <a:gd name="connsiteY93"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8947 w 1920955"/>
                <a:gd name="connsiteY68" fmla="*/ 1528337 h 1691232"/>
                <a:gd name="connsiteX69" fmla="*/ 1670383 w 1920955"/>
                <a:gd name="connsiteY69" fmla="*/ 1438195 h 1691232"/>
                <a:gd name="connsiteX70" fmla="*/ 1714974 w 1920955"/>
                <a:gd name="connsiteY70" fmla="*/ 1384088 h 1691232"/>
                <a:gd name="connsiteX71" fmla="*/ 1736021 w 1920955"/>
                <a:gd name="connsiteY71" fmla="*/ 1379724 h 1691232"/>
                <a:gd name="connsiteX72" fmla="*/ 1772124 w 1920955"/>
                <a:gd name="connsiteY72" fmla="*/ 1379326 h 1691232"/>
                <a:gd name="connsiteX73" fmla="*/ 1772124 w 1920955"/>
                <a:gd name="connsiteY73" fmla="*/ 1450763 h 1691232"/>
                <a:gd name="connsiteX74" fmla="*/ 1886424 w 1920955"/>
                <a:gd name="connsiteY74" fmla="*/ 1446001 h 1691232"/>
                <a:gd name="connsiteX75" fmla="*/ 1919761 w 1920955"/>
                <a:gd name="connsiteY75" fmla="*/ 1441238 h 1691232"/>
                <a:gd name="connsiteX76" fmla="*/ 1853086 w 1920955"/>
                <a:gd name="connsiteY76" fmla="*/ 1398376 h 1691232"/>
                <a:gd name="connsiteX77" fmla="*/ 1853086 w 1920955"/>
                <a:gd name="connsiteY77" fmla="*/ 1303126 h 1691232"/>
                <a:gd name="connsiteX78" fmla="*/ 1853086 w 1920955"/>
                <a:gd name="connsiteY78" fmla="*/ 1245976 h 1691232"/>
                <a:gd name="connsiteX79" fmla="*/ 1810224 w 1920955"/>
                <a:gd name="connsiteY79" fmla="*/ 1236451 h 1691232"/>
                <a:gd name="connsiteX80" fmla="*/ 1734024 w 1920955"/>
                <a:gd name="connsiteY80" fmla="*/ 1155488 h 1691232"/>
                <a:gd name="connsiteX81" fmla="*/ 1695924 w 1920955"/>
                <a:gd name="connsiteY81" fmla="*/ 974513 h 1691232"/>
                <a:gd name="connsiteX82" fmla="*/ 1643536 w 1920955"/>
                <a:gd name="connsiteY82" fmla="*/ 941176 h 1691232"/>
                <a:gd name="connsiteX83" fmla="*/ 1605436 w 1920955"/>
                <a:gd name="connsiteY83" fmla="*/ 884026 h 1691232"/>
                <a:gd name="connsiteX84" fmla="*/ 1557811 w 1920955"/>
                <a:gd name="connsiteY84" fmla="*/ 836401 h 1691232"/>
                <a:gd name="connsiteX85" fmla="*/ 1505424 w 1920955"/>
                <a:gd name="connsiteY85" fmla="*/ 817351 h 1691232"/>
                <a:gd name="connsiteX86" fmla="*/ 1453036 w 1920955"/>
                <a:gd name="connsiteY86" fmla="*/ 812588 h 1691232"/>
                <a:gd name="connsiteX87" fmla="*/ 1510186 w 1920955"/>
                <a:gd name="connsiteY87" fmla="*/ 779251 h 1691232"/>
                <a:gd name="connsiteX88" fmla="*/ 1476849 w 1920955"/>
                <a:gd name="connsiteY88" fmla="*/ 745913 h 1691232"/>
                <a:gd name="connsiteX89" fmla="*/ 1481611 w 1920955"/>
                <a:gd name="connsiteY89" fmla="*/ 722101 h 1691232"/>
                <a:gd name="connsiteX90" fmla="*/ 1572099 w 1920955"/>
                <a:gd name="connsiteY90" fmla="*/ 760201 h 1691232"/>
                <a:gd name="connsiteX91" fmla="*/ 1624486 w 1920955"/>
                <a:gd name="connsiteY91" fmla="*/ 693526 h 1691232"/>
                <a:gd name="connsiteX92" fmla="*/ 1614961 w 1920955"/>
                <a:gd name="connsiteY92" fmla="*/ 550651 h 1691232"/>
                <a:gd name="connsiteX93" fmla="*/ 1610199 w 1920955"/>
                <a:gd name="connsiteY93"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8947 w 1920955"/>
                <a:gd name="connsiteY68" fmla="*/ 1528337 h 1691232"/>
                <a:gd name="connsiteX69" fmla="*/ 1670383 w 1920955"/>
                <a:gd name="connsiteY69" fmla="*/ 1438195 h 1691232"/>
                <a:gd name="connsiteX70" fmla="*/ 1714974 w 1920955"/>
                <a:gd name="connsiteY70" fmla="*/ 1407065 h 1691232"/>
                <a:gd name="connsiteX71" fmla="*/ 1736021 w 1920955"/>
                <a:gd name="connsiteY71" fmla="*/ 1379724 h 1691232"/>
                <a:gd name="connsiteX72" fmla="*/ 1772124 w 1920955"/>
                <a:gd name="connsiteY72" fmla="*/ 1379326 h 1691232"/>
                <a:gd name="connsiteX73" fmla="*/ 1772124 w 1920955"/>
                <a:gd name="connsiteY73" fmla="*/ 1450763 h 1691232"/>
                <a:gd name="connsiteX74" fmla="*/ 1886424 w 1920955"/>
                <a:gd name="connsiteY74" fmla="*/ 1446001 h 1691232"/>
                <a:gd name="connsiteX75" fmla="*/ 1919761 w 1920955"/>
                <a:gd name="connsiteY75" fmla="*/ 1441238 h 1691232"/>
                <a:gd name="connsiteX76" fmla="*/ 1853086 w 1920955"/>
                <a:gd name="connsiteY76" fmla="*/ 1398376 h 1691232"/>
                <a:gd name="connsiteX77" fmla="*/ 1853086 w 1920955"/>
                <a:gd name="connsiteY77" fmla="*/ 1303126 h 1691232"/>
                <a:gd name="connsiteX78" fmla="*/ 1853086 w 1920955"/>
                <a:gd name="connsiteY78" fmla="*/ 1245976 h 1691232"/>
                <a:gd name="connsiteX79" fmla="*/ 1810224 w 1920955"/>
                <a:gd name="connsiteY79" fmla="*/ 1236451 h 1691232"/>
                <a:gd name="connsiteX80" fmla="*/ 1734024 w 1920955"/>
                <a:gd name="connsiteY80" fmla="*/ 1155488 h 1691232"/>
                <a:gd name="connsiteX81" fmla="*/ 1695924 w 1920955"/>
                <a:gd name="connsiteY81" fmla="*/ 974513 h 1691232"/>
                <a:gd name="connsiteX82" fmla="*/ 1643536 w 1920955"/>
                <a:gd name="connsiteY82" fmla="*/ 941176 h 1691232"/>
                <a:gd name="connsiteX83" fmla="*/ 1605436 w 1920955"/>
                <a:gd name="connsiteY83" fmla="*/ 884026 h 1691232"/>
                <a:gd name="connsiteX84" fmla="*/ 1557811 w 1920955"/>
                <a:gd name="connsiteY84" fmla="*/ 836401 h 1691232"/>
                <a:gd name="connsiteX85" fmla="*/ 1505424 w 1920955"/>
                <a:gd name="connsiteY85" fmla="*/ 817351 h 1691232"/>
                <a:gd name="connsiteX86" fmla="*/ 1453036 w 1920955"/>
                <a:gd name="connsiteY86" fmla="*/ 812588 h 1691232"/>
                <a:gd name="connsiteX87" fmla="*/ 1510186 w 1920955"/>
                <a:gd name="connsiteY87" fmla="*/ 779251 h 1691232"/>
                <a:gd name="connsiteX88" fmla="*/ 1476849 w 1920955"/>
                <a:gd name="connsiteY88" fmla="*/ 745913 h 1691232"/>
                <a:gd name="connsiteX89" fmla="*/ 1481611 w 1920955"/>
                <a:gd name="connsiteY89" fmla="*/ 722101 h 1691232"/>
                <a:gd name="connsiteX90" fmla="*/ 1572099 w 1920955"/>
                <a:gd name="connsiteY90" fmla="*/ 760201 h 1691232"/>
                <a:gd name="connsiteX91" fmla="*/ 1624486 w 1920955"/>
                <a:gd name="connsiteY91" fmla="*/ 693526 h 1691232"/>
                <a:gd name="connsiteX92" fmla="*/ 1614961 w 1920955"/>
                <a:gd name="connsiteY92" fmla="*/ 550651 h 1691232"/>
                <a:gd name="connsiteX93" fmla="*/ 1610199 w 1920955"/>
                <a:gd name="connsiteY93"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8947 w 1920955"/>
                <a:gd name="connsiteY68" fmla="*/ 1528337 h 1691232"/>
                <a:gd name="connsiteX69" fmla="*/ 1670383 w 1920955"/>
                <a:gd name="connsiteY69" fmla="*/ 1438195 h 1691232"/>
                <a:gd name="connsiteX70" fmla="*/ 1714974 w 1920955"/>
                <a:gd name="connsiteY70" fmla="*/ 1407065 h 1691232"/>
                <a:gd name="connsiteX71" fmla="*/ 1743343 w 1920955"/>
                <a:gd name="connsiteY71" fmla="*/ 1410360 h 1691232"/>
                <a:gd name="connsiteX72" fmla="*/ 1772124 w 1920955"/>
                <a:gd name="connsiteY72" fmla="*/ 1379326 h 1691232"/>
                <a:gd name="connsiteX73" fmla="*/ 1772124 w 1920955"/>
                <a:gd name="connsiteY73" fmla="*/ 1450763 h 1691232"/>
                <a:gd name="connsiteX74" fmla="*/ 1886424 w 1920955"/>
                <a:gd name="connsiteY74" fmla="*/ 1446001 h 1691232"/>
                <a:gd name="connsiteX75" fmla="*/ 1919761 w 1920955"/>
                <a:gd name="connsiteY75" fmla="*/ 1441238 h 1691232"/>
                <a:gd name="connsiteX76" fmla="*/ 1853086 w 1920955"/>
                <a:gd name="connsiteY76" fmla="*/ 1398376 h 1691232"/>
                <a:gd name="connsiteX77" fmla="*/ 1853086 w 1920955"/>
                <a:gd name="connsiteY77" fmla="*/ 1303126 h 1691232"/>
                <a:gd name="connsiteX78" fmla="*/ 1853086 w 1920955"/>
                <a:gd name="connsiteY78" fmla="*/ 1245976 h 1691232"/>
                <a:gd name="connsiteX79" fmla="*/ 1810224 w 1920955"/>
                <a:gd name="connsiteY79" fmla="*/ 1236451 h 1691232"/>
                <a:gd name="connsiteX80" fmla="*/ 1734024 w 1920955"/>
                <a:gd name="connsiteY80" fmla="*/ 1155488 h 1691232"/>
                <a:gd name="connsiteX81" fmla="*/ 1695924 w 1920955"/>
                <a:gd name="connsiteY81" fmla="*/ 974513 h 1691232"/>
                <a:gd name="connsiteX82" fmla="*/ 1643536 w 1920955"/>
                <a:gd name="connsiteY82" fmla="*/ 941176 h 1691232"/>
                <a:gd name="connsiteX83" fmla="*/ 1605436 w 1920955"/>
                <a:gd name="connsiteY83" fmla="*/ 884026 h 1691232"/>
                <a:gd name="connsiteX84" fmla="*/ 1557811 w 1920955"/>
                <a:gd name="connsiteY84" fmla="*/ 836401 h 1691232"/>
                <a:gd name="connsiteX85" fmla="*/ 1505424 w 1920955"/>
                <a:gd name="connsiteY85" fmla="*/ 817351 h 1691232"/>
                <a:gd name="connsiteX86" fmla="*/ 1453036 w 1920955"/>
                <a:gd name="connsiteY86" fmla="*/ 812588 h 1691232"/>
                <a:gd name="connsiteX87" fmla="*/ 1510186 w 1920955"/>
                <a:gd name="connsiteY87" fmla="*/ 779251 h 1691232"/>
                <a:gd name="connsiteX88" fmla="*/ 1476849 w 1920955"/>
                <a:gd name="connsiteY88" fmla="*/ 745913 h 1691232"/>
                <a:gd name="connsiteX89" fmla="*/ 1481611 w 1920955"/>
                <a:gd name="connsiteY89" fmla="*/ 722101 h 1691232"/>
                <a:gd name="connsiteX90" fmla="*/ 1572099 w 1920955"/>
                <a:gd name="connsiteY90" fmla="*/ 760201 h 1691232"/>
                <a:gd name="connsiteX91" fmla="*/ 1624486 w 1920955"/>
                <a:gd name="connsiteY91" fmla="*/ 693526 h 1691232"/>
                <a:gd name="connsiteX92" fmla="*/ 1614961 w 1920955"/>
                <a:gd name="connsiteY92" fmla="*/ 550651 h 1691232"/>
                <a:gd name="connsiteX93" fmla="*/ 1610199 w 1920955"/>
                <a:gd name="connsiteY93"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8947 w 1920955"/>
                <a:gd name="connsiteY68" fmla="*/ 1528337 h 1691232"/>
                <a:gd name="connsiteX69" fmla="*/ 1670383 w 1920955"/>
                <a:gd name="connsiteY69" fmla="*/ 1438195 h 1691232"/>
                <a:gd name="connsiteX70" fmla="*/ 1714974 w 1920955"/>
                <a:gd name="connsiteY70" fmla="*/ 1407065 h 1691232"/>
                <a:gd name="connsiteX71" fmla="*/ 1743343 w 1920955"/>
                <a:gd name="connsiteY71" fmla="*/ 1410360 h 1691232"/>
                <a:gd name="connsiteX72" fmla="*/ 1803851 w 1920955"/>
                <a:gd name="connsiteY72" fmla="*/ 1369114 h 1691232"/>
                <a:gd name="connsiteX73" fmla="*/ 1772124 w 1920955"/>
                <a:gd name="connsiteY73" fmla="*/ 1450763 h 1691232"/>
                <a:gd name="connsiteX74" fmla="*/ 1886424 w 1920955"/>
                <a:gd name="connsiteY74" fmla="*/ 1446001 h 1691232"/>
                <a:gd name="connsiteX75" fmla="*/ 1919761 w 1920955"/>
                <a:gd name="connsiteY75" fmla="*/ 1441238 h 1691232"/>
                <a:gd name="connsiteX76" fmla="*/ 1853086 w 1920955"/>
                <a:gd name="connsiteY76" fmla="*/ 1398376 h 1691232"/>
                <a:gd name="connsiteX77" fmla="*/ 1853086 w 1920955"/>
                <a:gd name="connsiteY77" fmla="*/ 1303126 h 1691232"/>
                <a:gd name="connsiteX78" fmla="*/ 1853086 w 1920955"/>
                <a:gd name="connsiteY78" fmla="*/ 1245976 h 1691232"/>
                <a:gd name="connsiteX79" fmla="*/ 1810224 w 1920955"/>
                <a:gd name="connsiteY79" fmla="*/ 1236451 h 1691232"/>
                <a:gd name="connsiteX80" fmla="*/ 1734024 w 1920955"/>
                <a:gd name="connsiteY80" fmla="*/ 1155488 h 1691232"/>
                <a:gd name="connsiteX81" fmla="*/ 1695924 w 1920955"/>
                <a:gd name="connsiteY81" fmla="*/ 974513 h 1691232"/>
                <a:gd name="connsiteX82" fmla="*/ 1643536 w 1920955"/>
                <a:gd name="connsiteY82" fmla="*/ 941176 h 1691232"/>
                <a:gd name="connsiteX83" fmla="*/ 1605436 w 1920955"/>
                <a:gd name="connsiteY83" fmla="*/ 884026 h 1691232"/>
                <a:gd name="connsiteX84" fmla="*/ 1557811 w 1920955"/>
                <a:gd name="connsiteY84" fmla="*/ 836401 h 1691232"/>
                <a:gd name="connsiteX85" fmla="*/ 1505424 w 1920955"/>
                <a:gd name="connsiteY85" fmla="*/ 817351 h 1691232"/>
                <a:gd name="connsiteX86" fmla="*/ 1453036 w 1920955"/>
                <a:gd name="connsiteY86" fmla="*/ 812588 h 1691232"/>
                <a:gd name="connsiteX87" fmla="*/ 1510186 w 1920955"/>
                <a:gd name="connsiteY87" fmla="*/ 779251 h 1691232"/>
                <a:gd name="connsiteX88" fmla="*/ 1476849 w 1920955"/>
                <a:gd name="connsiteY88" fmla="*/ 745913 h 1691232"/>
                <a:gd name="connsiteX89" fmla="*/ 1481611 w 1920955"/>
                <a:gd name="connsiteY89" fmla="*/ 722101 h 1691232"/>
                <a:gd name="connsiteX90" fmla="*/ 1572099 w 1920955"/>
                <a:gd name="connsiteY90" fmla="*/ 760201 h 1691232"/>
                <a:gd name="connsiteX91" fmla="*/ 1624486 w 1920955"/>
                <a:gd name="connsiteY91" fmla="*/ 693526 h 1691232"/>
                <a:gd name="connsiteX92" fmla="*/ 1614961 w 1920955"/>
                <a:gd name="connsiteY92" fmla="*/ 550651 h 1691232"/>
                <a:gd name="connsiteX93" fmla="*/ 1610199 w 1920955"/>
                <a:gd name="connsiteY93" fmla="*/ 412538 h 1691232"/>
                <a:gd name="connsiteX0" fmla="*/ 1610199 w 1920955"/>
                <a:gd name="connsiteY0" fmla="*/ 412538 h 1691232"/>
                <a:gd name="connsiteX1" fmla="*/ 1567336 w 1920955"/>
                <a:gd name="connsiteY1" fmla="*/ 369676 h 1691232"/>
                <a:gd name="connsiteX2" fmla="*/ 1467324 w 1920955"/>
                <a:gd name="connsiteY2" fmla="*/ 345863 h 1691232"/>
                <a:gd name="connsiteX3" fmla="*/ 1419699 w 1920955"/>
                <a:gd name="connsiteY3" fmla="*/ 317288 h 1691232"/>
                <a:gd name="connsiteX4" fmla="*/ 1367311 w 1920955"/>
                <a:gd name="connsiteY4" fmla="*/ 160126 h 1691232"/>
                <a:gd name="connsiteX5" fmla="*/ 1338736 w 1920955"/>
                <a:gd name="connsiteY5" fmla="*/ 12488 h 1691232"/>
                <a:gd name="connsiteX6" fmla="*/ 1267299 w 1920955"/>
                <a:gd name="connsiteY6" fmla="*/ 12488 h 1691232"/>
                <a:gd name="connsiteX7" fmla="*/ 1214911 w 1920955"/>
                <a:gd name="connsiteY7" fmla="*/ 50588 h 1691232"/>
                <a:gd name="connsiteX8" fmla="*/ 1214911 w 1920955"/>
                <a:gd name="connsiteY8" fmla="*/ 155363 h 1691232"/>
                <a:gd name="connsiteX9" fmla="*/ 1186336 w 1920955"/>
                <a:gd name="connsiteY9" fmla="*/ 183938 h 1691232"/>
                <a:gd name="connsiteX10" fmla="*/ 1176811 w 1920955"/>
                <a:gd name="connsiteY10" fmla="*/ 255376 h 1691232"/>
                <a:gd name="connsiteX11" fmla="*/ 1114899 w 1920955"/>
                <a:gd name="connsiteY11" fmla="*/ 298238 h 1691232"/>
                <a:gd name="connsiteX12" fmla="*/ 1005361 w 1920955"/>
                <a:gd name="connsiteY12" fmla="*/ 312526 h 1691232"/>
                <a:gd name="connsiteX13" fmla="*/ 962499 w 1920955"/>
                <a:gd name="connsiteY13" fmla="*/ 355388 h 1691232"/>
                <a:gd name="connsiteX14" fmla="*/ 838674 w 1920955"/>
                <a:gd name="connsiteY14" fmla="*/ 355388 h 1691232"/>
                <a:gd name="connsiteX15" fmla="*/ 781524 w 1920955"/>
                <a:gd name="connsiteY15" fmla="*/ 426826 h 1691232"/>
                <a:gd name="connsiteX16" fmla="*/ 781524 w 1920955"/>
                <a:gd name="connsiteY16" fmla="*/ 460163 h 1691232"/>
                <a:gd name="connsiteX17" fmla="*/ 743424 w 1920955"/>
                <a:gd name="connsiteY17" fmla="*/ 483976 h 1691232"/>
                <a:gd name="connsiteX18" fmla="*/ 671986 w 1920955"/>
                <a:gd name="connsiteY18" fmla="*/ 417301 h 1691232"/>
                <a:gd name="connsiteX19" fmla="*/ 519586 w 1920955"/>
                <a:gd name="connsiteY19" fmla="*/ 412538 h 1691232"/>
                <a:gd name="connsiteX20" fmla="*/ 457674 w 1920955"/>
                <a:gd name="connsiteY20" fmla="*/ 431588 h 1691232"/>
                <a:gd name="connsiteX21" fmla="*/ 419574 w 1920955"/>
                <a:gd name="connsiteY21" fmla="*/ 417301 h 1691232"/>
                <a:gd name="connsiteX22" fmla="*/ 400524 w 1920955"/>
                <a:gd name="connsiteY22" fmla="*/ 355388 h 1691232"/>
                <a:gd name="connsiteX23" fmla="*/ 333849 w 1920955"/>
                <a:gd name="connsiteY23" fmla="*/ 303001 h 1691232"/>
                <a:gd name="connsiteX24" fmla="*/ 286224 w 1920955"/>
                <a:gd name="connsiteY24" fmla="*/ 236326 h 1691232"/>
                <a:gd name="connsiteX25" fmla="*/ 143349 w 1920955"/>
                <a:gd name="connsiteY25" fmla="*/ 255376 h 1691232"/>
                <a:gd name="connsiteX26" fmla="*/ 124299 w 1920955"/>
                <a:gd name="connsiteY26" fmla="*/ 331576 h 1691232"/>
                <a:gd name="connsiteX27" fmla="*/ 110011 w 1920955"/>
                <a:gd name="connsiteY27" fmla="*/ 364913 h 1691232"/>
                <a:gd name="connsiteX28" fmla="*/ 133824 w 1920955"/>
                <a:gd name="connsiteY28" fmla="*/ 412538 h 1691232"/>
                <a:gd name="connsiteX29" fmla="*/ 81436 w 1920955"/>
                <a:gd name="connsiteY29" fmla="*/ 450638 h 1691232"/>
                <a:gd name="connsiteX30" fmla="*/ 33811 w 1920955"/>
                <a:gd name="connsiteY30" fmla="*/ 445876 h 1691232"/>
                <a:gd name="connsiteX31" fmla="*/ 33811 w 1920955"/>
                <a:gd name="connsiteY31" fmla="*/ 517313 h 1691232"/>
                <a:gd name="connsiteX32" fmla="*/ 474 w 1920955"/>
                <a:gd name="connsiteY32" fmla="*/ 622088 h 1691232"/>
                <a:gd name="connsiteX33" fmla="*/ 62386 w 1920955"/>
                <a:gd name="connsiteY33" fmla="*/ 698288 h 1691232"/>
                <a:gd name="connsiteX34" fmla="*/ 111977 w 1920955"/>
                <a:gd name="connsiteY34" fmla="*/ 678550 h 1691232"/>
                <a:gd name="connsiteX35" fmla="*/ 112334 w 1920955"/>
                <a:gd name="connsiteY35" fmla="*/ 748809 h 1691232"/>
                <a:gd name="connsiteX36" fmla="*/ 167161 w 1920955"/>
                <a:gd name="connsiteY36" fmla="*/ 779251 h 1691232"/>
                <a:gd name="connsiteX37" fmla="*/ 236159 w 1920955"/>
                <a:gd name="connsiteY37" fmla="*/ 789463 h 1691232"/>
                <a:gd name="connsiteX38" fmla="*/ 271462 w 1920955"/>
                <a:gd name="connsiteY38" fmla="*/ 845434 h 1691232"/>
                <a:gd name="connsiteX39" fmla="*/ 270869 w 1920955"/>
                <a:gd name="connsiteY39" fmla="*/ 890506 h 1691232"/>
                <a:gd name="connsiteX40" fmla="*/ 295393 w 1920955"/>
                <a:gd name="connsiteY40" fmla="*/ 929981 h 1691232"/>
                <a:gd name="connsiteX41" fmla="*/ 341051 w 1920955"/>
                <a:gd name="connsiteY41" fmla="*/ 968573 h 1691232"/>
                <a:gd name="connsiteX42" fmla="*/ 426184 w 1920955"/>
                <a:gd name="connsiteY42" fmla="*/ 1022825 h 1691232"/>
                <a:gd name="connsiteX43" fmla="*/ 461961 w 1920955"/>
                <a:gd name="connsiteY43" fmla="*/ 1093918 h 1691232"/>
                <a:gd name="connsiteX44" fmla="*/ 441064 w 1920955"/>
                <a:gd name="connsiteY44" fmla="*/ 1163491 h 1691232"/>
                <a:gd name="connsiteX45" fmla="*/ 519111 w 1920955"/>
                <a:gd name="connsiteY45" fmla="*/ 1219954 h 1691232"/>
                <a:gd name="connsiteX46" fmla="*/ 591143 w 1920955"/>
                <a:gd name="connsiteY46" fmla="*/ 1252948 h 1691232"/>
                <a:gd name="connsiteX47" fmla="*/ 571974 w 1920955"/>
                <a:gd name="connsiteY47" fmla="*/ 1312651 h 1691232"/>
                <a:gd name="connsiteX48" fmla="*/ 662461 w 1920955"/>
                <a:gd name="connsiteY48" fmla="*/ 1465051 h 1691232"/>
                <a:gd name="connsiteX49" fmla="*/ 755271 w 1920955"/>
                <a:gd name="connsiteY49" fmla="*/ 1538205 h 1691232"/>
                <a:gd name="connsiteX50" fmla="*/ 805336 w 1920955"/>
                <a:gd name="connsiteY50" fmla="*/ 1488863 h 1691232"/>
                <a:gd name="connsiteX51" fmla="*/ 869926 w 1920955"/>
                <a:gd name="connsiteY51" fmla="*/ 1516260 h 1691232"/>
                <a:gd name="connsiteX52" fmla="*/ 924399 w 1920955"/>
                <a:gd name="connsiteY52" fmla="*/ 1484101 h 1691232"/>
                <a:gd name="connsiteX53" fmla="*/ 941246 w 1920955"/>
                <a:gd name="connsiteY53" fmla="*/ 1441925 h 1691232"/>
                <a:gd name="connsiteX54" fmla="*/ 1005123 w 1920955"/>
                <a:gd name="connsiteY54" fmla="*/ 1528337 h 1691232"/>
                <a:gd name="connsiteX55" fmla="*/ 1050190 w 1920955"/>
                <a:gd name="connsiteY55" fmla="*/ 1599431 h 1691232"/>
                <a:gd name="connsiteX56" fmla="*/ 1120136 w 1920955"/>
                <a:gd name="connsiteY56" fmla="*/ 1690950 h 1691232"/>
                <a:gd name="connsiteX57" fmla="*/ 1151034 w 1920955"/>
                <a:gd name="connsiteY57" fmla="*/ 1627859 h 1691232"/>
                <a:gd name="connsiteX58" fmla="*/ 1181693 w 1920955"/>
                <a:gd name="connsiteY58" fmla="*/ 1621379 h 1691232"/>
                <a:gd name="connsiteX59" fmla="*/ 1224792 w 1920955"/>
                <a:gd name="connsiteY59" fmla="*/ 1650642 h 1691232"/>
                <a:gd name="connsiteX60" fmla="*/ 1258367 w 1920955"/>
                <a:gd name="connsiteY60" fmla="*/ 1609988 h 1691232"/>
                <a:gd name="connsiteX61" fmla="*/ 1277188 w 1920955"/>
                <a:gd name="connsiteY61" fmla="*/ 1614605 h 1691232"/>
                <a:gd name="connsiteX62" fmla="*/ 1311230 w 1920955"/>
                <a:gd name="connsiteY62" fmla="*/ 1681082 h 1691232"/>
                <a:gd name="connsiteX63" fmla="*/ 1367786 w 1920955"/>
                <a:gd name="connsiteY63" fmla="*/ 1657613 h 1691232"/>
                <a:gd name="connsiteX64" fmla="*/ 1419818 w 1920955"/>
                <a:gd name="connsiteY64" fmla="*/ 1601492 h 1691232"/>
                <a:gd name="connsiteX65" fmla="*/ 1470595 w 1920955"/>
                <a:gd name="connsiteY65" fmla="*/ 1584949 h 1691232"/>
                <a:gd name="connsiteX66" fmla="*/ 1488274 w 1920955"/>
                <a:gd name="connsiteY66" fmla="*/ 1640771 h 1691232"/>
                <a:gd name="connsiteX67" fmla="*/ 1558169 w 1920955"/>
                <a:gd name="connsiteY67" fmla="*/ 1615093 h 1691232"/>
                <a:gd name="connsiteX68" fmla="*/ 1588947 w 1920955"/>
                <a:gd name="connsiteY68" fmla="*/ 1528337 h 1691232"/>
                <a:gd name="connsiteX69" fmla="*/ 1670383 w 1920955"/>
                <a:gd name="connsiteY69" fmla="*/ 1438195 h 1691232"/>
                <a:gd name="connsiteX70" fmla="*/ 1714974 w 1920955"/>
                <a:gd name="connsiteY70" fmla="*/ 1407065 h 1691232"/>
                <a:gd name="connsiteX71" fmla="*/ 1743343 w 1920955"/>
                <a:gd name="connsiteY71" fmla="*/ 1410360 h 1691232"/>
                <a:gd name="connsiteX72" fmla="*/ 1828257 w 1920955"/>
                <a:gd name="connsiteY72" fmla="*/ 1328265 h 1691232"/>
                <a:gd name="connsiteX73" fmla="*/ 1772124 w 1920955"/>
                <a:gd name="connsiteY73" fmla="*/ 1450763 h 1691232"/>
                <a:gd name="connsiteX74" fmla="*/ 1886424 w 1920955"/>
                <a:gd name="connsiteY74" fmla="*/ 1446001 h 1691232"/>
                <a:gd name="connsiteX75" fmla="*/ 1919761 w 1920955"/>
                <a:gd name="connsiteY75" fmla="*/ 1441238 h 1691232"/>
                <a:gd name="connsiteX76" fmla="*/ 1853086 w 1920955"/>
                <a:gd name="connsiteY76" fmla="*/ 1398376 h 1691232"/>
                <a:gd name="connsiteX77" fmla="*/ 1853086 w 1920955"/>
                <a:gd name="connsiteY77" fmla="*/ 1303126 h 1691232"/>
                <a:gd name="connsiteX78" fmla="*/ 1853086 w 1920955"/>
                <a:gd name="connsiteY78" fmla="*/ 1245976 h 1691232"/>
                <a:gd name="connsiteX79" fmla="*/ 1810224 w 1920955"/>
                <a:gd name="connsiteY79" fmla="*/ 1236451 h 1691232"/>
                <a:gd name="connsiteX80" fmla="*/ 1734024 w 1920955"/>
                <a:gd name="connsiteY80" fmla="*/ 1155488 h 1691232"/>
                <a:gd name="connsiteX81" fmla="*/ 1695924 w 1920955"/>
                <a:gd name="connsiteY81" fmla="*/ 974513 h 1691232"/>
                <a:gd name="connsiteX82" fmla="*/ 1643536 w 1920955"/>
                <a:gd name="connsiteY82" fmla="*/ 941176 h 1691232"/>
                <a:gd name="connsiteX83" fmla="*/ 1605436 w 1920955"/>
                <a:gd name="connsiteY83" fmla="*/ 884026 h 1691232"/>
                <a:gd name="connsiteX84" fmla="*/ 1557811 w 1920955"/>
                <a:gd name="connsiteY84" fmla="*/ 836401 h 1691232"/>
                <a:gd name="connsiteX85" fmla="*/ 1505424 w 1920955"/>
                <a:gd name="connsiteY85" fmla="*/ 817351 h 1691232"/>
                <a:gd name="connsiteX86" fmla="*/ 1453036 w 1920955"/>
                <a:gd name="connsiteY86" fmla="*/ 812588 h 1691232"/>
                <a:gd name="connsiteX87" fmla="*/ 1510186 w 1920955"/>
                <a:gd name="connsiteY87" fmla="*/ 779251 h 1691232"/>
                <a:gd name="connsiteX88" fmla="*/ 1476849 w 1920955"/>
                <a:gd name="connsiteY88" fmla="*/ 745913 h 1691232"/>
                <a:gd name="connsiteX89" fmla="*/ 1481611 w 1920955"/>
                <a:gd name="connsiteY89" fmla="*/ 722101 h 1691232"/>
                <a:gd name="connsiteX90" fmla="*/ 1572099 w 1920955"/>
                <a:gd name="connsiteY90" fmla="*/ 760201 h 1691232"/>
                <a:gd name="connsiteX91" fmla="*/ 1624486 w 1920955"/>
                <a:gd name="connsiteY91" fmla="*/ 693526 h 1691232"/>
                <a:gd name="connsiteX92" fmla="*/ 1614961 w 1920955"/>
                <a:gd name="connsiteY92" fmla="*/ 550651 h 1691232"/>
                <a:gd name="connsiteX93" fmla="*/ 1610199 w 1920955"/>
                <a:gd name="connsiteY93" fmla="*/ 412538 h 1691232"/>
                <a:gd name="connsiteX0" fmla="*/ 1610199 w 1920409"/>
                <a:gd name="connsiteY0" fmla="*/ 412538 h 1691232"/>
                <a:gd name="connsiteX1" fmla="*/ 1567336 w 1920409"/>
                <a:gd name="connsiteY1" fmla="*/ 369676 h 1691232"/>
                <a:gd name="connsiteX2" fmla="*/ 1467324 w 1920409"/>
                <a:gd name="connsiteY2" fmla="*/ 345863 h 1691232"/>
                <a:gd name="connsiteX3" fmla="*/ 1419699 w 1920409"/>
                <a:gd name="connsiteY3" fmla="*/ 317288 h 1691232"/>
                <a:gd name="connsiteX4" fmla="*/ 1367311 w 1920409"/>
                <a:gd name="connsiteY4" fmla="*/ 160126 h 1691232"/>
                <a:gd name="connsiteX5" fmla="*/ 1338736 w 1920409"/>
                <a:gd name="connsiteY5" fmla="*/ 12488 h 1691232"/>
                <a:gd name="connsiteX6" fmla="*/ 1267299 w 1920409"/>
                <a:gd name="connsiteY6" fmla="*/ 12488 h 1691232"/>
                <a:gd name="connsiteX7" fmla="*/ 1214911 w 1920409"/>
                <a:gd name="connsiteY7" fmla="*/ 50588 h 1691232"/>
                <a:gd name="connsiteX8" fmla="*/ 1214911 w 1920409"/>
                <a:gd name="connsiteY8" fmla="*/ 155363 h 1691232"/>
                <a:gd name="connsiteX9" fmla="*/ 1186336 w 1920409"/>
                <a:gd name="connsiteY9" fmla="*/ 183938 h 1691232"/>
                <a:gd name="connsiteX10" fmla="*/ 1176811 w 1920409"/>
                <a:gd name="connsiteY10" fmla="*/ 255376 h 1691232"/>
                <a:gd name="connsiteX11" fmla="*/ 1114899 w 1920409"/>
                <a:gd name="connsiteY11" fmla="*/ 298238 h 1691232"/>
                <a:gd name="connsiteX12" fmla="*/ 1005361 w 1920409"/>
                <a:gd name="connsiteY12" fmla="*/ 312526 h 1691232"/>
                <a:gd name="connsiteX13" fmla="*/ 962499 w 1920409"/>
                <a:gd name="connsiteY13" fmla="*/ 355388 h 1691232"/>
                <a:gd name="connsiteX14" fmla="*/ 838674 w 1920409"/>
                <a:gd name="connsiteY14" fmla="*/ 355388 h 1691232"/>
                <a:gd name="connsiteX15" fmla="*/ 781524 w 1920409"/>
                <a:gd name="connsiteY15" fmla="*/ 426826 h 1691232"/>
                <a:gd name="connsiteX16" fmla="*/ 781524 w 1920409"/>
                <a:gd name="connsiteY16" fmla="*/ 460163 h 1691232"/>
                <a:gd name="connsiteX17" fmla="*/ 743424 w 1920409"/>
                <a:gd name="connsiteY17" fmla="*/ 483976 h 1691232"/>
                <a:gd name="connsiteX18" fmla="*/ 671986 w 1920409"/>
                <a:gd name="connsiteY18" fmla="*/ 417301 h 1691232"/>
                <a:gd name="connsiteX19" fmla="*/ 519586 w 1920409"/>
                <a:gd name="connsiteY19" fmla="*/ 412538 h 1691232"/>
                <a:gd name="connsiteX20" fmla="*/ 457674 w 1920409"/>
                <a:gd name="connsiteY20" fmla="*/ 431588 h 1691232"/>
                <a:gd name="connsiteX21" fmla="*/ 419574 w 1920409"/>
                <a:gd name="connsiteY21" fmla="*/ 417301 h 1691232"/>
                <a:gd name="connsiteX22" fmla="*/ 400524 w 1920409"/>
                <a:gd name="connsiteY22" fmla="*/ 355388 h 1691232"/>
                <a:gd name="connsiteX23" fmla="*/ 333849 w 1920409"/>
                <a:gd name="connsiteY23" fmla="*/ 303001 h 1691232"/>
                <a:gd name="connsiteX24" fmla="*/ 286224 w 1920409"/>
                <a:gd name="connsiteY24" fmla="*/ 236326 h 1691232"/>
                <a:gd name="connsiteX25" fmla="*/ 143349 w 1920409"/>
                <a:gd name="connsiteY25" fmla="*/ 255376 h 1691232"/>
                <a:gd name="connsiteX26" fmla="*/ 124299 w 1920409"/>
                <a:gd name="connsiteY26" fmla="*/ 331576 h 1691232"/>
                <a:gd name="connsiteX27" fmla="*/ 110011 w 1920409"/>
                <a:gd name="connsiteY27" fmla="*/ 364913 h 1691232"/>
                <a:gd name="connsiteX28" fmla="*/ 133824 w 1920409"/>
                <a:gd name="connsiteY28" fmla="*/ 412538 h 1691232"/>
                <a:gd name="connsiteX29" fmla="*/ 81436 w 1920409"/>
                <a:gd name="connsiteY29" fmla="*/ 450638 h 1691232"/>
                <a:gd name="connsiteX30" fmla="*/ 33811 w 1920409"/>
                <a:gd name="connsiteY30" fmla="*/ 445876 h 1691232"/>
                <a:gd name="connsiteX31" fmla="*/ 33811 w 1920409"/>
                <a:gd name="connsiteY31" fmla="*/ 517313 h 1691232"/>
                <a:gd name="connsiteX32" fmla="*/ 474 w 1920409"/>
                <a:gd name="connsiteY32" fmla="*/ 622088 h 1691232"/>
                <a:gd name="connsiteX33" fmla="*/ 62386 w 1920409"/>
                <a:gd name="connsiteY33" fmla="*/ 698288 h 1691232"/>
                <a:gd name="connsiteX34" fmla="*/ 111977 w 1920409"/>
                <a:gd name="connsiteY34" fmla="*/ 678550 h 1691232"/>
                <a:gd name="connsiteX35" fmla="*/ 112334 w 1920409"/>
                <a:gd name="connsiteY35" fmla="*/ 748809 h 1691232"/>
                <a:gd name="connsiteX36" fmla="*/ 167161 w 1920409"/>
                <a:gd name="connsiteY36" fmla="*/ 779251 h 1691232"/>
                <a:gd name="connsiteX37" fmla="*/ 236159 w 1920409"/>
                <a:gd name="connsiteY37" fmla="*/ 789463 h 1691232"/>
                <a:gd name="connsiteX38" fmla="*/ 271462 w 1920409"/>
                <a:gd name="connsiteY38" fmla="*/ 845434 h 1691232"/>
                <a:gd name="connsiteX39" fmla="*/ 270869 w 1920409"/>
                <a:gd name="connsiteY39" fmla="*/ 890506 h 1691232"/>
                <a:gd name="connsiteX40" fmla="*/ 295393 w 1920409"/>
                <a:gd name="connsiteY40" fmla="*/ 929981 h 1691232"/>
                <a:gd name="connsiteX41" fmla="*/ 341051 w 1920409"/>
                <a:gd name="connsiteY41" fmla="*/ 968573 h 1691232"/>
                <a:gd name="connsiteX42" fmla="*/ 426184 w 1920409"/>
                <a:gd name="connsiteY42" fmla="*/ 1022825 h 1691232"/>
                <a:gd name="connsiteX43" fmla="*/ 461961 w 1920409"/>
                <a:gd name="connsiteY43" fmla="*/ 1093918 h 1691232"/>
                <a:gd name="connsiteX44" fmla="*/ 441064 w 1920409"/>
                <a:gd name="connsiteY44" fmla="*/ 1163491 h 1691232"/>
                <a:gd name="connsiteX45" fmla="*/ 519111 w 1920409"/>
                <a:gd name="connsiteY45" fmla="*/ 1219954 h 1691232"/>
                <a:gd name="connsiteX46" fmla="*/ 591143 w 1920409"/>
                <a:gd name="connsiteY46" fmla="*/ 1252948 h 1691232"/>
                <a:gd name="connsiteX47" fmla="*/ 571974 w 1920409"/>
                <a:gd name="connsiteY47" fmla="*/ 1312651 h 1691232"/>
                <a:gd name="connsiteX48" fmla="*/ 662461 w 1920409"/>
                <a:gd name="connsiteY48" fmla="*/ 1465051 h 1691232"/>
                <a:gd name="connsiteX49" fmla="*/ 755271 w 1920409"/>
                <a:gd name="connsiteY49" fmla="*/ 1538205 h 1691232"/>
                <a:gd name="connsiteX50" fmla="*/ 805336 w 1920409"/>
                <a:gd name="connsiteY50" fmla="*/ 1488863 h 1691232"/>
                <a:gd name="connsiteX51" fmla="*/ 869926 w 1920409"/>
                <a:gd name="connsiteY51" fmla="*/ 1516260 h 1691232"/>
                <a:gd name="connsiteX52" fmla="*/ 924399 w 1920409"/>
                <a:gd name="connsiteY52" fmla="*/ 1484101 h 1691232"/>
                <a:gd name="connsiteX53" fmla="*/ 941246 w 1920409"/>
                <a:gd name="connsiteY53" fmla="*/ 1441925 h 1691232"/>
                <a:gd name="connsiteX54" fmla="*/ 1005123 w 1920409"/>
                <a:gd name="connsiteY54" fmla="*/ 1528337 h 1691232"/>
                <a:gd name="connsiteX55" fmla="*/ 1050190 w 1920409"/>
                <a:gd name="connsiteY55" fmla="*/ 1599431 h 1691232"/>
                <a:gd name="connsiteX56" fmla="*/ 1120136 w 1920409"/>
                <a:gd name="connsiteY56" fmla="*/ 1690950 h 1691232"/>
                <a:gd name="connsiteX57" fmla="*/ 1151034 w 1920409"/>
                <a:gd name="connsiteY57" fmla="*/ 1627859 h 1691232"/>
                <a:gd name="connsiteX58" fmla="*/ 1181693 w 1920409"/>
                <a:gd name="connsiteY58" fmla="*/ 1621379 h 1691232"/>
                <a:gd name="connsiteX59" fmla="*/ 1224792 w 1920409"/>
                <a:gd name="connsiteY59" fmla="*/ 1650642 h 1691232"/>
                <a:gd name="connsiteX60" fmla="*/ 1258367 w 1920409"/>
                <a:gd name="connsiteY60" fmla="*/ 1609988 h 1691232"/>
                <a:gd name="connsiteX61" fmla="*/ 1277188 w 1920409"/>
                <a:gd name="connsiteY61" fmla="*/ 1614605 h 1691232"/>
                <a:gd name="connsiteX62" fmla="*/ 1311230 w 1920409"/>
                <a:gd name="connsiteY62" fmla="*/ 1681082 h 1691232"/>
                <a:gd name="connsiteX63" fmla="*/ 1367786 w 1920409"/>
                <a:gd name="connsiteY63" fmla="*/ 1657613 h 1691232"/>
                <a:gd name="connsiteX64" fmla="*/ 1419818 w 1920409"/>
                <a:gd name="connsiteY64" fmla="*/ 1601492 h 1691232"/>
                <a:gd name="connsiteX65" fmla="*/ 1470595 w 1920409"/>
                <a:gd name="connsiteY65" fmla="*/ 1584949 h 1691232"/>
                <a:gd name="connsiteX66" fmla="*/ 1488274 w 1920409"/>
                <a:gd name="connsiteY66" fmla="*/ 1640771 h 1691232"/>
                <a:gd name="connsiteX67" fmla="*/ 1558169 w 1920409"/>
                <a:gd name="connsiteY67" fmla="*/ 1615093 h 1691232"/>
                <a:gd name="connsiteX68" fmla="*/ 1588947 w 1920409"/>
                <a:gd name="connsiteY68" fmla="*/ 1528337 h 1691232"/>
                <a:gd name="connsiteX69" fmla="*/ 1670383 w 1920409"/>
                <a:gd name="connsiteY69" fmla="*/ 1438195 h 1691232"/>
                <a:gd name="connsiteX70" fmla="*/ 1714974 w 1920409"/>
                <a:gd name="connsiteY70" fmla="*/ 1407065 h 1691232"/>
                <a:gd name="connsiteX71" fmla="*/ 1743343 w 1920409"/>
                <a:gd name="connsiteY71" fmla="*/ 1410360 h 1691232"/>
                <a:gd name="connsiteX72" fmla="*/ 1828257 w 1920409"/>
                <a:gd name="connsiteY72" fmla="*/ 1328265 h 1691232"/>
                <a:gd name="connsiteX73" fmla="*/ 1877070 w 1920409"/>
                <a:gd name="connsiteY73" fmla="*/ 1542673 h 1691232"/>
                <a:gd name="connsiteX74" fmla="*/ 1886424 w 1920409"/>
                <a:gd name="connsiteY74" fmla="*/ 1446001 h 1691232"/>
                <a:gd name="connsiteX75" fmla="*/ 1919761 w 1920409"/>
                <a:gd name="connsiteY75" fmla="*/ 1441238 h 1691232"/>
                <a:gd name="connsiteX76" fmla="*/ 1853086 w 1920409"/>
                <a:gd name="connsiteY76" fmla="*/ 1398376 h 1691232"/>
                <a:gd name="connsiteX77" fmla="*/ 1853086 w 1920409"/>
                <a:gd name="connsiteY77" fmla="*/ 1303126 h 1691232"/>
                <a:gd name="connsiteX78" fmla="*/ 1853086 w 1920409"/>
                <a:gd name="connsiteY78" fmla="*/ 1245976 h 1691232"/>
                <a:gd name="connsiteX79" fmla="*/ 1810224 w 1920409"/>
                <a:gd name="connsiteY79" fmla="*/ 1236451 h 1691232"/>
                <a:gd name="connsiteX80" fmla="*/ 1734024 w 1920409"/>
                <a:gd name="connsiteY80" fmla="*/ 1155488 h 1691232"/>
                <a:gd name="connsiteX81" fmla="*/ 1695924 w 1920409"/>
                <a:gd name="connsiteY81" fmla="*/ 974513 h 1691232"/>
                <a:gd name="connsiteX82" fmla="*/ 1643536 w 1920409"/>
                <a:gd name="connsiteY82" fmla="*/ 941176 h 1691232"/>
                <a:gd name="connsiteX83" fmla="*/ 1605436 w 1920409"/>
                <a:gd name="connsiteY83" fmla="*/ 884026 h 1691232"/>
                <a:gd name="connsiteX84" fmla="*/ 1557811 w 1920409"/>
                <a:gd name="connsiteY84" fmla="*/ 836401 h 1691232"/>
                <a:gd name="connsiteX85" fmla="*/ 1505424 w 1920409"/>
                <a:gd name="connsiteY85" fmla="*/ 817351 h 1691232"/>
                <a:gd name="connsiteX86" fmla="*/ 1453036 w 1920409"/>
                <a:gd name="connsiteY86" fmla="*/ 812588 h 1691232"/>
                <a:gd name="connsiteX87" fmla="*/ 1510186 w 1920409"/>
                <a:gd name="connsiteY87" fmla="*/ 779251 h 1691232"/>
                <a:gd name="connsiteX88" fmla="*/ 1476849 w 1920409"/>
                <a:gd name="connsiteY88" fmla="*/ 745913 h 1691232"/>
                <a:gd name="connsiteX89" fmla="*/ 1481611 w 1920409"/>
                <a:gd name="connsiteY89" fmla="*/ 722101 h 1691232"/>
                <a:gd name="connsiteX90" fmla="*/ 1572099 w 1920409"/>
                <a:gd name="connsiteY90" fmla="*/ 760201 h 1691232"/>
                <a:gd name="connsiteX91" fmla="*/ 1624486 w 1920409"/>
                <a:gd name="connsiteY91" fmla="*/ 693526 h 1691232"/>
                <a:gd name="connsiteX92" fmla="*/ 1614961 w 1920409"/>
                <a:gd name="connsiteY92" fmla="*/ 550651 h 1691232"/>
                <a:gd name="connsiteX93" fmla="*/ 1610199 w 1920409"/>
                <a:gd name="connsiteY93" fmla="*/ 412538 h 1691232"/>
                <a:gd name="connsiteX0" fmla="*/ 1610199 w 1920409"/>
                <a:gd name="connsiteY0" fmla="*/ 412538 h 1691232"/>
                <a:gd name="connsiteX1" fmla="*/ 1567336 w 1920409"/>
                <a:gd name="connsiteY1" fmla="*/ 369676 h 1691232"/>
                <a:gd name="connsiteX2" fmla="*/ 1467324 w 1920409"/>
                <a:gd name="connsiteY2" fmla="*/ 345863 h 1691232"/>
                <a:gd name="connsiteX3" fmla="*/ 1419699 w 1920409"/>
                <a:gd name="connsiteY3" fmla="*/ 317288 h 1691232"/>
                <a:gd name="connsiteX4" fmla="*/ 1367311 w 1920409"/>
                <a:gd name="connsiteY4" fmla="*/ 160126 h 1691232"/>
                <a:gd name="connsiteX5" fmla="*/ 1338736 w 1920409"/>
                <a:gd name="connsiteY5" fmla="*/ 12488 h 1691232"/>
                <a:gd name="connsiteX6" fmla="*/ 1267299 w 1920409"/>
                <a:gd name="connsiteY6" fmla="*/ 12488 h 1691232"/>
                <a:gd name="connsiteX7" fmla="*/ 1214911 w 1920409"/>
                <a:gd name="connsiteY7" fmla="*/ 50588 h 1691232"/>
                <a:gd name="connsiteX8" fmla="*/ 1214911 w 1920409"/>
                <a:gd name="connsiteY8" fmla="*/ 155363 h 1691232"/>
                <a:gd name="connsiteX9" fmla="*/ 1186336 w 1920409"/>
                <a:gd name="connsiteY9" fmla="*/ 183938 h 1691232"/>
                <a:gd name="connsiteX10" fmla="*/ 1176811 w 1920409"/>
                <a:gd name="connsiteY10" fmla="*/ 255376 h 1691232"/>
                <a:gd name="connsiteX11" fmla="*/ 1114899 w 1920409"/>
                <a:gd name="connsiteY11" fmla="*/ 298238 h 1691232"/>
                <a:gd name="connsiteX12" fmla="*/ 1005361 w 1920409"/>
                <a:gd name="connsiteY12" fmla="*/ 312526 h 1691232"/>
                <a:gd name="connsiteX13" fmla="*/ 962499 w 1920409"/>
                <a:gd name="connsiteY13" fmla="*/ 355388 h 1691232"/>
                <a:gd name="connsiteX14" fmla="*/ 838674 w 1920409"/>
                <a:gd name="connsiteY14" fmla="*/ 355388 h 1691232"/>
                <a:gd name="connsiteX15" fmla="*/ 781524 w 1920409"/>
                <a:gd name="connsiteY15" fmla="*/ 426826 h 1691232"/>
                <a:gd name="connsiteX16" fmla="*/ 781524 w 1920409"/>
                <a:gd name="connsiteY16" fmla="*/ 460163 h 1691232"/>
                <a:gd name="connsiteX17" fmla="*/ 743424 w 1920409"/>
                <a:gd name="connsiteY17" fmla="*/ 483976 h 1691232"/>
                <a:gd name="connsiteX18" fmla="*/ 671986 w 1920409"/>
                <a:gd name="connsiteY18" fmla="*/ 417301 h 1691232"/>
                <a:gd name="connsiteX19" fmla="*/ 519586 w 1920409"/>
                <a:gd name="connsiteY19" fmla="*/ 412538 h 1691232"/>
                <a:gd name="connsiteX20" fmla="*/ 457674 w 1920409"/>
                <a:gd name="connsiteY20" fmla="*/ 431588 h 1691232"/>
                <a:gd name="connsiteX21" fmla="*/ 419574 w 1920409"/>
                <a:gd name="connsiteY21" fmla="*/ 417301 h 1691232"/>
                <a:gd name="connsiteX22" fmla="*/ 400524 w 1920409"/>
                <a:gd name="connsiteY22" fmla="*/ 355388 h 1691232"/>
                <a:gd name="connsiteX23" fmla="*/ 333849 w 1920409"/>
                <a:gd name="connsiteY23" fmla="*/ 303001 h 1691232"/>
                <a:gd name="connsiteX24" fmla="*/ 286224 w 1920409"/>
                <a:gd name="connsiteY24" fmla="*/ 236326 h 1691232"/>
                <a:gd name="connsiteX25" fmla="*/ 143349 w 1920409"/>
                <a:gd name="connsiteY25" fmla="*/ 255376 h 1691232"/>
                <a:gd name="connsiteX26" fmla="*/ 124299 w 1920409"/>
                <a:gd name="connsiteY26" fmla="*/ 331576 h 1691232"/>
                <a:gd name="connsiteX27" fmla="*/ 110011 w 1920409"/>
                <a:gd name="connsiteY27" fmla="*/ 364913 h 1691232"/>
                <a:gd name="connsiteX28" fmla="*/ 133824 w 1920409"/>
                <a:gd name="connsiteY28" fmla="*/ 412538 h 1691232"/>
                <a:gd name="connsiteX29" fmla="*/ 81436 w 1920409"/>
                <a:gd name="connsiteY29" fmla="*/ 450638 h 1691232"/>
                <a:gd name="connsiteX30" fmla="*/ 33811 w 1920409"/>
                <a:gd name="connsiteY30" fmla="*/ 445876 h 1691232"/>
                <a:gd name="connsiteX31" fmla="*/ 33811 w 1920409"/>
                <a:gd name="connsiteY31" fmla="*/ 517313 h 1691232"/>
                <a:gd name="connsiteX32" fmla="*/ 474 w 1920409"/>
                <a:gd name="connsiteY32" fmla="*/ 622088 h 1691232"/>
                <a:gd name="connsiteX33" fmla="*/ 62386 w 1920409"/>
                <a:gd name="connsiteY33" fmla="*/ 698288 h 1691232"/>
                <a:gd name="connsiteX34" fmla="*/ 111977 w 1920409"/>
                <a:gd name="connsiteY34" fmla="*/ 678550 h 1691232"/>
                <a:gd name="connsiteX35" fmla="*/ 112334 w 1920409"/>
                <a:gd name="connsiteY35" fmla="*/ 748809 h 1691232"/>
                <a:gd name="connsiteX36" fmla="*/ 167161 w 1920409"/>
                <a:gd name="connsiteY36" fmla="*/ 779251 h 1691232"/>
                <a:gd name="connsiteX37" fmla="*/ 236159 w 1920409"/>
                <a:gd name="connsiteY37" fmla="*/ 789463 h 1691232"/>
                <a:gd name="connsiteX38" fmla="*/ 271462 w 1920409"/>
                <a:gd name="connsiteY38" fmla="*/ 845434 h 1691232"/>
                <a:gd name="connsiteX39" fmla="*/ 270869 w 1920409"/>
                <a:gd name="connsiteY39" fmla="*/ 890506 h 1691232"/>
                <a:gd name="connsiteX40" fmla="*/ 295393 w 1920409"/>
                <a:gd name="connsiteY40" fmla="*/ 929981 h 1691232"/>
                <a:gd name="connsiteX41" fmla="*/ 341051 w 1920409"/>
                <a:gd name="connsiteY41" fmla="*/ 968573 h 1691232"/>
                <a:gd name="connsiteX42" fmla="*/ 426184 w 1920409"/>
                <a:gd name="connsiteY42" fmla="*/ 1022825 h 1691232"/>
                <a:gd name="connsiteX43" fmla="*/ 461961 w 1920409"/>
                <a:gd name="connsiteY43" fmla="*/ 1093918 h 1691232"/>
                <a:gd name="connsiteX44" fmla="*/ 441064 w 1920409"/>
                <a:gd name="connsiteY44" fmla="*/ 1163491 h 1691232"/>
                <a:gd name="connsiteX45" fmla="*/ 519111 w 1920409"/>
                <a:gd name="connsiteY45" fmla="*/ 1219954 h 1691232"/>
                <a:gd name="connsiteX46" fmla="*/ 591143 w 1920409"/>
                <a:gd name="connsiteY46" fmla="*/ 1252948 h 1691232"/>
                <a:gd name="connsiteX47" fmla="*/ 571974 w 1920409"/>
                <a:gd name="connsiteY47" fmla="*/ 1312651 h 1691232"/>
                <a:gd name="connsiteX48" fmla="*/ 662461 w 1920409"/>
                <a:gd name="connsiteY48" fmla="*/ 1465051 h 1691232"/>
                <a:gd name="connsiteX49" fmla="*/ 755271 w 1920409"/>
                <a:gd name="connsiteY49" fmla="*/ 1538205 h 1691232"/>
                <a:gd name="connsiteX50" fmla="*/ 805336 w 1920409"/>
                <a:gd name="connsiteY50" fmla="*/ 1488863 h 1691232"/>
                <a:gd name="connsiteX51" fmla="*/ 869926 w 1920409"/>
                <a:gd name="connsiteY51" fmla="*/ 1516260 h 1691232"/>
                <a:gd name="connsiteX52" fmla="*/ 924399 w 1920409"/>
                <a:gd name="connsiteY52" fmla="*/ 1484101 h 1691232"/>
                <a:gd name="connsiteX53" fmla="*/ 941246 w 1920409"/>
                <a:gd name="connsiteY53" fmla="*/ 1441925 h 1691232"/>
                <a:gd name="connsiteX54" fmla="*/ 1005123 w 1920409"/>
                <a:gd name="connsiteY54" fmla="*/ 1528337 h 1691232"/>
                <a:gd name="connsiteX55" fmla="*/ 1050190 w 1920409"/>
                <a:gd name="connsiteY55" fmla="*/ 1599431 h 1691232"/>
                <a:gd name="connsiteX56" fmla="*/ 1120136 w 1920409"/>
                <a:gd name="connsiteY56" fmla="*/ 1690950 h 1691232"/>
                <a:gd name="connsiteX57" fmla="*/ 1151034 w 1920409"/>
                <a:gd name="connsiteY57" fmla="*/ 1627859 h 1691232"/>
                <a:gd name="connsiteX58" fmla="*/ 1181693 w 1920409"/>
                <a:gd name="connsiteY58" fmla="*/ 1621379 h 1691232"/>
                <a:gd name="connsiteX59" fmla="*/ 1224792 w 1920409"/>
                <a:gd name="connsiteY59" fmla="*/ 1650642 h 1691232"/>
                <a:gd name="connsiteX60" fmla="*/ 1258367 w 1920409"/>
                <a:gd name="connsiteY60" fmla="*/ 1609988 h 1691232"/>
                <a:gd name="connsiteX61" fmla="*/ 1277188 w 1920409"/>
                <a:gd name="connsiteY61" fmla="*/ 1614605 h 1691232"/>
                <a:gd name="connsiteX62" fmla="*/ 1311230 w 1920409"/>
                <a:gd name="connsiteY62" fmla="*/ 1681082 h 1691232"/>
                <a:gd name="connsiteX63" fmla="*/ 1367786 w 1920409"/>
                <a:gd name="connsiteY63" fmla="*/ 1657613 h 1691232"/>
                <a:gd name="connsiteX64" fmla="*/ 1419818 w 1920409"/>
                <a:gd name="connsiteY64" fmla="*/ 1601492 h 1691232"/>
                <a:gd name="connsiteX65" fmla="*/ 1470595 w 1920409"/>
                <a:gd name="connsiteY65" fmla="*/ 1584949 h 1691232"/>
                <a:gd name="connsiteX66" fmla="*/ 1488274 w 1920409"/>
                <a:gd name="connsiteY66" fmla="*/ 1640771 h 1691232"/>
                <a:gd name="connsiteX67" fmla="*/ 1558169 w 1920409"/>
                <a:gd name="connsiteY67" fmla="*/ 1615093 h 1691232"/>
                <a:gd name="connsiteX68" fmla="*/ 1588947 w 1920409"/>
                <a:gd name="connsiteY68" fmla="*/ 1528337 h 1691232"/>
                <a:gd name="connsiteX69" fmla="*/ 1670383 w 1920409"/>
                <a:gd name="connsiteY69" fmla="*/ 1438195 h 1691232"/>
                <a:gd name="connsiteX70" fmla="*/ 1714974 w 1920409"/>
                <a:gd name="connsiteY70" fmla="*/ 1407065 h 1691232"/>
                <a:gd name="connsiteX71" fmla="*/ 1743343 w 1920409"/>
                <a:gd name="connsiteY71" fmla="*/ 1410360 h 1691232"/>
                <a:gd name="connsiteX72" fmla="*/ 1833138 w 1920409"/>
                <a:gd name="connsiteY72" fmla="*/ 1402304 h 1691232"/>
                <a:gd name="connsiteX73" fmla="*/ 1877070 w 1920409"/>
                <a:gd name="connsiteY73" fmla="*/ 1542673 h 1691232"/>
                <a:gd name="connsiteX74" fmla="*/ 1886424 w 1920409"/>
                <a:gd name="connsiteY74" fmla="*/ 1446001 h 1691232"/>
                <a:gd name="connsiteX75" fmla="*/ 1919761 w 1920409"/>
                <a:gd name="connsiteY75" fmla="*/ 1441238 h 1691232"/>
                <a:gd name="connsiteX76" fmla="*/ 1853086 w 1920409"/>
                <a:gd name="connsiteY76" fmla="*/ 1398376 h 1691232"/>
                <a:gd name="connsiteX77" fmla="*/ 1853086 w 1920409"/>
                <a:gd name="connsiteY77" fmla="*/ 1303126 h 1691232"/>
                <a:gd name="connsiteX78" fmla="*/ 1853086 w 1920409"/>
                <a:gd name="connsiteY78" fmla="*/ 1245976 h 1691232"/>
                <a:gd name="connsiteX79" fmla="*/ 1810224 w 1920409"/>
                <a:gd name="connsiteY79" fmla="*/ 1236451 h 1691232"/>
                <a:gd name="connsiteX80" fmla="*/ 1734024 w 1920409"/>
                <a:gd name="connsiteY80" fmla="*/ 1155488 h 1691232"/>
                <a:gd name="connsiteX81" fmla="*/ 1695924 w 1920409"/>
                <a:gd name="connsiteY81" fmla="*/ 974513 h 1691232"/>
                <a:gd name="connsiteX82" fmla="*/ 1643536 w 1920409"/>
                <a:gd name="connsiteY82" fmla="*/ 941176 h 1691232"/>
                <a:gd name="connsiteX83" fmla="*/ 1605436 w 1920409"/>
                <a:gd name="connsiteY83" fmla="*/ 884026 h 1691232"/>
                <a:gd name="connsiteX84" fmla="*/ 1557811 w 1920409"/>
                <a:gd name="connsiteY84" fmla="*/ 836401 h 1691232"/>
                <a:gd name="connsiteX85" fmla="*/ 1505424 w 1920409"/>
                <a:gd name="connsiteY85" fmla="*/ 817351 h 1691232"/>
                <a:gd name="connsiteX86" fmla="*/ 1453036 w 1920409"/>
                <a:gd name="connsiteY86" fmla="*/ 812588 h 1691232"/>
                <a:gd name="connsiteX87" fmla="*/ 1510186 w 1920409"/>
                <a:gd name="connsiteY87" fmla="*/ 779251 h 1691232"/>
                <a:gd name="connsiteX88" fmla="*/ 1476849 w 1920409"/>
                <a:gd name="connsiteY88" fmla="*/ 745913 h 1691232"/>
                <a:gd name="connsiteX89" fmla="*/ 1481611 w 1920409"/>
                <a:gd name="connsiteY89" fmla="*/ 722101 h 1691232"/>
                <a:gd name="connsiteX90" fmla="*/ 1572099 w 1920409"/>
                <a:gd name="connsiteY90" fmla="*/ 760201 h 1691232"/>
                <a:gd name="connsiteX91" fmla="*/ 1624486 w 1920409"/>
                <a:gd name="connsiteY91" fmla="*/ 693526 h 1691232"/>
                <a:gd name="connsiteX92" fmla="*/ 1614961 w 1920409"/>
                <a:gd name="connsiteY92" fmla="*/ 550651 h 1691232"/>
                <a:gd name="connsiteX93" fmla="*/ 1610199 w 1920409"/>
                <a:gd name="connsiteY93" fmla="*/ 412538 h 1691232"/>
                <a:gd name="connsiteX0" fmla="*/ 1610199 w 1920409"/>
                <a:gd name="connsiteY0" fmla="*/ 412538 h 1691232"/>
                <a:gd name="connsiteX1" fmla="*/ 1567336 w 1920409"/>
                <a:gd name="connsiteY1" fmla="*/ 369676 h 1691232"/>
                <a:gd name="connsiteX2" fmla="*/ 1467324 w 1920409"/>
                <a:gd name="connsiteY2" fmla="*/ 345863 h 1691232"/>
                <a:gd name="connsiteX3" fmla="*/ 1419699 w 1920409"/>
                <a:gd name="connsiteY3" fmla="*/ 317288 h 1691232"/>
                <a:gd name="connsiteX4" fmla="*/ 1367311 w 1920409"/>
                <a:gd name="connsiteY4" fmla="*/ 160126 h 1691232"/>
                <a:gd name="connsiteX5" fmla="*/ 1338736 w 1920409"/>
                <a:gd name="connsiteY5" fmla="*/ 12488 h 1691232"/>
                <a:gd name="connsiteX6" fmla="*/ 1267299 w 1920409"/>
                <a:gd name="connsiteY6" fmla="*/ 12488 h 1691232"/>
                <a:gd name="connsiteX7" fmla="*/ 1214911 w 1920409"/>
                <a:gd name="connsiteY7" fmla="*/ 50588 h 1691232"/>
                <a:gd name="connsiteX8" fmla="*/ 1214911 w 1920409"/>
                <a:gd name="connsiteY8" fmla="*/ 155363 h 1691232"/>
                <a:gd name="connsiteX9" fmla="*/ 1186336 w 1920409"/>
                <a:gd name="connsiteY9" fmla="*/ 183938 h 1691232"/>
                <a:gd name="connsiteX10" fmla="*/ 1176811 w 1920409"/>
                <a:gd name="connsiteY10" fmla="*/ 255376 h 1691232"/>
                <a:gd name="connsiteX11" fmla="*/ 1114899 w 1920409"/>
                <a:gd name="connsiteY11" fmla="*/ 298238 h 1691232"/>
                <a:gd name="connsiteX12" fmla="*/ 1005361 w 1920409"/>
                <a:gd name="connsiteY12" fmla="*/ 312526 h 1691232"/>
                <a:gd name="connsiteX13" fmla="*/ 962499 w 1920409"/>
                <a:gd name="connsiteY13" fmla="*/ 355388 h 1691232"/>
                <a:gd name="connsiteX14" fmla="*/ 838674 w 1920409"/>
                <a:gd name="connsiteY14" fmla="*/ 355388 h 1691232"/>
                <a:gd name="connsiteX15" fmla="*/ 781524 w 1920409"/>
                <a:gd name="connsiteY15" fmla="*/ 426826 h 1691232"/>
                <a:gd name="connsiteX16" fmla="*/ 781524 w 1920409"/>
                <a:gd name="connsiteY16" fmla="*/ 460163 h 1691232"/>
                <a:gd name="connsiteX17" fmla="*/ 743424 w 1920409"/>
                <a:gd name="connsiteY17" fmla="*/ 483976 h 1691232"/>
                <a:gd name="connsiteX18" fmla="*/ 671986 w 1920409"/>
                <a:gd name="connsiteY18" fmla="*/ 417301 h 1691232"/>
                <a:gd name="connsiteX19" fmla="*/ 519586 w 1920409"/>
                <a:gd name="connsiteY19" fmla="*/ 412538 h 1691232"/>
                <a:gd name="connsiteX20" fmla="*/ 457674 w 1920409"/>
                <a:gd name="connsiteY20" fmla="*/ 431588 h 1691232"/>
                <a:gd name="connsiteX21" fmla="*/ 419574 w 1920409"/>
                <a:gd name="connsiteY21" fmla="*/ 417301 h 1691232"/>
                <a:gd name="connsiteX22" fmla="*/ 400524 w 1920409"/>
                <a:gd name="connsiteY22" fmla="*/ 355388 h 1691232"/>
                <a:gd name="connsiteX23" fmla="*/ 333849 w 1920409"/>
                <a:gd name="connsiteY23" fmla="*/ 303001 h 1691232"/>
                <a:gd name="connsiteX24" fmla="*/ 286224 w 1920409"/>
                <a:gd name="connsiteY24" fmla="*/ 236326 h 1691232"/>
                <a:gd name="connsiteX25" fmla="*/ 143349 w 1920409"/>
                <a:gd name="connsiteY25" fmla="*/ 255376 h 1691232"/>
                <a:gd name="connsiteX26" fmla="*/ 124299 w 1920409"/>
                <a:gd name="connsiteY26" fmla="*/ 331576 h 1691232"/>
                <a:gd name="connsiteX27" fmla="*/ 110011 w 1920409"/>
                <a:gd name="connsiteY27" fmla="*/ 364913 h 1691232"/>
                <a:gd name="connsiteX28" fmla="*/ 133824 w 1920409"/>
                <a:gd name="connsiteY28" fmla="*/ 412538 h 1691232"/>
                <a:gd name="connsiteX29" fmla="*/ 81436 w 1920409"/>
                <a:gd name="connsiteY29" fmla="*/ 450638 h 1691232"/>
                <a:gd name="connsiteX30" fmla="*/ 33811 w 1920409"/>
                <a:gd name="connsiteY30" fmla="*/ 445876 h 1691232"/>
                <a:gd name="connsiteX31" fmla="*/ 33811 w 1920409"/>
                <a:gd name="connsiteY31" fmla="*/ 517313 h 1691232"/>
                <a:gd name="connsiteX32" fmla="*/ 474 w 1920409"/>
                <a:gd name="connsiteY32" fmla="*/ 622088 h 1691232"/>
                <a:gd name="connsiteX33" fmla="*/ 62386 w 1920409"/>
                <a:gd name="connsiteY33" fmla="*/ 698288 h 1691232"/>
                <a:gd name="connsiteX34" fmla="*/ 111977 w 1920409"/>
                <a:gd name="connsiteY34" fmla="*/ 678550 h 1691232"/>
                <a:gd name="connsiteX35" fmla="*/ 112334 w 1920409"/>
                <a:gd name="connsiteY35" fmla="*/ 748809 h 1691232"/>
                <a:gd name="connsiteX36" fmla="*/ 167161 w 1920409"/>
                <a:gd name="connsiteY36" fmla="*/ 779251 h 1691232"/>
                <a:gd name="connsiteX37" fmla="*/ 236159 w 1920409"/>
                <a:gd name="connsiteY37" fmla="*/ 789463 h 1691232"/>
                <a:gd name="connsiteX38" fmla="*/ 271462 w 1920409"/>
                <a:gd name="connsiteY38" fmla="*/ 845434 h 1691232"/>
                <a:gd name="connsiteX39" fmla="*/ 270869 w 1920409"/>
                <a:gd name="connsiteY39" fmla="*/ 890506 h 1691232"/>
                <a:gd name="connsiteX40" fmla="*/ 295393 w 1920409"/>
                <a:gd name="connsiteY40" fmla="*/ 929981 h 1691232"/>
                <a:gd name="connsiteX41" fmla="*/ 341051 w 1920409"/>
                <a:gd name="connsiteY41" fmla="*/ 968573 h 1691232"/>
                <a:gd name="connsiteX42" fmla="*/ 426184 w 1920409"/>
                <a:gd name="connsiteY42" fmla="*/ 1022825 h 1691232"/>
                <a:gd name="connsiteX43" fmla="*/ 461961 w 1920409"/>
                <a:gd name="connsiteY43" fmla="*/ 1093918 h 1691232"/>
                <a:gd name="connsiteX44" fmla="*/ 441064 w 1920409"/>
                <a:gd name="connsiteY44" fmla="*/ 1163491 h 1691232"/>
                <a:gd name="connsiteX45" fmla="*/ 519111 w 1920409"/>
                <a:gd name="connsiteY45" fmla="*/ 1219954 h 1691232"/>
                <a:gd name="connsiteX46" fmla="*/ 591143 w 1920409"/>
                <a:gd name="connsiteY46" fmla="*/ 1252948 h 1691232"/>
                <a:gd name="connsiteX47" fmla="*/ 571974 w 1920409"/>
                <a:gd name="connsiteY47" fmla="*/ 1312651 h 1691232"/>
                <a:gd name="connsiteX48" fmla="*/ 662461 w 1920409"/>
                <a:gd name="connsiteY48" fmla="*/ 1465051 h 1691232"/>
                <a:gd name="connsiteX49" fmla="*/ 755271 w 1920409"/>
                <a:gd name="connsiteY49" fmla="*/ 1538205 h 1691232"/>
                <a:gd name="connsiteX50" fmla="*/ 805336 w 1920409"/>
                <a:gd name="connsiteY50" fmla="*/ 1488863 h 1691232"/>
                <a:gd name="connsiteX51" fmla="*/ 869926 w 1920409"/>
                <a:gd name="connsiteY51" fmla="*/ 1516260 h 1691232"/>
                <a:gd name="connsiteX52" fmla="*/ 924399 w 1920409"/>
                <a:gd name="connsiteY52" fmla="*/ 1484101 h 1691232"/>
                <a:gd name="connsiteX53" fmla="*/ 941246 w 1920409"/>
                <a:gd name="connsiteY53" fmla="*/ 1441925 h 1691232"/>
                <a:gd name="connsiteX54" fmla="*/ 1005123 w 1920409"/>
                <a:gd name="connsiteY54" fmla="*/ 1528337 h 1691232"/>
                <a:gd name="connsiteX55" fmla="*/ 1050190 w 1920409"/>
                <a:gd name="connsiteY55" fmla="*/ 1599431 h 1691232"/>
                <a:gd name="connsiteX56" fmla="*/ 1120136 w 1920409"/>
                <a:gd name="connsiteY56" fmla="*/ 1690950 h 1691232"/>
                <a:gd name="connsiteX57" fmla="*/ 1151034 w 1920409"/>
                <a:gd name="connsiteY57" fmla="*/ 1627859 h 1691232"/>
                <a:gd name="connsiteX58" fmla="*/ 1181693 w 1920409"/>
                <a:gd name="connsiteY58" fmla="*/ 1621379 h 1691232"/>
                <a:gd name="connsiteX59" fmla="*/ 1224792 w 1920409"/>
                <a:gd name="connsiteY59" fmla="*/ 1650642 h 1691232"/>
                <a:gd name="connsiteX60" fmla="*/ 1258367 w 1920409"/>
                <a:gd name="connsiteY60" fmla="*/ 1609988 h 1691232"/>
                <a:gd name="connsiteX61" fmla="*/ 1277188 w 1920409"/>
                <a:gd name="connsiteY61" fmla="*/ 1614605 h 1691232"/>
                <a:gd name="connsiteX62" fmla="*/ 1311230 w 1920409"/>
                <a:gd name="connsiteY62" fmla="*/ 1681082 h 1691232"/>
                <a:gd name="connsiteX63" fmla="*/ 1367786 w 1920409"/>
                <a:gd name="connsiteY63" fmla="*/ 1657613 h 1691232"/>
                <a:gd name="connsiteX64" fmla="*/ 1419818 w 1920409"/>
                <a:gd name="connsiteY64" fmla="*/ 1601492 h 1691232"/>
                <a:gd name="connsiteX65" fmla="*/ 1470595 w 1920409"/>
                <a:gd name="connsiteY65" fmla="*/ 1584949 h 1691232"/>
                <a:gd name="connsiteX66" fmla="*/ 1488274 w 1920409"/>
                <a:gd name="connsiteY66" fmla="*/ 1640771 h 1691232"/>
                <a:gd name="connsiteX67" fmla="*/ 1558169 w 1920409"/>
                <a:gd name="connsiteY67" fmla="*/ 1615093 h 1691232"/>
                <a:gd name="connsiteX68" fmla="*/ 1588947 w 1920409"/>
                <a:gd name="connsiteY68" fmla="*/ 1528337 h 1691232"/>
                <a:gd name="connsiteX69" fmla="*/ 1670383 w 1920409"/>
                <a:gd name="connsiteY69" fmla="*/ 1438195 h 1691232"/>
                <a:gd name="connsiteX70" fmla="*/ 1714974 w 1920409"/>
                <a:gd name="connsiteY70" fmla="*/ 1407065 h 1691232"/>
                <a:gd name="connsiteX71" fmla="*/ 1743343 w 1920409"/>
                <a:gd name="connsiteY71" fmla="*/ 1410360 h 1691232"/>
                <a:gd name="connsiteX72" fmla="*/ 1833138 w 1920409"/>
                <a:gd name="connsiteY72" fmla="*/ 1402304 h 1691232"/>
                <a:gd name="connsiteX73" fmla="*/ 1877070 w 1920409"/>
                <a:gd name="connsiteY73" fmla="*/ 1542673 h 1691232"/>
                <a:gd name="connsiteX74" fmla="*/ 1886424 w 1920409"/>
                <a:gd name="connsiteY74" fmla="*/ 1446001 h 1691232"/>
                <a:gd name="connsiteX75" fmla="*/ 1919761 w 1920409"/>
                <a:gd name="connsiteY75" fmla="*/ 1441238 h 1691232"/>
                <a:gd name="connsiteX76" fmla="*/ 1853086 w 1920409"/>
                <a:gd name="connsiteY76" fmla="*/ 1398376 h 1691232"/>
                <a:gd name="connsiteX77" fmla="*/ 1853086 w 1920409"/>
                <a:gd name="connsiteY77" fmla="*/ 1303126 h 1691232"/>
                <a:gd name="connsiteX78" fmla="*/ 1853086 w 1920409"/>
                <a:gd name="connsiteY78" fmla="*/ 1245976 h 1691232"/>
                <a:gd name="connsiteX79" fmla="*/ 1810224 w 1920409"/>
                <a:gd name="connsiteY79" fmla="*/ 1236451 h 1691232"/>
                <a:gd name="connsiteX80" fmla="*/ 1734024 w 1920409"/>
                <a:gd name="connsiteY80" fmla="*/ 1155488 h 1691232"/>
                <a:gd name="connsiteX81" fmla="*/ 1695924 w 1920409"/>
                <a:gd name="connsiteY81" fmla="*/ 974513 h 1691232"/>
                <a:gd name="connsiteX82" fmla="*/ 1643536 w 1920409"/>
                <a:gd name="connsiteY82" fmla="*/ 941176 h 1691232"/>
                <a:gd name="connsiteX83" fmla="*/ 1605436 w 1920409"/>
                <a:gd name="connsiteY83" fmla="*/ 884026 h 1691232"/>
                <a:gd name="connsiteX84" fmla="*/ 1557811 w 1920409"/>
                <a:gd name="connsiteY84" fmla="*/ 836401 h 1691232"/>
                <a:gd name="connsiteX85" fmla="*/ 1505424 w 1920409"/>
                <a:gd name="connsiteY85" fmla="*/ 817351 h 1691232"/>
                <a:gd name="connsiteX86" fmla="*/ 1453036 w 1920409"/>
                <a:gd name="connsiteY86" fmla="*/ 812588 h 1691232"/>
                <a:gd name="connsiteX87" fmla="*/ 1510186 w 1920409"/>
                <a:gd name="connsiteY87" fmla="*/ 779251 h 1691232"/>
                <a:gd name="connsiteX88" fmla="*/ 1476849 w 1920409"/>
                <a:gd name="connsiteY88" fmla="*/ 745913 h 1691232"/>
                <a:gd name="connsiteX89" fmla="*/ 1481611 w 1920409"/>
                <a:gd name="connsiteY89" fmla="*/ 722101 h 1691232"/>
                <a:gd name="connsiteX90" fmla="*/ 1572099 w 1920409"/>
                <a:gd name="connsiteY90" fmla="*/ 760201 h 1691232"/>
                <a:gd name="connsiteX91" fmla="*/ 1624486 w 1920409"/>
                <a:gd name="connsiteY91" fmla="*/ 693526 h 1691232"/>
                <a:gd name="connsiteX92" fmla="*/ 1614961 w 1920409"/>
                <a:gd name="connsiteY92" fmla="*/ 550651 h 1691232"/>
                <a:gd name="connsiteX93" fmla="*/ 1610199 w 1920409"/>
                <a:gd name="connsiteY93" fmla="*/ 412538 h 1691232"/>
                <a:gd name="connsiteX0" fmla="*/ 1610199 w 1920650"/>
                <a:gd name="connsiteY0" fmla="*/ 412538 h 1691232"/>
                <a:gd name="connsiteX1" fmla="*/ 1567336 w 1920650"/>
                <a:gd name="connsiteY1" fmla="*/ 369676 h 1691232"/>
                <a:gd name="connsiteX2" fmla="*/ 1467324 w 1920650"/>
                <a:gd name="connsiteY2" fmla="*/ 345863 h 1691232"/>
                <a:gd name="connsiteX3" fmla="*/ 1419699 w 1920650"/>
                <a:gd name="connsiteY3" fmla="*/ 317288 h 1691232"/>
                <a:gd name="connsiteX4" fmla="*/ 1367311 w 1920650"/>
                <a:gd name="connsiteY4" fmla="*/ 160126 h 1691232"/>
                <a:gd name="connsiteX5" fmla="*/ 1338736 w 1920650"/>
                <a:gd name="connsiteY5" fmla="*/ 12488 h 1691232"/>
                <a:gd name="connsiteX6" fmla="*/ 1267299 w 1920650"/>
                <a:gd name="connsiteY6" fmla="*/ 12488 h 1691232"/>
                <a:gd name="connsiteX7" fmla="*/ 1214911 w 1920650"/>
                <a:gd name="connsiteY7" fmla="*/ 50588 h 1691232"/>
                <a:gd name="connsiteX8" fmla="*/ 1214911 w 1920650"/>
                <a:gd name="connsiteY8" fmla="*/ 155363 h 1691232"/>
                <a:gd name="connsiteX9" fmla="*/ 1186336 w 1920650"/>
                <a:gd name="connsiteY9" fmla="*/ 183938 h 1691232"/>
                <a:gd name="connsiteX10" fmla="*/ 1176811 w 1920650"/>
                <a:gd name="connsiteY10" fmla="*/ 255376 h 1691232"/>
                <a:gd name="connsiteX11" fmla="*/ 1114899 w 1920650"/>
                <a:gd name="connsiteY11" fmla="*/ 298238 h 1691232"/>
                <a:gd name="connsiteX12" fmla="*/ 1005361 w 1920650"/>
                <a:gd name="connsiteY12" fmla="*/ 312526 h 1691232"/>
                <a:gd name="connsiteX13" fmla="*/ 962499 w 1920650"/>
                <a:gd name="connsiteY13" fmla="*/ 355388 h 1691232"/>
                <a:gd name="connsiteX14" fmla="*/ 838674 w 1920650"/>
                <a:gd name="connsiteY14" fmla="*/ 355388 h 1691232"/>
                <a:gd name="connsiteX15" fmla="*/ 781524 w 1920650"/>
                <a:gd name="connsiteY15" fmla="*/ 426826 h 1691232"/>
                <a:gd name="connsiteX16" fmla="*/ 781524 w 1920650"/>
                <a:gd name="connsiteY16" fmla="*/ 460163 h 1691232"/>
                <a:gd name="connsiteX17" fmla="*/ 743424 w 1920650"/>
                <a:gd name="connsiteY17" fmla="*/ 483976 h 1691232"/>
                <a:gd name="connsiteX18" fmla="*/ 671986 w 1920650"/>
                <a:gd name="connsiteY18" fmla="*/ 417301 h 1691232"/>
                <a:gd name="connsiteX19" fmla="*/ 519586 w 1920650"/>
                <a:gd name="connsiteY19" fmla="*/ 412538 h 1691232"/>
                <a:gd name="connsiteX20" fmla="*/ 457674 w 1920650"/>
                <a:gd name="connsiteY20" fmla="*/ 431588 h 1691232"/>
                <a:gd name="connsiteX21" fmla="*/ 419574 w 1920650"/>
                <a:gd name="connsiteY21" fmla="*/ 417301 h 1691232"/>
                <a:gd name="connsiteX22" fmla="*/ 400524 w 1920650"/>
                <a:gd name="connsiteY22" fmla="*/ 355388 h 1691232"/>
                <a:gd name="connsiteX23" fmla="*/ 333849 w 1920650"/>
                <a:gd name="connsiteY23" fmla="*/ 303001 h 1691232"/>
                <a:gd name="connsiteX24" fmla="*/ 286224 w 1920650"/>
                <a:gd name="connsiteY24" fmla="*/ 236326 h 1691232"/>
                <a:gd name="connsiteX25" fmla="*/ 143349 w 1920650"/>
                <a:gd name="connsiteY25" fmla="*/ 255376 h 1691232"/>
                <a:gd name="connsiteX26" fmla="*/ 124299 w 1920650"/>
                <a:gd name="connsiteY26" fmla="*/ 331576 h 1691232"/>
                <a:gd name="connsiteX27" fmla="*/ 110011 w 1920650"/>
                <a:gd name="connsiteY27" fmla="*/ 364913 h 1691232"/>
                <a:gd name="connsiteX28" fmla="*/ 133824 w 1920650"/>
                <a:gd name="connsiteY28" fmla="*/ 412538 h 1691232"/>
                <a:gd name="connsiteX29" fmla="*/ 81436 w 1920650"/>
                <a:gd name="connsiteY29" fmla="*/ 450638 h 1691232"/>
                <a:gd name="connsiteX30" fmla="*/ 33811 w 1920650"/>
                <a:gd name="connsiteY30" fmla="*/ 445876 h 1691232"/>
                <a:gd name="connsiteX31" fmla="*/ 33811 w 1920650"/>
                <a:gd name="connsiteY31" fmla="*/ 517313 h 1691232"/>
                <a:gd name="connsiteX32" fmla="*/ 474 w 1920650"/>
                <a:gd name="connsiteY32" fmla="*/ 622088 h 1691232"/>
                <a:gd name="connsiteX33" fmla="*/ 62386 w 1920650"/>
                <a:gd name="connsiteY33" fmla="*/ 698288 h 1691232"/>
                <a:gd name="connsiteX34" fmla="*/ 111977 w 1920650"/>
                <a:gd name="connsiteY34" fmla="*/ 678550 h 1691232"/>
                <a:gd name="connsiteX35" fmla="*/ 112334 w 1920650"/>
                <a:gd name="connsiteY35" fmla="*/ 748809 h 1691232"/>
                <a:gd name="connsiteX36" fmla="*/ 167161 w 1920650"/>
                <a:gd name="connsiteY36" fmla="*/ 779251 h 1691232"/>
                <a:gd name="connsiteX37" fmla="*/ 236159 w 1920650"/>
                <a:gd name="connsiteY37" fmla="*/ 789463 h 1691232"/>
                <a:gd name="connsiteX38" fmla="*/ 271462 w 1920650"/>
                <a:gd name="connsiteY38" fmla="*/ 845434 h 1691232"/>
                <a:gd name="connsiteX39" fmla="*/ 270869 w 1920650"/>
                <a:gd name="connsiteY39" fmla="*/ 890506 h 1691232"/>
                <a:gd name="connsiteX40" fmla="*/ 295393 w 1920650"/>
                <a:gd name="connsiteY40" fmla="*/ 929981 h 1691232"/>
                <a:gd name="connsiteX41" fmla="*/ 341051 w 1920650"/>
                <a:gd name="connsiteY41" fmla="*/ 968573 h 1691232"/>
                <a:gd name="connsiteX42" fmla="*/ 426184 w 1920650"/>
                <a:gd name="connsiteY42" fmla="*/ 1022825 h 1691232"/>
                <a:gd name="connsiteX43" fmla="*/ 461961 w 1920650"/>
                <a:gd name="connsiteY43" fmla="*/ 1093918 h 1691232"/>
                <a:gd name="connsiteX44" fmla="*/ 441064 w 1920650"/>
                <a:gd name="connsiteY44" fmla="*/ 1163491 h 1691232"/>
                <a:gd name="connsiteX45" fmla="*/ 519111 w 1920650"/>
                <a:gd name="connsiteY45" fmla="*/ 1219954 h 1691232"/>
                <a:gd name="connsiteX46" fmla="*/ 591143 w 1920650"/>
                <a:gd name="connsiteY46" fmla="*/ 1252948 h 1691232"/>
                <a:gd name="connsiteX47" fmla="*/ 571974 w 1920650"/>
                <a:gd name="connsiteY47" fmla="*/ 1312651 h 1691232"/>
                <a:gd name="connsiteX48" fmla="*/ 662461 w 1920650"/>
                <a:gd name="connsiteY48" fmla="*/ 1465051 h 1691232"/>
                <a:gd name="connsiteX49" fmla="*/ 755271 w 1920650"/>
                <a:gd name="connsiteY49" fmla="*/ 1538205 h 1691232"/>
                <a:gd name="connsiteX50" fmla="*/ 805336 w 1920650"/>
                <a:gd name="connsiteY50" fmla="*/ 1488863 h 1691232"/>
                <a:gd name="connsiteX51" fmla="*/ 869926 w 1920650"/>
                <a:gd name="connsiteY51" fmla="*/ 1516260 h 1691232"/>
                <a:gd name="connsiteX52" fmla="*/ 924399 w 1920650"/>
                <a:gd name="connsiteY52" fmla="*/ 1484101 h 1691232"/>
                <a:gd name="connsiteX53" fmla="*/ 941246 w 1920650"/>
                <a:gd name="connsiteY53" fmla="*/ 1441925 h 1691232"/>
                <a:gd name="connsiteX54" fmla="*/ 1005123 w 1920650"/>
                <a:gd name="connsiteY54" fmla="*/ 1528337 h 1691232"/>
                <a:gd name="connsiteX55" fmla="*/ 1050190 w 1920650"/>
                <a:gd name="connsiteY55" fmla="*/ 1599431 h 1691232"/>
                <a:gd name="connsiteX56" fmla="*/ 1120136 w 1920650"/>
                <a:gd name="connsiteY56" fmla="*/ 1690950 h 1691232"/>
                <a:gd name="connsiteX57" fmla="*/ 1151034 w 1920650"/>
                <a:gd name="connsiteY57" fmla="*/ 1627859 h 1691232"/>
                <a:gd name="connsiteX58" fmla="*/ 1181693 w 1920650"/>
                <a:gd name="connsiteY58" fmla="*/ 1621379 h 1691232"/>
                <a:gd name="connsiteX59" fmla="*/ 1224792 w 1920650"/>
                <a:gd name="connsiteY59" fmla="*/ 1650642 h 1691232"/>
                <a:gd name="connsiteX60" fmla="*/ 1258367 w 1920650"/>
                <a:gd name="connsiteY60" fmla="*/ 1609988 h 1691232"/>
                <a:gd name="connsiteX61" fmla="*/ 1277188 w 1920650"/>
                <a:gd name="connsiteY61" fmla="*/ 1614605 h 1691232"/>
                <a:gd name="connsiteX62" fmla="*/ 1311230 w 1920650"/>
                <a:gd name="connsiteY62" fmla="*/ 1681082 h 1691232"/>
                <a:gd name="connsiteX63" fmla="*/ 1367786 w 1920650"/>
                <a:gd name="connsiteY63" fmla="*/ 1657613 h 1691232"/>
                <a:gd name="connsiteX64" fmla="*/ 1419818 w 1920650"/>
                <a:gd name="connsiteY64" fmla="*/ 1601492 h 1691232"/>
                <a:gd name="connsiteX65" fmla="*/ 1470595 w 1920650"/>
                <a:gd name="connsiteY65" fmla="*/ 1584949 h 1691232"/>
                <a:gd name="connsiteX66" fmla="*/ 1488274 w 1920650"/>
                <a:gd name="connsiteY66" fmla="*/ 1640771 h 1691232"/>
                <a:gd name="connsiteX67" fmla="*/ 1558169 w 1920650"/>
                <a:gd name="connsiteY67" fmla="*/ 1615093 h 1691232"/>
                <a:gd name="connsiteX68" fmla="*/ 1588947 w 1920650"/>
                <a:gd name="connsiteY68" fmla="*/ 1528337 h 1691232"/>
                <a:gd name="connsiteX69" fmla="*/ 1670383 w 1920650"/>
                <a:gd name="connsiteY69" fmla="*/ 1438195 h 1691232"/>
                <a:gd name="connsiteX70" fmla="*/ 1714974 w 1920650"/>
                <a:gd name="connsiteY70" fmla="*/ 1407065 h 1691232"/>
                <a:gd name="connsiteX71" fmla="*/ 1743343 w 1920650"/>
                <a:gd name="connsiteY71" fmla="*/ 1410360 h 1691232"/>
                <a:gd name="connsiteX72" fmla="*/ 1833138 w 1920650"/>
                <a:gd name="connsiteY72" fmla="*/ 1402304 h 1691232"/>
                <a:gd name="connsiteX73" fmla="*/ 1816054 w 1920650"/>
                <a:gd name="connsiteY73" fmla="*/ 1453316 h 1691232"/>
                <a:gd name="connsiteX74" fmla="*/ 1886424 w 1920650"/>
                <a:gd name="connsiteY74" fmla="*/ 1446001 h 1691232"/>
                <a:gd name="connsiteX75" fmla="*/ 1919761 w 1920650"/>
                <a:gd name="connsiteY75" fmla="*/ 1441238 h 1691232"/>
                <a:gd name="connsiteX76" fmla="*/ 1853086 w 1920650"/>
                <a:gd name="connsiteY76" fmla="*/ 1398376 h 1691232"/>
                <a:gd name="connsiteX77" fmla="*/ 1853086 w 1920650"/>
                <a:gd name="connsiteY77" fmla="*/ 1303126 h 1691232"/>
                <a:gd name="connsiteX78" fmla="*/ 1853086 w 1920650"/>
                <a:gd name="connsiteY78" fmla="*/ 1245976 h 1691232"/>
                <a:gd name="connsiteX79" fmla="*/ 1810224 w 1920650"/>
                <a:gd name="connsiteY79" fmla="*/ 1236451 h 1691232"/>
                <a:gd name="connsiteX80" fmla="*/ 1734024 w 1920650"/>
                <a:gd name="connsiteY80" fmla="*/ 1155488 h 1691232"/>
                <a:gd name="connsiteX81" fmla="*/ 1695924 w 1920650"/>
                <a:gd name="connsiteY81" fmla="*/ 974513 h 1691232"/>
                <a:gd name="connsiteX82" fmla="*/ 1643536 w 1920650"/>
                <a:gd name="connsiteY82" fmla="*/ 941176 h 1691232"/>
                <a:gd name="connsiteX83" fmla="*/ 1605436 w 1920650"/>
                <a:gd name="connsiteY83" fmla="*/ 884026 h 1691232"/>
                <a:gd name="connsiteX84" fmla="*/ 1557811 w 1920650"/>
                <a:gd name="connsiteY84" fmla="*/ 836401 h 1691232"/>
                <a:gd name="connsiteX85" fmla="*/ 1505424 w 1920650"/>
                <a:gd name="connsiteY85" fmla="*/ 817351 h 1691232"/>
                <a:gd name="connsiteX86" fmla="*/ 1453036 w 1920650"/>
                <a:gd name="connsiteY86" fmla="*/ 812588 h 1691232"/>
                <a:gd name="connsiteX87" fmla="*/ 1510186 w 1920650"/>
                <a:gd name="connsiteY87" fmla="*/ 779251 h 1691232"/>
                <a:gd name="connsiteX88" fmla="*/ 1476849 w 1920650"/>
                <a:gd name="connsiteY88" fmla="*/ 745913 h 1691232"/>
                <a:gd name="connsiteX89" fmla="*/ 1481611 w 1920650"/>
                <a:gd name="connsiteY89" fmla="*/ 722101 h 1691232"/>
                <a:gd name="connsiteX90" fmla="*/ 1572099 w 1920650"/>
                <a:gd name="connsiteY90" fmla="*/ 760201 h 1691232"/>
                <a:gd name="connsiteX91" fmla="*/ 1624486 w 1920650"/>
                <a:gd name="connsiteY91" fmla="*/ 693526 h 1691232"/>
                <a:gd name="connsiteX92" fmla="*/ 1614961 w 1920650"/>
                <a:gd name="connsiteY92" fmla="*/ 550651 h 1691232"/>
                <a:gd name="connsiteX93" fmla="*/ 1610199 w 1920650"/>
                <a:gd name="connsiteY93" fmla="*/ 412538 h 1691232"/>
                <a:gd name="connsiteX0" fmla="*/ 1610199 w 1920031"/>
                <a:gd name="connsiteY0" fmla="*/ 412538 h 1691232"/>
                <a:gd name="connsiteX1" fmla="*/ 1567336 w 1920031"/>
                <a:gd name="connsiteY1" fmla="*/ 369676 h 1691232"/>
                <a:gd name="connsiteX2" fmla="*/ 1467324 w 1920031"/>
                <a:gd name="connsiteY2" fmla="*/ 345863 h 1691232"/>
                <a:gd name="connsiteX3" fmla="*/ 1419699 w 1920031"/>
                <a:gd name="connsiteY3" fmla="*/ 317288 h 1691232"/>
                <a:gd name="connsiteX4" fmla="*/ 1367311 w 1920031"/>
                <a:gd name="connsiteY4" fmla="*/ 160126 h 1691232"/>
                <a:gd name="connsiteX5" fmla="*/ 1338736 w 1920031"/>
                <a:gd name="connsiteY5" fmla="*/ 12488 h 1691232"/>
                <a:gd name="connsiteX6" fmla="*/ 1267299 w 1920031"/>
                <a:gd name="connsiteY6" fmla="*/ 12488 h 1691232"/>
                <a:gd name="connsiteX7" fmla="*/ 1214911 w 1920031"/>
                <a:gd name="connsiteY7" fmla="*/ 50588 h 1691232"/>
                <a:gd name="connsiteX8" fmla="*/ 1214911 w 1920031"/>
                <a:gd name="connsiteY8" fmla="*/ 155363 h 1691232"/>
                <a:gd name="connsiteX9" fmla="*/ 1186336 w 1920031"/>
                <a:gd name="connsiteY9" fmla="*/ 183938 h 1691232"/>
                <a:gd name="connsiteX10" fmla="*/ 1176811 w 1920031"/>
                <a:gd name="connsiteY10" fmla="*/ 255376 h 1691232"/>
                <a:gd name="connsiteX11" fmla="*/ 1114899 w 1920031"/>
                <a:gd name="connsiteY11" fmla="*/ 298238 h 1691232"/>
                <a:gd name="connsiteX12" fmla="*/ 1005361 w 1920031"/>
                <a:gd name="connsiteY12" fmla="*/ 312526 h 1691232"/>
                <a:gd name="connsiteX13" fmla="*/ 962499 w 1920031"/>
                <a:gd name="connsiteY13" fmla="*/ 355388 h 1691232"/>
                <a:gd name="connsiteX14" fmla="*/ 838674 w 1920031"/>
                <a:gd name="connsiteY14" fmla="*/ 355388 h 1691232"/>
                <a:gd name="connsiteX15" fmla="*/ 781524 w 1920031"/>
                <a:gd name="connsiteY15" fmla="*/ 426826 h 1691232"/>
                <a:gd name="connsiteX16" fmla="*/ 781524 w 1920031"/>
                <a:gd name="connsiteY16" fmla="*/ 460163 h 1691232"/>
                <a:gd name="connsiteX17" fmla="*/ 743424 w 1920031"/>
                <a:gd name="connsiteY17" fmla="*/ 483976 h 1691232"/>
                <a:gd name="connsiteX18" fmla="*/ 671986 w 1920031"/>
                <a:gd name="connsiteY18" fmla="*/ 417301 h 1691232"/>
                <a:gd name="connsiteX19" fmla="*/ 519586 w 1920031"/>
                <a:gd name="connsiteY19" fmla="*/ 412538 h 1691232"/>
                <a:gd name="connsiteX20" fmla="*/ 457674 w 1920031"/>
                <a:gd name="connsiteY20" fmla="*/ 431588 h 1691232"/>
                <a:gd name="connsiteX21" fmla="*/ 419574 w 1920031"/>
                <a:gd name="connsiteY21" fmla="*/ 417301 h 1691232"/>
                <a:gd name="connsiteX22" fmla="*/ 400524 w 1920031"/>
                <a:gd name="connsiteY22" fmla="*/ 355388 h 1691232"/>
                <a:gd name="connsiteX23" fmla="*/ 333849 w 1920031"/>
                <a:gd name="connsiteY23" fmla="*/ 303001 h 1691232"/>
                <a:gd name="connsiteX24" fmla="*/ 286224 w 1920031"/>
                <a:gd name="connsiteY24" fmla="*/ 236326 h 1691232"/>
                <a:gd name="connsiteX25" fmla="*/ 143349 w 1920031"/>
                <a:gd name="connsiteY25" fmla="*/ 255376 h 1691232"/>
                <a:gd name="connsiteX26" fmla="*/ 124299 w 1920031"/>
                <a:gd name="connsiteY26" fmla="*/ 331576 h 1691232"/>
                <a:gd name="connsiteX27" fmla="*/ 110011 w 1920031"/>
                <a:gd name="connsiteY27" fmla="*/ 364913 h 1691232"/>
                <a:gd name="connsiteX28" fmla="*/ 133824 w 1920031"/>
                <a:gd name="connsiteY28" fmla="*/ 412538 h 1691232"/>
                <a:gd name="connsiteX29" fmla="*/ 81436 w 1920031"/>
                <a:gd name="connsiteY29" fmla="*/ 450638 h 1691232"/>
                <a:gd name="connsiteX30" fmla="*/ 33811 w 1920031"/>
                <a:gd name="connsiteY30" fmla="*/ 445876 h 1691232"/>
                <a:gd name="connsiteX31" fmla="*/ 33811 w 1920031"/>
                <a:gd name="connsiteY31" fmla="*/ 517313 h 1691232"/>
                <a:gd name="connsiteX32" fmla="*/ 474 w 1920031"/>
                <a:gd name="connsiteY32" fmla="*/ 622088 h 1691232"/>
                <a:gd name="connsiteX33" fmla="*/ 62386 w 1920031"/>
                <a:gd name="connsiteY33" fmla="*/ 698288 h 1691232"/>
                <a:gd name="connsiteX34" fmla="*/ 111977 w 1920031"/>
                <a:gd name="connsiteY34" fmla="*/ 678550 h 1691232"/>
                <a:gd name="connsiteX35" fmla="*/ 112334 w 1920031"/>
                <a:gd name="connsiteY35" fmla="*/ 748809 h 1691232"/>
                <a:gd name="connsiteX36" fmla="*/ 167161 w 1920031"/>
                <a:gd name="connsiteY36" fmla="*/ 779251 h 1691232"/>
                <a:gd name="connsiteX37" fmla="*/ 236159 w 1920031"/>
                <a:gd name="connsiteY37" fmla="*/ 789463 h 1691232"/>
                <a:gd name="connsiteX38" fmla="*/ 271462 w 1920031"/>
                <a:gd name="connsiteY38" fmla="*/ 845434 h 1691232"/>
                <a:gd name="connsiteX39" fmla="*/ 270869 w 1920031"/>
                <a:gd name="connsiteY39" fmla="*/ 890506 h 1691232"/>
                <a:gd name="connsiteX40" fmla="*/ 295393 w 1920031"/>
                <a:gd name="connsiteY40" fmla="*/ 929981 h 1691232"/>
                <a:gd name="connsiteX41" fmla="*/ 341051 w 1920031"/>
                <a:gd name="connsiteY41" fmla="*/ 968573 h 1691232"/>
                <a:gd name="connsiteX42" fmla="*/ 426184 w 1920031"/>
                <a:gd name="connsiteY42" fmla="*/ 1022825 h 1691232"/>
                <a:gd name="connsiteX43" fmla="*/ 461961 w 1920031"/>
                <a:gd name="connsiteY43" fmla="*/ 1093918 h 1691232"/>
                <a:gd name="connsiteX44" fmla="*/ 441064 w 1920031"/>
                <a:gd name="connsiteY44" fmla="*/ 1163491 h 1691232"/>
                <a:gd name="connsiteX45" fmla="*/ 519111 w 1920031"/>
                <a:gd name="connsiteY45" fmla="*/ 1219954 h 1691232"/>
                <a:gd name="connsiteX46" fmla="*/ 591143 w 1920031"/>
                <a:gd name="connsiteY46" fmla="*/ 1252948 h 1691232"/>
                <a:gd name="connsiteX47" fmla="*/ 571974 w 1920031"/>
                <a:gd name="connsiteY47" fmla="*/ 1312651 h 1691232"/>
                <a:gd name="connsiteX48" fmla="*/ 662461 w 1920031"/>
                <a:gd name="connsiteY48" fmla="*/ 1465051 h 1691232"/>
                <a:gd name="connsiteX49" fmla="*/ 755271 w 1920031"/>
                <a:gd name="connsiteY49" fmla="*/ 1538205 h 1691232"/>
                <a:gd name="connsiteX50" fmla="*/ 805336 w 1920031"/>
                <a:gd name="connsiteY50" fmla="*/ 1488863 h 1691232"/>
                <a:gd name="connsiteX51" fmla="*/ 869926 w 1920031"/>
                <a:gd name="connsiteY51" fmla="*/ 1516260 h 1691232"/>
                <a:gd name="connsiteX52" fmla="*/ 924399 w 1920031"/>
                <a:gd name="connsiteY52" fmla="*/ 1484101 h 1691232"/>
                <a:gd name="connsiteX53" fmla="*/ 941246 w 1920031"/>
                <a:gd name="connsiteY53" fmla="*/ 1441925 h 1691232"/>
                <a:gd name="connsiteX54" fmla="*/ 1005123 w 1920031"/>
                <a:gd name="connsiteY54" fmla="*/ 1528337 h 1691232"/>
                <a:gd name="connsiteX55" fmla="*/ 1050190 w 1920031"/>
                <a:gd name="connsiteY55" fmla="*/ 1599431 h 1691232"/>
                <a:gd name="connsiteX56" fmla="*/ 1120136 w 1920031"/>
                <a:gd name="connsiteY56" fmla="*/ 1690950 h 1691232"/>
                <a:gd name="connsiteX57" fmla="*/ 1151034 w 1920031"/>
                <a:gd name="connsiteY57" fmla="*/ 1627859 h 1691232"/>
                <a:gd name="connsiteX58" fmla="*/ 1181693 w 1920031"/>
                <a:gd name="connsiteY58" fmla="*/ 1621379 h 1691232"/>
                <a:gd name="connsiteX59" fmla="*/ 1224792 w 1920031"/>
                <a:gd name="connsiteY59" fmla="*/ 1650642 h 1691232"/>
                <a:gd name="connsiteX60" fmla="*/ 1258367 w 1920031"/>
                <a:gd name="connsiteY60" fmla="*/ 1609988 h 1691232"/>
                <a:gd name="connsiteX61" fmla="*/ 1277188 w 1920031"/>
                <a:gd name="connsiteY61" fmla="*/ 1614605 h 1691232"/>
                <a:gd name="connsiteX62" fmla="*/ 1311230 w 1920031"/>
                <a:gd name="connsiteY62" fmla="*/ 1681082 h 1691232"/>
                <a:gd name="connsiteX63" fmla="*/ 1367786 w 1920031"/>
                <a:gd name="connsiteY63" fmla="*/ 1657613 h 1691232"/>
                <a:gd name="connsiteX64" fmla="*/ 1419818 w 1920031"/>
                <a:gd name="connsiteY64" fmla="*/ 1601492 h 1691232"/>
                <a:gd name="connsiteX65" fmla="*/ 1470595 w 1920031"/>
                <a:gd name="connsiteY65" fmla="*/ 1584949 h 1691232"/>
                <a:gd name="connsiteX66" fmla="*/ 1488274 w 1920031"/>
                <a:gd name="connsiteY66" fmla="*/ 1640771 h 1691232"/>
                <a:gd name="connsiteX67" fmla="*/ 1558169 w 1920031"/>
                <a:gd name="connsiteY67" fmla="*/ 1615093 h 1691232"/>
                <a:gd name="connsiteX68" fmla="*/ 1588947 w 1920031"/>
                <a:gd name="connsiteY68" fmla="*/ 1528337 h 1691232"/>
                <a:gd name="connsiteX69" fmla="*/ 1670383 w 1920031"/>
                <a:gd name="connsiteY69" fmla="*/ 1438195 h 1691232"/>
                <a:gd name="connsiteX70" fmla="*/ 1714974 w 1920031"/>
                <a:gd name="connsiteY70" fmla="*/ 1407065 h 1691232"/>
                <a:gd name="connsiteX71" fmla="*/ 1743343 w 1920031"/>
                <a:gd name="connsiteY71" fmla="*/ 1410360 h 1691232"/>
                <a:gd name="connsiteX72" fmla="*/ 1833138 w 1920031"/>
                <a:gd name="connsiteY72" fmla="*/ 1402304 h 1691232"/>
                <a:gd name="connsiteX73" fmla="*/ 1816054 w 1920031"/>
                <a:gd name="connsiteY73" fmla="*/ 1453316 h 1691232"/>
                <a:gd name="connsiteX74" fmla="*/ 1874221 w 1920031"/>
                <a:gd name="connsiteY74" fmla="*/ 1476637 h 1691232"/>
                <a:gd name="connsiteX75" fmla="*/ 1919761 w 1920031"/>
                <a:gd name="connsiteY75" fmla="*/ 1441238 h 1691232"/>
                <a:gd name="connsiteX76" fmla="*/ 1853086 w 1920031"/>
                <a:gd name="connsiteY76" fmla="*/ 1398376 h 1691232"/>
                <a:gd name="connsiteX77" fmla="*/ 1853086 w 1920031"/>
                <a:gd name="connsiteY77" fmla="*/ 1303126 h 1691232"/>
                <a:gd name="connsiteX78" fmla="*/ 1853086 w 1920031"/>
                <a:gd name="connsiteY78" fmla="*/ 1245976 h 1691232"/>
                <a:gd name="connsiteX79" fmla="*/ 1810224 w 1920031"/>
                <a:gd name="connsiteY79" fmla="*/ 1236451 h 1691232"/>
                <a:gd name="connsiteX80" fmla="*/ 1734024 w 1920031"/>
                <a:gd name="connsiteY80" fmla="*/ 1155488 h 1691232"/>
                <a:gd name="connsiteX81" fmla="*/ 1695924 w 1920031"/>
                <a:gd name="connsiteY81" fmla="*/ 974513 h 1691232"/>
                <a:gd name="connsiteX82" fmla="*/ 1643536 w 1920031"/>
                <a:gd name="connsiteY82" fmla="*/ 941176 h 1691232"/>
                <a:gd name="connsiteX83" fmla="*/ 1605436 w 1920031"/>
                <a:gd name="connsiteY83" fmla="*/ 884026 h 1691232"/>
                <a:gd name="connsiteX84" fmla="*/ 1557811 w 1920031"/>
                <a:gd name="connsiteY84" fmla="*/ 836401 h 1691232"/>
                <a:gd name="connsiteX85" fmla="*/ 1505424 w 1920031"/>
                <a:gd name="connsiteY85" fmla="*/ 817351 h 1691232"/>
                <a:gd name="connsiteX86" fmla="*/ 1453036 w 1920031"/>
                <a:gd name="connsiteY86" fmla="*/ 812588 h 1691232"/>
                <a:gd name="connsiteX87" fmla="*/ 1510186 w 1920031"/>
                <a:gd name="connsiteY87" fmla="*/ 779251 h 1691232"/>
                <a:gd name="connsiteX88" fmla="*/ 1476849 w 1920031"/>
                <a:gd name="connsiteY88" fmla="*/ 745913 h 1691232"/>
                <a:gd name="connsiteX89" fmla="*/ 1481611 w 1920031"/>
                <a:gd name="connsiteY89" fmla="*/ 722101 h 1691232"/>
                <a:gd name="connsiteX90" fmla="*/ 1572099 w 1920031"/>
                <a:gd name="connsiteY90" fmla="*/ 760201 h 1691232"/>
                <a:gd name="connsiteX91" fmla="*/ 1624486 w 1920031"/>
                <a:gd name="connsiteY91" fmla="*/ 693526 h 1691232"/>
                <a:gd name="connsiteX92" fmla="*/ 1614961 w 1920031"/>
                <a:gd name="connsiteY92" fmla="*/ 550651 h 1691232"/>
                <a:gd name="connsiteX93" fmla="*/ 1610199 w 1920031"/>
                <a:gd name="connsiteY93" fmla="*/ 412538 h 1691232"/>
                <a:gd name="connsiteX0" fmla="*/ 1610199 w 1920031"/>
                <a:gd name="connsiteY0" fmla="*/ 412538 h 1691232"/>
                <a:gd name="connsiteX1" fmla="*/ 1567336 w 1920031"/>
                <a:gd name="connsiteY1" fmla="*/ 369676 h 1691232"/>
                <a:gd name="connsiteX2" fmla="*/ 1467324 w 1920031"/>
                <a:gd name="connsiteY2" fmla="*/ 345863 h 1691232"/>
                <a:gd name="connsiteX3" fmla="*/ 1419699 w 1920031"/>
                <a:gd name="connsiteY3" fmla="*/ 317288 h 1691232"/>
                <a:gd name="connsiteX4" fmla="*/ 1367311 w 1920031"/>
                <a:gd name="connsiteY4" fmla="*/ 160126 h 1691232"/>
                <a:gd name="connsiteX5" fmla="*/ 1338736 w 1920031"/>
                <a:gd name="connsiteY5" fmla="*/ 12488 h 1691232"/>
                <a:gd name="connsiteX6" fmla="*/ 1267299 w 1920031"/>
                <a:gd name="connsiteY6" fmla="*/ 12488 h 1691232"/>
                <a:gd name="connsiteX7" fmla="*/ 1214911 w 1920031"/>
                <a:gd name="connsiteY7" fmla="*/ 50588 h 1691232"/>
                <a:gd name="connsiteX8" fmla="*/ 1214911 w 1920031"/>
                <a:gd name="connsiteY8" fmla="*/ 155363 h 1691232"/>
                <a:gd name="connsiteX9" fmla="*/ 1186336 w 1920031"/>
                <a:gd name="connsiteY9" fmla="*/ 183938 h 1691232"/>
                <a:gd name="connsiteX10" fmla="*/ 1176811 w 1920031"/>
                <a:gd name="connsiteY10" fmla="*/ 255376 h 1691232"/>
                <a:gd name="connsiteX11" fmla="*/ 1114899 w 1920031"/>
                <a:gd name="connsiteY11" fmla="*/ 298238 h 1691232"/>
                <a:gd name="connsiteX12" fmla="*/ 1005361 w 1920031"/>
                <a:gd name="connsiteY12" fmla="*/ 312526 h 1691232"/>
                <a:gd name="connsiteX13" fmla="*/ 962499 w 1920031"/>
                <a:gd name="connsiteY13" fmla="*/ 355388 h 1691232"/>
                <a:gd name="connsiteX14" fmla="*/ 838674 w 1920031"/>
                <a:gd name="connsiteY14" fmla="*/ 355388 h 1691232"/>
                <a:gd name="connsiteX15" fmla="*/ 781524 w 1920031"/>
                <a:gd name="connsiteY15" fmla="*/ 426826 h 1691232"/>
                <a:gd name="connsiteX16" fmla="*/ 781524 w 1920031"/>
                <a:gd name="connsiteY16" fmla="*/ 460163 h 1691232"/>
                <a:gd name="connsiteX17" fmla="*/ 743424 w 1920031"/>
                <a:gd name="connsiteY17" fmla="*/ 483976 h 1691232"/>
                <a:gd name="connsiteX18" fmla="*/ 671986 w 1920031"/>
                <a:gd name="connsiteY18" fmla="*/ 417301 h 1691232"/>
                <a:gd name="connsiteX19" fmla="*/ 519586 w 1920031"/>
                <a:gd name="connsiteY19" fmla="*/ 412538 h 1691232"/>
                <a:gd name="connsiteX20" fmla="*/ 457674 w 1920031"/>
                <a:gd name="connsiteY20" fmla="*/ 431588 h 1691232"/>
                <a:gd name="connsiteX21" fmla="*/ 419574 w 1920031"/>
                <a:gd name="connsiteY21" fmla="*/ 417301 h 1691232"/>
                <a:gd name="connsiteX22" fmla="*/ 400524 w 1920031"/>
                <a:gd name="connsiteY22" fmla="*/ 355388 h 1691232"/>
                <a:gd name="connsiteX23" fmla="*/ 333849 w 1920031"/>
                <a:gd name="connsiteY23" fmla="*/ 303001 h 1691232"/>
                <a:gd name="connsiteX24" fmla="*/ 286224 w 1920031"/>
                <a:gd name="connsiteY24" fmla="*/ 236326 h 1691232"/>
                <a:gd name="connsiteX25" fmla="*/ 143349 w 1920031"/>
                <a:gd name="connsiteY25" fmla="*/ 255376 h 1691232"/>
                <a:gd name="connsiteX26" fmla="*/ 124299 w 1920031"/>
                <a:gd name="connsiteY26" fmla="*/ 331576 h 1691232"/>
                <a:gd name="connsiteX27" fmla="*/ 110011 w 1920031"/>
                <a:gd name="connsiteY27" fmla="*/ 364913 h 1691232"/>
                <a:gd name="connsiteX28" fmla="*/ 133824 w 1920031"/>
                <a:gd name="connsiteY28" fmla="*/ 412538 h 1691232"/>
                <a:gd name="connsiteX29" fmla="*/ 81436 w 1920031"/>
                <a:gd name="connsiteY29" fmla="*/ 450638 h 1691232"/>
                <a:gd name="connsiteX30" fmla="*/ 33811 w 1920031"/>
                <a:gd name="connsiteY30" fmla="*/ 445876 h 1691232"/>
                <a:gd name="connsiteX31" fmla="*/ 33811 w 1920031"/>
                <a:gd name="connsiteY31" fmla="*/ 517313 h 1691232"/>
                <a:gd name="connsiteX32" fmla="*/ 474 w 1920031"/>
                <a:gd name="connsiteY32" fmla="*/ 622088 h 1691232"/>
                <a:gd name="connsiteX33" fmla="*/ 62386 w 1920031"/>
                <a:gd name="connsiteY33" fmla="*/ 698288 h 1691232"/>
                <a:gd name="connsiteX34" fmla="*/ 111977 w 1920031"/>
                <a:gd name="connsiteY34" fmla="*/ 678550 h 1691232"/>
                <a:gd name="connsiteX35" fmla="*/ 112334 w 1920031"/>
                <a:gd name="connsiteY35" fmla="*/ 748809 h 1691232"/>
                <a:gd name="connsiteX36" fmla="*/ 167161 w 1920031"/>
                <a:gd name="connsiteY36" fmla="*/ 779251 h 1691232"/>
                <a:gd name="connsiteX37" fmla="*/ 236159 w 1920031"/>
                <a:gd name="connsiteY37" fmla="*/ 789463 h 1691232"/>
                <a:gd name="connsiteX38" fmla="*/ 271462 w 1920031"/>
                <a:gd name="connsiteY38" fmla="*/ 845434 h 1691232"/>
                <a:gd name="connsiteX39" fmla="*/ 270869 w 1920031"/>
                <a:gd name="connsiteY39" fmla="*/ 890506 h 1691232"/>
                <a:gd name="connsiteX40" fmla="*/ 295393 w 1920031"/>
                <a:gd name="connsiteY40" fmla="*/ 929981 h 1691232"/>
                <a:gd name="connsiteX41" fmla="*/ 341051 w 1920031"/>
                <a:gd name="connsiteY41" fmla="*/ 968573 h 1691232"/>
                <a:gd name="connsiteX42" fmla="*/ 426184 w 1920031"/>
                <a:gd name="connsiteY42" fmla="*/ 1022825 h 1691232"/>
                <a:gd name="connsiteX43" fmla="*/ 461961 w 1920031"/>
                <a:gd name="connsiteY43" fmla="*/ 1093918 h 1691232"/>
                <a:gd name="connsiteX44" fmla="*/ 441064 w 1920031"/>
                <a:gd name="connsiteY44" fmla="*/ 1163491 h 1691232"/>
                <a:gd name="connsiteX45" fmla="*/ 519111 w 1920031"/>
                <a:gd name="connsiteY45" fmla="*/ 1219954 h 1691232"/>
                <a:gd name="connsiteX46" fmla="*/ 591143 w 1920031"/>
                <a:gd name="connsiteY46" fmla="*/ 1252948 h 1691232"/>
                <a:gd name="connsiteX47" fmla="*/ 571974 w 1920031"/>
                <a:gd name="connsiteY47" fmla="*/ 1312651 h 1691232"/>
                <a:gd name="connsiteX48" fmla="*/ 662461 w 1920031"/>
                <a:gd name="connsiteY48" fmla="*/ 1465051 h 1691232"/>
                <a:gd name="connsiteX49" fmla="*/ 755271 w 1920031"/>
                <a:gd name="connsiteY49" fmla="*/ 1538205 h 1691232"/>
                <a:gd name="connsiteX50" fmla="*/ 805336 w 1920031"/>
                <a:gd name="connsiteY50" fmla="*/ 1488863 h 1691232"/>
                <a:gd name="connsiteX51" fmla="*/ 869926 w 1920031"/>
                <a:gd name="connsiteY51" fmla="*/ 1516260 h 1691232"/>
                <a:gd name="connsiteX52" fmla="*/ 924399 w 1920031"/>
                <a:gd name="connsiteY52" fmla="*/ 1484101 h 1691232"/>
                <a:gd name="connsiteX53" fmla="*/ 941246 w 1920031"/>
                <a:gd name="connsiteY53" fmla="*/ 1441925 h 1691232"/>
                <a:gd name="connsiteX54" fmla="*/ 1005123 w 1920031"/>
                <a:gd name="connsiteY54" fmla="*/ 1528337 h 1691232"/>
                <a:gd name="connsiteX55" fmla="*/ 1050190 w 1920031"/>
                <a:gd name="connsiteY55" fmla="*/ 1599431 h 1691232"/>
                <a:gd name="connsiteX56" fmla="*/ 1120136 w 1920031"/>
                <a:gd name="connsiteY56" fmla="*/ 1690950 h 1691232"/>
                <a:gd name="connsiteX57" fmla="*/ 1151034 w 1920031"/>
                <a:gd name="connsiteY57" fmla="*/ 1627859 h 1691232"/>
                <a:gd name="connsiteX58" fmla="*/ 1181693 w 1920031"/>
                <a:gd name="connsiteY58" fmla="*/ 1621379 h 1691232"/>
                <a:gd name="connsiteX59" fmla="*/ 1224792 w 1920031"/>
                <a:gd name="connsiteY59" fmla="*/ 1650642 h 1691232"/>
                <a:gd name="connsiteX60" fmla="*/ 1258367 w 1920031"/>
                <a:gd name="connsiteY60" fmla="*/ 1609988 h 1691232"/>
                <a:gd name="connsiteX61" fmla="*/ 1277188 w 1920031"/>
                <a:gd name="connsiteY61" fmla="*/ 1614605 h 1691232"/>
                <a:gd name="connsiteX62" fmla="*/ 1311230 w 1920031"/>
                <a:gd name="connsiteY62" fmla="*/ 1681082 h 1691232"/>
                <a:gd name="connsiteX63" fmla="*/ 1367786 w 1920031"/>
                <a:gd name="connsiteY63" fmla="*/ 1657613 h 1691232"/>
                <a:gd name="connsiteX64" fmla="*/ 1419818 w 1920031"/>
                <a:gd name="connsiteY64" fmla="*/ 1601492 h 1691232"/>
                <a:gd name="connsiteX65" fmla="*/ 1470595 w 1920031"/>
                <a:gd name="connsiteY65" fmla="*/ 1584949 h 1691232"/>
                <a:gd name="connsiteX66" fmla="*/ 1488274 w 1920031"/>
                <a:gd name="connsiteY66" fmla="*/ 1640771 h 1691232"/>
                <a:gd name="connsiteX67" fmla="*/ 1558169 w 1920031"/>
                <a:gd name="connsiteY67" fmla="*/ 1615093 h 1691232"/>
                <a:gd name="connsiteX68" fmla="*/ 1588947 w 1920031"/>
                <a:gd name="connsiteY68" fmla="*/ 1528337 h 1691232"/>
                <a:gd name="connsiteX69" fmla="*/ 1670383 w 1920031"/>
                <a:gd name="connsiteY69" fmla="*/ 1438195 h 1691232"/>
                <a:gd name="connsiteX70" fmla="*/ 1714974 w 1920031"/>
                <a:gd name="connsiteY70" fmla="*/ 1407065 h 1691232"/>
                <a:gd name="connsiteX71" fmla="*/ 1743343 w 1920031"/>
                <a:gd name="connsiteY71" fmla="*/ 1410360 h 1691232"/>
                <a:gd name="connsiteX72" fmla="*/ 1820935 w 1920031"/>
                <a:gd name="connsiteY72" fmla="*/ 1399752 h 1691232"/>
                <a:gd name="connsiteX73" fmla="*/ 1816054 w 1920031"/>
                <a:gd name="connsiteY73" fmla="*/ 1453316 h 1691232"/>
                <a:gd name="connsiteX74" fmla="*/ 1874221 w 1920031"/>
                <a:gd name="connsiteY74" fmla="*/ 1476637 h 1691232"/>
                <a:gd name="connsiteX75" fmla="*/ 1919761 w 1920031"/>
                <a:gd name="connsiteY75" fmla="*/ 1441238 h 1691232"/>
                <a:gd name="connsiteX76" fmla="*/ 1853086 w 1920031"/>
                <a:gd name="connsiteY76" fmla="*/ 1398376 h 1691232"/>
                <a:gd name="connsiteX77" fmla="*/ 1853086 w 1920031"/>
                <a:gd name="connsiteY77" fmla="*/ 1303126 h 1691232"/>
                <a:gd name="connsiteX78" fmla="*/ 1853086 w 1920031"/>
                <a:gd name="connsiteY78" fmla="*/ 1245976 h 1691232"/>
                <a:gd name="connsiteX79" fmla="*/ 1810224 w 1920031"/>
                <a:gd name="connsiteY79" fmla="*/ 1236451 h 1691232"/>
                <a:gd name="connsiteX80" fmla="*/ 1734024 w 1920031"/>
                <a:gd name="connsiteY80" fmla="*/ 1155488 h 1691232"/>
                <a:gd name="connsiteX81" fmla="*/ 1695924 w 1920031"/>
                <a:gd name="connsiteY81" fmla="*/ 974513 h 1691232"/>
                <a:gd name="connsiteX82" fmla="*/ 1643536 w 1920031"/>
                <a:gd name="connsiteY82" fmla="*/ 941176 h 1691232"/>
                <a:gd name="connsiteX83" fmla="*/ 1605436 w 1920031"/>
                <a:gd name="connsiteY83" fmla="*/ 884026 h 1691232"/>
                <a:gd name="connsiteX84" fmla="*/ 1557811 w 1920031"/>
                <a:gd name="connsiteY84" fmla="*/ 836401 h 1691232"/>
                <a:gd name="connsiteX85" fmla="*/ 1505424 w 1920031"/>
                <a:gd name="connsiteY85" fmla="*/ 817351 h 1691232"/>
                <a:gd name="connsiteX86" fmla="*/ 1453036 w 1920031"/>
                <a:gd name="connsiteY86" fmla="*/ 812588 h 1691232"/>
                <a:gd name="connsiteX87" fmla="*/ 1510186 w 1920031"/>
                <a:gd name="connsiteY87" fmla="*/ 779251 h 1691232"/>
                <a:gd name="connsiteX88" fmla="*/ 1476849 w 1920031"/>
                <a:gd name="connsiteY88" fmla="*/ 745913 h 1691232"/>
                <a:gd name="connsiteX89" fmla="*/ 1481611 w 1920031"/>
                <a:gd name="connsiteY89" fmla="*/ 722101 h 1691232"/>
                <a:gd name="connsiteX90" fmla="*/ 1572099 w 1920031"/>
                <a:gd name="connsiteY90" fmla="*/ 760201 h 1691232"/>
                <a:gd name="connsiteX91" fmla="*/ 1624486 w 1920031"/>
                <a:gd name="connsiteY91" fmla="*/ 693526 h 1691232"/>
                <a:gd name="connsiteX92" fmla="*/ 1614961 w 1920031"/>
                <a:gd name="connsiteY92" fmla="*/ 550651 h 1691232"/>
                <a:gd name="connsiteX93" fmla="*/ 1610199 w 1920031"/>
                <a:gd name="connsiteY93" fmla="*/ 412538 h 1691232"/>
                <a:gd name="connsiteX0" fmla="*/ 1610199 w 1880151"/>
                <a:gd name="connsiteY0" fmla="*/ 412538 h 1691232"/>
                <a:gd name="connsiteX1" fmla="*/ 1567336 w 1880151"/>
                <a:gd name="connsiteY1" fmla="*/ 369676 h 1691232"/>
                <a:gd name="connsiteX2" fmla="*/ 1467324 w 1880151"/>
                <a:gd name="connsiteY2" fmla="*/ 345863 h 1691232"/>
                <a:gd name="connsiteX3" fmla="*/ 1419699 w 1880151"/>
                <a:gd name="connsiteY3" fmla="*/ 317288 h 1691232"/>
                <a:gd name="connsiteX4" fmla="*/ 1367311 w 1880151"/>
                <a:gd name="connsiteY4" fmla="*/ 160126 h 1691232"/>
                <a:gd name="connsiteX5" fmla="*/ 1338736 w 1880151"/>
                <a:gd name="connsiteY5" fmla="*/ 12488 h 1691232"/>
                <a:gd name="connsiteX6" fmla="*/ 1267299 w 1880151"/>
                <a:gd name="connsiteY6" fmla="*/ 12488 h 1691232"/>
                <a:gd name="connsiteX7" fmla="*/ 1214911 w 1880151"/>
                <a:gd name="connsiteY7" fmla="*/ 50588 h 1691232"/>
                <a:gd name="connsiteX8" fmla="*/ 1214911 w 1880151"/>
                <a:gd name="connsiteY8" fmla="*/ 155363 h 1691232"/>
                <a:gd name="connsiteX9" fmla="*/ 1186336 w 1880151"/>
                <a:gd name="connsiteY9" fmla="*/ 183938 h 1691232"/>
                <a:gd name="connsiteX10" fmla="*/ 1176811 w 1880151"/>
                <a:gd name="connsiteY10" fmla="*/ 255376 h 1691232"/>
                <a:gd name="connsiteX11" fmla="*/ 1114899 w 1880151"/>
                <a:gd name="connsiteY11" fmla="*/ 298238 h 1691232"/>
                <a:gd name="connsiteX12" fmla="*/ 1005361 w 1880151"/>
                <a:gd name="connsiteY12" fmla="*/ 312526 h 1691232"/>
                <a:gd name="connsiteX13" fmla="*/ 962499 w 1880151"/>
                <a:gd name="connsiteY13" fmla="*/ 355388 h 1691232"/>
                <a:gd name="connsiteX14" fmla="*/ 838674 w 1880151"/>
                <a:gd name="connsiteY14" fmla="*/ 355388 h 1691232"/>
                <a:gd name="connsiteX15" fmla="*/ 781524 w 1880151"/>
                <a:gd name="connsiteY15" fmla="*/ 426826 h 1691232"/>
                <a:gd name="connsiteX16" fmla="*/ 781524 w 1880151"/>
                <a:gd name="connsiteY16" fmla="*/ 460163 h 1691232"/>
                <a:gd name="connsiteX17" fmla="*/ 743424 w 1880151"/>
                <a:gd name="connsiteY17" fmla="*/ 483976 h 1691232"/>
                <a:gd name="connsiteX18" fmla="*/ 671986 w 1880151"/>
                <a:gd name="connsiteY18" fmla="*/ 417301 h 1691232"/>
                <a:gd name="connsiteX19" fmla="*/ 519586 w 1880151"/>
                <a:gd name="connsiteY19" fmla="*/ 412538 h 1691232"/>
                <a:gd name="connsiteX20" fmla="*/ 457674 w 1880151"/>
                <a:gd name="connsiteY20" fmla="*/ 431588 h 1691232"/>
                <a:gd name="connsiteX21" fmla="*/ 419574 w 1880151"/>
                <a:gd name="connsiteY21" fmla="*/ 417301 h 1691232"/>
                <a:gd name="connsiteX22" fmla="*/ 400524 w 1880151"/>
                <a:gd name="connsiteY22" fmla="*/ 355388 h 1691232"/>
                <a:gd name="connsiteX23" fmla="*/ 333849 w 1880151"/>
                <a:gd name="connsiteY23" fmla="*/ 303001 h 1691232"/>
                <a:gd name="connsiteX24" fmla="*/ 286224 w 1880151"/>
                <a:gd name="connsiteY24" fmla="*/ 236326 h 1691232"/>
                <a:gd name="connsiteX25" fmla="*/ 143349 w 1880151"/>
                <a:gd name="connsiteY25" fmla="*/ 255376 h 1691232"/>
                <a:gd name="connsiteX26" fmla="*/ 124299 w 1880151"/>
                <a:gd name="connsiteY26" fmla="*/ 331576 h 1691232"/>
                <a:gd name="connsiteX27" fmla="*/ 110011 w 1880151"/>
                <a:gd name="connsiteY27" fmla="*/ 364913 h 1691232"/>
                <a:gd name="connsiteX28" fmla="*/ 133824 w 1880151"/>
                <a:gd name="connsiteY28" fmla="*/ 412538 h 1691232"/>
                <a:gd name="connsiteX29" fmla="*/ 81436 w 1880151"/>
                <a:gd name="connsiteY29" fmla="*/ 450638 h 1691232"/>
                <a:gd name="connsiteX30" fmla="*/ 33811 w 1880151"/>
                <a:gd name="connsiteY30" fmla="*/ 445876 h 1691232"/>
                <a:gd name="connsiteX31" fmla="*/ 33811 w 1880151"/>
                <a:gd name="connsiteY31" fmla="*/ 517313 h 1691232"/>
                <a:gd name="connsiteX32" fmla="*/ 474 w 1880151"/>
                <a:gd name="connsiteY32" fmla="*/ 622088 h 1691232"/>
                <a:gd name="connsiteX33" fmla="*/ 62386 w 1880151"/>
                <a:gd name="connsiteY33" fmla="*/ 698288 h 1691232"/>
                <a:gd name="connsiteX34" fmla="*/ 111977 w 1880151"/>
                <a:gd name="connsiteY34" fmla="*/ 678550 h 1691232"/>
                <a:gd name="connsiteX35" fmla="*/ 112334 w 1880151"/>
                <a:gd name="connsiteY35" fmla="*/ 748809 h 1691232"/>
                <a:gd name="connsiteX36" fmla="*/ 167161 w 1880151"/>
                <a:gd name="connsiteY36" fmla="*/ 779251 h 1691232"/>
                <a:gd name="connsiteX37" fmla="*/ 236159 w 1880151"/>
                <a:gd name="connsiteY37" fmla="*/ 789463 h 1691232"/>
                <a:gd name="connsiteX38" fmla="*/ 271462 w 1880151"/>
                <a:gd name="connsiteY38" fmla="*/ 845434 h 1691232"/>
                <a:gd name="connsiteX39" fmla="*/ 270869 w 1880151"/>
                <a:gd name="connsiteY39" fmla="*/ 890506 h 1691232"/>
                <a:gd name="connsiteX40" fmla="*/ 295393 w 1880151"/>
                <a:gd name="connsiteY40" fmla="*/ 929981 h 1691232"/>
                <a:gd name="connsiteX41" fmla="*/ 341051 w 1880151"/>
                <a:gd name="connsiteY41" fmla="*/ 968573 h 1691232"/>
                <a:gd name="connsiteX42" fmla="*/ 426184 w 1880151"/>
                <a:gd name="connsiteY42" fmla="*/ 1022825 h 1691232"/>
                <a:gd name="connsiteX43" fmla="*/ 461961 w 1880151"/>
                <a:gd name="connsiteY43" fmla="*/ 1093918 h 1691232"/>
                <a:gd name="connsiteX44" fmla="*/ 441064 w 1880151"/>
                <a:gd name="connsiteY44" fmla="*/ 1163491 h 1691232"/>
                <a:gd name="connsiteX45" fmla="*/ 519111 w 1880151"/>
                <a:gd name="connsiteY45" fmla="*/ 1219954 h 1691232"/>
                <a:gd name="connsiteX46" fmla="*/ 591143 w 1880151"/>
                <a:gd name="connsiteY46" fmla="*/ 1252948 h 1691232"/>
                <a:gd name="connsiteX47" fmla="*/ 571974 w 1880151"/>
                <a:gd name="connsiteY47" fmla="*/ 1312651 h 1691232"/>
                <a:gd name="connsiteX48" fmla="*/ 662461 w 1880151"/>
                <a:gd name="connsiteY48" fmla="*/ 1465051 h 1691232"/>
                <a:gd name="connsiteX49" fmla="*/ 755271 w 1880151"/>
                <a:gd name="connsiteY49" fmla="*/ 1538205 h 1691232"/>
                <a:gd name="connsiteX50" fmla="*/ 805336 w 1880151"/>
                <a:gd name="connsiteY50" fmla="*/ 1488863 h 1691232"/>
                <a:gd name="connsiteX51" fmla="*/ 869926 w 1880151"/>
                <a:gd name="connsiteY51" fmla="*/ 1516260 h 1691232"/>
                <a:gd name="connsiteX52" fmla="*/ 924399 w 1880151"/>
                <a:gd name="connsiteY52" fmla="*/ 1484101 h 1691232"/>
                <a:gd name="connsiteX53" fmla="*/ 941246 w 1880151"/>
                <a:gd name="connsiteY53" fmla="*/ 1441925 h 1691232"/>
                <a:gd name="connsiteX54" fmla="*/ 1005123 w 1880151"/>
                <a:gd name="connsiteY54" fmla="*/ 1528337 h 1691232"/>
                <a:gd name="connsiteX55" fmla="*/ 1050190 w 1880151"/>
                <a:gd name="connsiteY55" fmla="*/ 1599431 h 1691232"/>
                <a:gd name="connsiteX56" fmla="*/ 1120136 w 1880151"/>
                <a:gd name="connsiteY56" fmla="*/ 1690950 h 1691232"/>
                <a:gd name="connsiteX57" fmla="*/ 1151034 w 1880151"/>
                <a:gd name="connsiteY57" fmla="*/ 1627859 h 1691232"/>
                <a:gd name="connsiteX58" fmla="*/ 1181693 w 1880151"/>
                <a:gd name="connsiteY58" fmla="*/ 1621379 h 1691232"/>
                <a:gd name="connsiteX59" fmla="*/ 1224792 w 1880151"/>
                <a:gd name="connsiteY59" fmla="*/ 1650642 h 1691232"/>
                <a:gd name="connsiteX60" fmla="*/ 1258367 w 1880151"/>
                <a:gd name="connsiteY60" fmla="*/ 1609988 h 1691232"/>
                <a:gd name="connsiteX61" fmla="*/ 1277188 w 1880151"/>
                <a:gd name="connsiteY61" fmla="*/ 1614605 h 1691232"/>
                <a:gd name="connsiteX62" fmla="*/ 1311230 w 1880151"/>
                <a:gd name="connsiteY62" fmla="*/ 1681082 h 1691232"/>
                <a:gd name="connsiteX63" fmla="*/ 1367786 w 1880151"/>
                <a:gd name="connsiteY63" fmla="*/ 1657613 h 1691232"/>
                <a:gd name="connsiteX64" fmla="*/ 1419818 w 1880151"/>
                <a:gd name="connsiteY64" fmla="*/ 1601492 h 1691232"/>
                <a:gd name="connsiteX65" fmla="*/ 1470595 w 1880151"/>
                <a:gd name="connsiteY65" fmla="*/ 1584949 h 1691232"/>
                <a:gd name="connsiteX66" fmla="*/ 1488274 w 1880151"/>
                <a:gd name="connsiteY66" fmla="*/ 1640771 h 1691232"/>
                <a:gd name="connsiteX67" fmla="*/ 1558169 w 1880151"/>
                <a:gd name="connsiteY67" fmla="*/ 1615093 h 1691232"/>
                <a:gd name="connsiteX68" fmla="*/ 1588947 w 1880151"/>
                <a:gd name="connsiteY68" fmla="*/ 1528337 h 1691232"/>
                <a:gd name="connsiteX69" fmla="*/ 1670383 w 1880151"/>
                <a:gd name="connsiteY69" fmla="*/ 1438195 h 1691232"/>
                <a:gd name="connsiteX70" fmla="*/ 1714974 w 1880151"/>
                <a:gd name="connsiteY70" fmla="*/ 1407065 h 1691232"/>
                <a:gd name="connsiteX71" fmla="*/ 1743343 w 1880151"/>
                <a:gd name="connsiteY71" fmla="*/ 1410360 h 1691232"/>
                <a:gd name="connsiteX72" fmla="*/ 1820935 w 1880151"/>
                <a:gd name="connsiteY72" fmla="*/ 1399752 h 1691232"/>
                <a:gd name="connsiteX73" fmla="*/ 1816054 w 1880151"/>
                <a:gd name="connsiteY73" fmla="*/ 1453316 h 1691232"/>
                <a:gd name="connsiteX74" fmla="*/ 1874221 w 1880151"/>
                <a:gd name="connsiteY74" fmla="*/ 1476637 h 1691232"/>
                <a:gd name="connsiteX75" fmla="*/ 1875830 w 1880151"/>
                <a:gd name="connsiteY75" fmla="*/ 1451451 h 1691232"/>
                <a:gd name="connsiteX76" fmla="*/ 1853086 w 1880151"/>
                <a:gd name="connsiteY76" fmla="*/ 1398376 h 1691232"/>
                <a:gd name="connsiteX77" fmla="*/ 1853086 w 1880151"/>
                <a:gd name="connsiteY77" fmla="*/ 1303126 h 1691232"/>
                <a:gd name="connsiteX78" fmla="*/ 1853086 w 1880151"/>
                <a:gd name="connsiteY78" fmla="*/ 1245976 h 1691232"/>
                <a:gd name="connsiteX79" fmla="*/ 1810224 w 1880151"/>
                <a:gd name="connsiteY79" fmla="*/ 1236451 h 1691232"/>
                <a:gd name="connsiteX80" fmla="*/ 1734024 w 1880151"/>
                <a:gd name="connsiteY80" fmla="*/ 1155488 h 1691232"/>
                <a:gd name="connsiteX81" fmla="*/ 1695924 w 1880151"/>
                <a:gd name="connsiteY81" fmla="*/ 974513 h 1691232"/>
                <a:gd name="connsiteX82" fmla="*/ 1643536 w 1880151"/>
                <a:gd name="connsiteY82" fmla="*/ 941176 h 1691232"/>
                <a:gd name="connsiteX83" fmla="*/ 1605436 w 1880151"/>
                <a:gd name="connsiteY83" fmla="*/ 884026 h 1691232"/>
                <a:gd name="connsiteX84" fmla="*/ 1557811 w 1880151"/>
                <a:gd name="connsiteY84" fmla="*/ 836401 h 1691232"/>
                <a:gd name="connsiteX85" fmla="*/ 1505424 w 1880151"/>
                <a:gd name="connsiteY85" fmla="*/ 817351 h 1691232"/>
                <a:gd name="connsiteX86" fmla="*/ 1453036 w 1880151"/>
                <a:gd name="connsiteY86" fmla="*/ 812588 h 1691232"/>
                <a:gd name="connsiteX87" fmla="*/ 1510186 w 1880151"/>
                <a:gd name="connsiteY87" fmla="*/ 779251 h 1691232"/>
                <a:gd name="connsiteX88" fmla="*/ 1476849 w 1880151"/>
                <a:gd name="connsiteY88" fmla="*/ 745913 h 1691232"/>
                <a:gd name="connsiteX89" fmla="*/ 1481611 w 1880151"/>
                <a:gd name="connsiteY89" fmla="*/ 722101 h 1691232"/>
                <a:gd name="connsiteX90" fmla="*/ 1572099 w 1880151"/>
                <a:gd name="connsiteY90" fmla="*/ 760201 h 1691232"/>
                <a:gd name="connsiteX91" fmla="*/ 1624486 w 1880151"/>
                <a:gd name="connsiteY91" fmla="*/ 693526 h 1691232"/>
                <a:gd name="connsiteX92" fmla="*/ 1614961 w 1880151"/>
                <a:gd name="connsiteY92" fmla="*/ 550651 h 1691232"/>
                <a:gd name="connsiteX93" fmla="*/ 1610199 w 1880151"/>
                <a:gd name="connsiteY93" fmla="*/ 412538 h 1691232"/>
                <a:gd name="connsiteX0" fmla="*/ 1610199 w 1874950"/>
                <a:gd name="connsiteY0" fmla="*/ 412538 h 1691232"/>
                <a:gd name="connsiteX1" fmla="*/ 1567336 w 1874950"/>
                <a:gd name="connsiteY1" fmla="*/ 369676 h 1691232"/>
                <a:gd name="connsiteX2" fmla="*/ 1467324 w 1874950"/>
                <a:gd name="connsiteY2" fmla="*/ 345863 h 1691232"/>
                <a:gd name="connsiteX3" fmla="*/ 1419699 w 1874950"/>
                <a:gd name="connsiteY3" fmla="*/ 317288 h 1691232"/>
                <a:gd name="connsiteX4" fmla="*/ 1367311 w 1874950"/>
                <a:gd name="connsiteY4" fmla="*/ 160126 h 1691232"/>
                <a:gd name="connsiteX5" fmla="*/ 1338736 w 1874950"/>
                <a:gd name="connsiteY5" fmla="*/ 12488 h 1691232"/>
                <a:gd name="connsiteX6" fmla="*/ 1267299 w 1874950"/>
                <a:gd name="connsiteY6" fmla="*/ 12488 h 1691232"/>
                <a:gd name="connsiteX7" fmla="*/ 1214911 w 1874950"/>
                <a:gd name="connsiteY7" fmla="*/ 50588 h 1691232"/>
                <a:gd name="connsiteX8" fmla="*/ 1214911 w 1874950"/>
                <a:gd name="connsiteY8" fmla="*/ 155363 h 1691232"/>
                <a:gd name="connsiteX9" fmla="*/ 1186336 w 1874950"/>
                <a:gd name="connsiteY9" fmla="*/ 183938 h 1691232"/>
                <a:gd name="connsiteX10" fmla="*/ 1176811 w 1874950"/>
                <a:gd name="connsiteY10" fmla="*/ 255376 h 1691232"/>
                <a:gd name="connsiteX11" fmla="*/ 1114899 w 1874950"/>
                <a:gd name="connsiteY11" fmla="*/ 298238 h 1691232"/>
                <a:gd name="connsiteX12" fmla="*/ 1005361 w 1874950"/>
                <a:gd name="connsiteY12" fmla="*/ 312526 h 1691232"/>
                <a:gd name="connsiteX13" fmla="*/ 962499 w 1874950"/>
                <a:gd name="connsiteY13" fmla="*/ 355388 h 1691232"/>
                <a:gd name="connsiteX14" fmla="*/ 838674 w 1874950"/>
                <a:gd name="connsiteY14" fmla="*/ 355388 h 1691232"/>
                <a:gd name="connsiteX15" fmla="*/ 781524 w 1874950"/>
                <a:gd name="connsiteY15" fmla="*/ 426826 h 1691232"/>
                <a:gd name="connsiteX16" fmla="*/ 781524 w 1874950"/>
                <a:gd name="connsiteY16" fmla="*/ 460163 h 1691232"/>
                <a:gd name="connsiteX17" fmla="*/ 743424 w 1874950"/>
                <a:gd name="connsiteY17" fmla="*/ 483976 h 1691232"/>
                <a:gd name="connsiteX18" fmla="*/ 671986 w 1874950"/>
                <a:gd name="connsiteY18" fmla="*/ 417301 h 1691232"/>
                <a:gd name="connsiteX19" fmla="*/ 519586 w 1874950"/>
                <a:gd name="connsiteY19" fmla="*/ 412538 h 1691232"/>
                <a:gd name="connsiteX20" fmla="*/ 457674 w 1874950"/>
                <a:gd name="connsiteY20" fmla="*/ 431588 h 1691232"/>
                <a:gd name="connsiteX21" fmla="*/ 419574 w 1874950"/>
                <a:gd name="connsiteY21" fmla="*/ 417301 h 1691232"/>
                <a:gd name="connsiteX22" fmla="*/ 400524 w 1874950"/>
                <a:gd name="connsiteY22" fmla="*/ 355388 h 1691232"/>
                <a:gd name="connsiteX23" fmla="*/ 333849 w 1874950"/>
                <a:gd name="connsiteY23" fmla="*/ 303001 h 1691232"/>
                <a:gd name="connsiteX24" fmla="*/ 286224 w 1874950"/>
                <a:gd name="connsiteY24" fmla="*/ 236326 h 1691232"/>
                <a:gd name="connsiteX25" fmla="*/ 143349 w 1874950"/>
                <a:gd name="connsiteY25" fmla="*/ 255376 h 1691232"/>
                <a:gd name="connsiteX26" fmla="*/ 124299 w 1874950"/>
                <a:gd name="connsiteY26" fmla="*/ 331576 h 1691232"/>
                <a:gd name="connsiteX27" fmla="*/ 110011 w 1874950"/>
                <a:gd name="connsiteY27" fmla="*/ 364913 h 1691232"/>
                <a:gd name="connsiteX28" fmla="*/ 133824 w 1874950"/>
                <a:gd name="connsiteY28" fmla="*/ 412538 h 1691232"/>
                <a:gd name="connsiteX29" fmla="*/ 81436 w 1874950"/>
                <a:gd name="connsiteY29" fmla="*/ 450638 h 1691232"/>
                <a:gd name="connsiteX30" fmla="*/ 33811 w 1874950"/>
                <a:gd name="connsiteY30" fmla="*/ 445876 h 1691232"/>
                <a:gd name="connsiteX31" fmla="*/ 33811 w 1874950"/>
                <a:gd name="connsiteY31" fmla="*/ 517313 h 1691232"/>
                <a:gd name="connsiteX32" fmla="*/ 474 w 1874950"/>
                <a:gd name="connsiteY32" fmla="*/ 622088 h 1691232"/>
                <a:gd name="connsiteX33" fmla="*/ 62386 w 1874950"/>
                <a:gd name="connsiteY33" fmla="*/ 698288 h 1691232"/>
                <a:gd name="connsiteX34" fmla="*/ 111977 w 1874950"/>
                <a:gd name="connsiteY34" fmla="*/ 678550 h 1691232"/>
                <a:gd name="connsiteX35" fmla="*/ 112334 w 1874950"/>
                <a:gd name="connsiteY35" fmla="*/ 748809 h 1691232"/>
                <a:gd name="connsiteX36" fmla="*/ 167161 w 1874950"/>
                <a:gd name="connsiteY36" fmla="*/ 779251 h 1691232"/>
                <a:gd name="connsiteX37" fmla="*/ 236159 w 1874950"/>
                <a:gd name="connsiteY37" fmla="*/ 789463 h 1691232"/>
                <a:gd name="connsiteX38" fmla="*/ 271462 w 1874950"/>
                <a:gd name="connsiteY38" fmla="*/ 845434 h 1691232"/>
                <a:gd name="connsiteX39" fmla="*/ 270869 w 1874950"/>
                <a:gd name="connsiteY39" fmla="*/ 890506 h 1691232"/>
                <a:gd name="connsiteX40" fmla="*/ 295393 w 1874950"/>
                <a:gd name="connsiteY40" fmla="*/ 929981 h 1691232"/>
                <a:gd name="connsiteX41" fmla="*/ 341051 w 1874950"/>
                <a:gd name="connsiteY41" fmla="*/ 968573 h 1691232"/>
                <a:gd name="connsiteX42" fmla="*/ 426184 w 1874950"/>
                <a:gd name="connsiteY42" fmla="*/ 1022825 h 1691232"/>
                <a:gd name="connsiteX43" fmla="*/ 461961 w 1874950"/>
                <a:gd name="connsiteY43" fmla="*/ 1093918 h 1691232"/>
                <a:gd name="connsiteX44" fmla="*/ 441064 w 1874950"/>
                <a:gd name="connsiteY44" fmla="*/ 1163491 h 1691232"/>
                <a:gd name="connsiteX45" fmla="*/ 519111 w 1874950"/>
                <a:gd name="connsiteY45" fmla="*/ 1219954 h 1691232"/>
                <a:gd name="connsiteX46" fmla="*/ 591143 w 1874950"/>
                <a:gd name="connsiteY46" fmla="*/ 1252948 h 1691232"/>
                <a:gd name="connsiteX47" fmla="*/ 571974 w 1874950"/>
                <a:gd name="connsiteY47" fmla="*/ 1312651 h 1691232"/>
                <a:gd name="connsiteX48" fmla="*/ 662461 w 1874950"/>
                <a:gd name="connsiteY48" fmla="*/ 1465051 h 1691232"/>
                <a:gd name="connsiteX49" fmla="*/ 755271 w 1874950"/>
                <a:gd name="connsiteY49" fmla="*/ 1538205 h 1691232"/>
                <a:gd name="connsiteX50" fmla="*/ 805336 w 1874950"/>
                <a:gd name="connsiteY50" fmla="*/ 1488863 h 1691232"/>
                <a:gd name="connsiteX51" fmla="*/ 869926 w 1874950"/>
                <a:gd name="connsiteY51" fmla="*/ 1516260 h 1691232"/>
                <a:gd name="connsiteX52" fmla="*/ 924399 w 1874950"/>
                <a:gd name="connsiteY52" fmla="*/ 1484101 h 1691232"/>
                <a:gd name="connsiteX53" fmla="*/ 941246 w 1874950"/>
                <a:gd name="connsiteY53" fmla="*/ 1441925 h 1691232"/>
                <a:gd name="connsiteX54" fmla="*/ 1005123 w 1874950"/>
                <a:gd name="connsiteY54" fmla="*/ 1528337 h 1691232"/>
                <a:gd name="connsiteX55" fmla="*/ 1050190 w 1874950"/>
                <a:gd name="connsiteY55" fmla="*/ 1599431 h 1691232"/>
                <a:gd name="connsiteX56" fmla="*/ 1120136 w 1874950"/>
                <a:gd name="connsiteY56" fmla="*/ 1690950 h 1691232"/>
                <a:gd name="connsiteX57" fmla="*/ 1151034 w 1874950"/>
                <a:gd name="connsiteY57" fmla="*/ 1627859 h 1691232"/>
                <a:gd name="connsiteX58" fmla="*/ 1181693 w 1874950"/>
                <a:gd name="connsiteY58" fmla="*/ 1621379 h 1691232"/>
                <a:gd name="connsiteX59" fmla="*/ 1224792 w 1874950"/>
                <a:gd name="connsiteY59" fmla="*/ 1650642 h 1691232"/>
                <a:gd name="connsiteX60" fmla="*/ 1258367 w 1874950"/>
                <a:gd name="connsiteY60" fmla="*/ 1609988 h 1691232"/>
                <a:gd name="connsiteX61" fmla="*/ 1277188 w 1874950"/>
                <a:gd name="connsiteY61" fmla="*/ 1614605 h 1691232"/>
                <a:gd name="connsiteX62" fmla="*/ 1311230 w 1874950"/>
                <a:gd name="connsiteY62" fmla="*/ 1681082 h 1691232"/>
                <a:gd name="connsiteX63" fmla="*/ 1367786 w 1874950"/>
                <a:gd name="connsiteY63" fmla="*/ 1657613 h 1691232"/>
                <a:gd name="connsiteX64" fmla="*/ 1419818 w 1874950"/>
                <a:gd name="connsiteY64" fmla="*/ 1601492 h 1691232"/>
                <a:gd name="connsiteX65" fmla="*/ 1470595 w 1874950"/>
                <a:gd name="connsiteY65" fmla="*/ 1584949 h 1691232"/>
                <a:gd name="connsiteX66" fmla="*/ 1488274 w 1874950"/>
                <a:gd name="connsiteY66" fmla="*/ 1640771 h 1691232"/>
                <a:gd name="connsiteX67" fmla="*/ 1558169 w 1874950"/>
                <a:gd name="connsiteY67" fmla="*/ 1615093 h 1691232"/>
                <a:gd name="connsiteX68" fmla="*/ 1588947 w 1874950"/>
                <a:gd name="connsiteY68" fmla="*/ 1528337 h 1691232"/>
                <a:gd name="connsiteX69" fmla="*/ 1670383 w 1874950"/>
                <a:gd name="connsiteY69" fmla="*/ 1438195 h 1691232"/>
                <a:gd name="connsiteX70" fmla="*/ 1714974 w 1874950"/>
                <a:gd name="connsiteY70" fmla="*/ 1407065 h 1691232"/>
                <a:gd name="connsiteX71" fmla="*/ 1743343 w 1874950"/>
                <a:gd name="connsiteY71" fmla="*/ 1410360 h 1691232"/>
                <a:gd name="connsiteX72" fmla="*/ 1820935 w 1874950"/>
                <a:gd name="connsiteY72" fmla="*/ 1399752 h 1691232"/>
                <a:gd name="connsiteX73" fmla="*/ 1816054 w 1874950"/>
                <a:gd name="connsiteY73" fmla="*/ 1453316 h 1691232"/>
                <a:gd name="connsiteX74" fmla="*/ 1874221 w 1874950"/>
                <a:gd name="connsiteY74" fmla="*/ 1476637 h 1691232"/>
                <a:gd name="connsiteX75" fmla="*/ 1848983 w 1874950"/>
                <a:gd name="connsiteY75" fmla="*/ 1443791 h 1691232"/>
                <a:gd name="connsiteX76" fmla="*/ 1853086 w 1874950"/>
                <a:gd name="connsiteY76" fmla="*/ 1398376 h 1691232"/>
                <a:gd name="connsiteX77" fmla="*/ 1853086 w 1874950"/>
                <a:gd name="connsiteY77" fmla="*/ 1303126 h 1691232"/>
                <a:gd name="connsiteX78" fmla="*/ 1853086 w 1874950"/>
                <a:gd name="connsiteY78" fmla="*/ 1245976 h 1691232"/>
                <a:gd name="connsiteX79" fmla="*/ 1810224 w 1874950"/>
                <a:gd name="connsiteY79" fmla="*/ 1236451 h 1691232"/>
                <a:gd name="connsiteX80" fmla="*/ 1734024 w 1874950"/>
                <a:gd name="connsiteY80" fmla="*/ 1155488 h 1691232"/>
                <a:gd name="connsiteX81" fmla="*/ 1695924 w 1874950"/>
                <a:gd name="connsiteY81" fmla="*/ 974513 h 1691232"/>
                <a:gd name="connsiteX82" fmla="*/ 1643536 w 1874950"/>
                <a:gd name="connsiteY82" fmla="*/ 941176 h 1691232"/>
                <a:gd name="connsiteX83" fmla="*/ 1605436 w 1874950"/>
                <a:gd name="connsiteY83" fmla="*/ 884026 h 1691232"/>
                <a:gd name="connsiteX84" fmla="*/ 1557811 w 1874950"/>
                <a:gd name="connsiteY84" fmla="*/ 836401 h 1691232"/>
                <a:gd name="connsiteX85" fmla="*/ 1505424 w 1874950"/>
                <a:gd name="connsiteY85" fmla="*/ 817351 h 1691232"/>
                <a:gd name="connsiteX86" fmla="*/ 1453036 w 1874950"/>
                <a:gd name="connsiteY86" fmla="*/ 812588 h 1691232"/>
                <a:gd name="connsiteX87" fmla="*/ 1510186 w 1874950"/>
                <a:gd name="connsiteY87" fmla="*/ 779251 h 1691232"/>
                <a:gd name="connsiteX88" fmla="*/ 1476849 w 1874950"/>
                <a:gd name="connsiteY88" fmla="*/ 745913 h 1691232"/>
                <a:gd name="connsiteX89" fmla="*/ 1481611 w 1874950"/>
                <a:gd name="connsiteY89" fmla="*/ 722101 h 1691232"/>
                <a:gd name="connsiteX90" fmla="*/ 1572099 w 1874950"/>
                <a:gd name="connsiteY90" fmla="*/ 760201 h 1691232"/>
                <a:gd name="connsiteX91" fmla="*/ 1624486 w 1874950"/>
                <a:gd name="connsiteY91" fmla="*/ 693526 h 1691232"/>
                <a:gd name="connsiteX92" fmla="*/ 1614961 w 1874950"/>
                <a:gd name="connsiteY92" fmla="*/ 550651 h 1691232"/>
                <a:gd name="connsiteX93" fmla="*/ 1610199 w 1874950"/>
                <a:gd name="connsiteY93" fmla="*/ 412538 h 1691232"/>
                <a:gd name="connsiteX0" fmla="*/ 1610199 w 1880150"/>
                <a:gd name="connsiteY0" fmla="*/ 412538 h 1691232"/>
                <a:gd name="connsiteX1" fmla="*/ 1567336 w 1880150"/>
                <a:gd name="connsiteY1" fmla="*/ 369676 h 1691232"/>
                <a:gd name="connsiteX2" fmla="*/ 1467324 w 1880150"/>
                <a:gd name="connsiteY2" fmla="*/ 345863 h 1691232"/>
                <a:gd name="connsiteX3" fmla="*/ 1419699 w 1880150"/>
                <a:gd name="connsiteY3" fmla="*/ 317288 h 1691232"/>
                <a:gd name="connsiteX4" fmla="*/ 1367311 w 1880150"/>
                <a:gd name="connsiteY4" fmla="*/ 160126 h 1691232"/>
                <a:gd name="connsiteX5" fmla="*/ 1338736 w 1880150"/>
                <a:gd name="connsiteY5" fmla="*/ 12488 h 1691232"/>
                <a:gd name="connsiteX6" fmla="*/ 1267299 w 1880150"/>
                <a:gd name="connsiteY6" fmla="*/ 12488 h 1691232"/>
                <a:gd name="connsiteX7" fmla="*/ 1214911 w 1880150"/>
                <a:gd name="connsiteY7" fmla="*/ 50588 h 1691232"/>
                <a:gd name="connsiteX8" fmla="*/ 1214911 w 1880150"/>
                <a:gd name="connsiteY8" fmla="*/ 155363 h 1691232"/>
                <a:gd name="connsiteX9" fmla="*/ 1186336 w 1880150"/>
                <a:gd name="connsiteY9" fmla="*/ 183938 h 1691232"/>
                <a:gd name="connsiteX10" fmla="*/ 1176811 w 1880150"/>
                <a:gd name="connsiteY10" fmla="*/ 255376 h 1691232"/>
                <a:gd name="connsiteX11" fmla="*/ 1114899 w 1880150"/>
                <a:gd name="connsiteY11" fmla="*/ 298238 h 1691232"/>
                <a:gd name="connsiteX12" fmla="*/ 1005361 w 1880150"/>
                <a:gd name="connsiteY12" fmla="*/ 312526 h 1691232"/>
                <a:gd name="connsiteX13" fmla="*/ 962499 w 1880150"/>
                <a:gd name="connsiteY13" fmla="*/ 355388 h 1691232"/>
                <a:gd name="connsiteX14" fmla="*/ 838674 w 1880150"/>
                <a:gd name="connsiteY14" fmla="*/ 355388 h 1691232"/>
                <a:gd name="connsiteX15" fmla="*/ 781524 w 1880150"/>
                <a:gd name="connsiteY15" fmla="*/ 426826 h 1691232"/>
                <a:gd name="connsiteX16" fmla="*/ 781524 w 1880150"/>
                <a:gd name="connsiteY16" fmla="*/ 460163 h 1691232"/>
                <a:gd name="connsiteX17" fmla="*/ 743424 w 1880150"/>
                <a:gd name="connsiteY17" fmla="*/ 483976 h 1691232"/>
                <a:gd name="connsiteX18" fmla="*/ 671986 w 1880150"/>
                <a:gd name="connsiteY18" fmla="*/ 417301 h 1691232"/>
                <a:gd name="connsiteX19" fmla="*/ 519586 w 1880150"/>
                <a:gd name="connsiteY19" fmla="*/ 412538 h 1691232"/>
                <a:gd name="connsiteX20" fmla="*/ 457674 w 1880150"/>
                <a:gd name="connsiteY20" fmla="*/ 431588 h 1691232"/>
                <a:gd name="connsiteX21" fmla="*/ 419574 w 1880150"/>
                <a:gd name="connsiteY21" fmla="*/ 417301 h 1691232"/>
                <a:gd name="connsiteX22" fmla="*/ 400524 w 1880150"/>
                <a:gd name="connsiteY22" fmla="*/ 355388 h 1691232"/>
                <a:gd name="connsiteX23" fmla="*/ 333849 w 1880150"/>
                <a:gd name="connsiteY23" fmla="*/ 303001 h 1691232"/>
                <a:gd name="connsiteX24" fmla="*/ 286224 w 1880150"/>
                <a:gd name="connsiteY24" fmla="*/ 236326 h 1691232"/>
                <a:gd name="connsiteX25" fmla="*/ 143349 w 1880150"/>
                <a:gd name="connsiteY25" fmla="*/ 255376 h 1691232"/>
                <a:gd name="connsiteX26" fmla="*/ 124299 w 1880150"/>
                <a:gd name="connsiteY26" fmla="*/ 331576 h 1691232"/>
                <a:gd name="connsiteX27" fmla="*/ 110011 w 1880150"/>
                <a:gd name="connsiteY27" fmla="*/ 364913 h 1691232"/>
                <a:gd name="connsiteX28" fmla="*/ 133824 w 1880150"/>
                <a:gd name="connsiteY28" fmla="*/ 412538 h 1691232"/>
                <a:gd name="connsiteX29" fmla="*/ 81436 w 1880150"/>
                <a:gd name="connsiteY29" fmla="*/ 450638 h 1691232"/>
                <a:gd name="connsiteX30" fmla="*/ 33811 w 1880150"/>
                <a:gd name="connsiteY30" fmla="*/ 445876 h 1691232"/>
                <a:gd name="connsiteX31" fmla="*/ 33811 w 1880150"/>
                <a:gd name="connsiteY31" fmla="*/ 517313 h 1691232"/>
                <a:gd name="connsiteX32" fmla="*/ 474 w 1880150"/>
                <a:gd name="connsiteY32" fmla="*/ 622088 h 1691232"/>
                <a:gd name="connsiteX33" fmla="*/ 62386 w 1880150"/>
                <a:gd name="connsiteY33" fmla="*/ 698288 h 1691232"/>
                <a:gd name="connsiteX34" fmla="*/ 111977 w 1880150"/>
                <a:gd name="connsiteY34" fmla="*/ 678550 h 1691232"/>
                <a:gd name="connsiteX35" fmla="*/ 112334 w 1880150"/>
                <a:gd name="connsiteY35" fmla="*/ 748809 h 1691232"/>
                <a:gd name="connsiteX36" fmla="*/ 167161 w 1880150"/>
                <a:gd name="connsiteY36" fmla="*/ 779251 h 1691232"/>
                <a:gd name="connsiteX37" fmla="*/ 236159 w 1880150"/>
                <a:gd name="connsiteY37" fmla="*/ 789463 h 1691232"/>
                <a:gd name="connsiteX38" fmla="*/ 271462 w 1880150"/>
                <a:gd name="connsiteY38" fmla="*/ 845434 h 1691232"/>
                <a:gd name="connsiteX39" fmla="*/ 270869 w 1880150"/>
                <a:gd name="connsiteY39" fmla="*/ 890506 h 1691232"/>
                <a:gd name="connsiteX40" fmla="*/ 295393 w 1880150"/>
                <a:gd name="connsiteY40" fmla="*/ 929981 h 1691232"/>
                <a:gd name="connsiteX41" fmla="*/ 341051 w 1880150"/>
                <a:gd name="connsiteY41" fmla="*/ 968573 h 1691232"/>
                <a:gd name="connsiteX42" fmla="*/ 426184 w 1880150"/>
                <a:gd name="connsiteY42" fmla="*/ 1022825 h 1691232"/>
                <a:gd name="connsiteX43" fmla="*/ 461961 w 1880150"/>
                <a:gd name="connsiteY43" fmla="*/ 1093918 h 1691232"/>
                <a:gd name="connsiteX44" fmla="*/ 441064 w 1880150"/>
                <a:gd name="connsiteY44" fmla="*/ 1163491 h 1691232"/>
                <a:gd name="connsiteX45" fmla="*/ 519111 w 1880150"/>
                <a:gd name="connsiteY45" fmla="*/ 1219954 h 1691232"/>
                <a:gd name="connsiteX46" fmla="*/ 591143 w 1880150"/>
                <a:gd name="connsiteY46" fmla="*/ 1252948 h 1691232"/>
                <a:gd name="connsiteX47" fmla="*/ 571974 w 1880150"/>
                <a:gd name="connsiteY47" fmla="*/ 1312651 h 1691232"/>
                <a:gd name="connsiteX48" fmla="*/ 662461 w 1880150"/>
                <a:gd name="connsiteY48" fmla="*/ 1465051 h 1691232"/>
                <a:gd name="connsiteX49" fmla="*/ 755271 w 1880150"/>
                <a:gd name="connsiteY49" fmla="*/ 1538205 h 1691232"/>
                <a:gd name="connsiteX50" fmla="*/ 805336 w 1880150"/>
                <a:gd name="connsiteY50" fmla="*/ 1488863 h 1691232"/>
                <a:gd name="connsiteX51" fmla="*/ 869926 w 1880150"/>
                <a:gd name="connsiteY51" fmla="*/ 1516260 h 1691232"/>
                <a:gd name="connsiteX52" fmla="*/ 924399 w 1880150"/>
                <a:gd name="connsiteY52" fmla="*/ 1484101 h 1691232"/>
                <a:gd name="connsiteX53" fmla="*/ 941246 w 1880150"/>
                <a:gd name="connsiteY53" fmla="*/ 1441925 h 1691232"/>
                <a:gd name="connsiteX54" fmla="*/ 1005123 w 1880150"/>
                <a:gd name="connsiteY54" fmla="*/ 1528337 h 1691232"/>
                <a:gd name="connsiteX55" fmla="*/ 1050190 w 1880150"/>
                <a:gd name="connsiteY55" fmla="*/ 1599431 h 1691232"/>
                <a:gd name="connsiteX56" fmla="*/ 1120136 w 1880150"/>
                <a:gd name="connsiteY56" fmla="*/ 1690950 h 1691232"/>
                <a:gd name="connsiteX57" fmla="*/ 1151034 w 1880150"/>
                <a:gd name="connsiteY57" fmla="*/ 1627859 h 1691232"/>
                <a:gd name="connsiteX58" fmla="*/ 1181693 w 1880150"/>
                <a:gd name="connsiteY58" fmla="*/ 1621379 h 1691232"/>
                <a:gd name="connsiteX59" fmla="*/ 1224792 w 1880150"/>
                <a:gd name="connsiteY59" fmla="*/ 1650642 h 1691232"/>
                <a:gd name="connsiteX60" fmla="*/ 1258367 w 1880150"/>
                <a:gd name="connsiteY60" fmla="*/ 1609988 h 1691232"/>
                <a:gd name="connsiteX61" fmla="*/ 1277188 w 1880150"/>
                <a:gd name="connsiteY61" fmla="*/ 1614605 h 1691232"/>
                <a:gd name="connsiteX62" fmla="*/ 1311230 w 1880150"/>
                <a:gd name="connsiteY62" fmla="*/ 1681082 h 1691232"/>
                <a:gd name="connsiteX63" fmla="*/ 1367786 w 1880150"/>
                <a:gd name="connsiteY63" fmla="*/ 1657613 h 1691232"/>
                <a:gd name="connsiteX64" fmla="*/ 1419818 w 1880150"/>
                <a:gd name="connsiteY64" fmla="*/ 1601492 h 1691232"/>
                <a:gd name="connsiteX65" fmla="*/ 1470595 w 1880150"/>
                <a:gd name="connsiteY65" fmla="*/ 1584949 h 1691232"/>
                <a:gd name="connsiteX66" fmla="*/ 1488274 w 1880150"/>
                <a:gd name="connsiteY66" fmla="*/ 1640771 h 1691232"/>
                <a:gd name="connsiteX67" fmla="*/ 1558169 w 1880150"/>
                <a:gd name="connsiteY67" fmla="*/ 1615093 h 1691232"/>
                <a:gd name="connsiteX68" fmla="*/ 1588947 w 1880150"/>
                <a:gd name="connsiteY68" fmla="*/ 1528337 h 1691232"/>
                <a:gd name="connsiteX69" fmla="*/ 1670383 w 1880150"/>
                <a:gd name="connsiteY69" fmla="*/ 1438195 h 1691232"/>
                <a:gd name="connsiteX70" fmla="*/ 1714974 w 1880150"/>
                <a:gd name="connsiteY70" fmla="*/ 1407065 h 1691232"/>
                <a:gd name="connsiteX71" fmla="*/ 1743343 w 1880150"/>
                <a:gd name="connsiteY71" fmla="*/ 1410360 h 1691232"/>
                <a:gd name="connsiteX72" fmla="*/ 1820935 w 1880150"/>
                <a:gd name="connsiteY72" fmla="*/ 1399752 h 1691232"/>
                <a:gd name="connsiteX73" fmla="*/ 1816054 w 1880150"/>
                <a:gd name="connsiteY73" fmla="*/ 1453316 h 1691232"/>
                <a:gd name="connsiteX74" fmla="*/ 1874221 w 1880150"/>
                <a:gd name="connsiteY74" fmla="*/ 1476637 h 1691232"/>
                <a:gd name="connsiteX75" fmla="*/ 1875829 w 1880150"/>
                <a:gd name="connsiteY75" fmla="*/ 1454003 h 1691232"/>
                <a:gd name="connsiteX76" fmla="*/ 1853086 w 1880150"/>
                <a:gd name="connsiteY76" fmla="*/ 1398376 h 1691232"/>
                <a:gd name="connsiteX77" fmla="*/ 1853086 w 1880150"/>
                <a:gd name="connsiteY77" fmla="*/ 1303126 h 1691232"/>
                <a:gd name="connsiteX78" fmla="*/ 1853086 w 1880150"/>
                <a:gd name="connsiteY78" fmla="*/ 1245976 h 1691232"/>
                <a:gd name="connsiteX79" fmla="*/ 1810224 w 1880150"/>
                <a:gd name="connsiteY79" fmla="*/ 1236451 h 1691232"/>
                <a:gd name="connsiteX80" fmla="*/ 1734024 w 1880150"/>
                <a:gd name="connsiteY80" fmla="*/ 1155488 h 1691232"/>
                <a:gd name="connsiteX81" fmla="*/ 1695924 w 1880150"/>
                <a:gd name="connsiteY81" fmla="*/ 974513 h 1691232"/>
                <a:gd name="connsiteX82" fmla="*/ 1643536 w 1880150"/>
                <a:gd name="connsiteY82" fmla="*/ 941176 h 1691232"/>
                <a:gd name="connsiteX83" fmla="*/ 1605436 w 1880150"/>
                <a:gd name="connsiteY83" fmla="*/ 884026 h 1691232"/>
                <a:gd name="connsiteX84" fmla="*/ 1557811 w 1880150"/>
                <a:gd name="connsiteY84" fmla="*/ 836401 h 1691232"/>
                <a:gd name="connsiteX85" fmla="*/ 1505424 w 1880150"/>
                <a:gd name="connsiteY85" fmla="*/ 817351 h 1691232"/>
                <a:gd name="connsiteX86" fmla="*/ 1453036 w 1880150"/>
                <a:gd name="connsiteY86" fmla="*/ 812588 h 1691232"/>
                <a:gd name="connsiteX87" fmla="*/ 1510186 w 1880150"/>
                <a:gd name="connsiteY87" fmla="*/ 779251 h 1691232"/>
                <a:gd name="connsiteX88" fmla="*/ 1476849 w 1880150"/>
                <a:gd name="connsiteY88" fmla="*/ 745913 h 1691232"/>
                <a:gd name="connsiteX89" fmla="*/ 1481611 w 1880150"/>
                <a:gd name="connsiteY89" fmla="*/ 722101 h 1691232"/>
                <a:gd name="connsiteX90" fmla="*/ 1572099 w 1880150"/>
                <a:gd name="connsiteY90" fmla="*/ 760201 h 1691232"/>
                <a:gd name="connsiteX91" fmla="*/ 1624486 w 1880150"/>
                <a:gd name="connsiteY91" fmla="*/ 693526 h 1691232"/>
                <a:gd name="connsiteX92" fmla="*/ 1614961 w 1880150"/>
                <a:gd name="connsiteY92" fmla="*/ 550651 h 1691232"/>
                <a:gd name="connsiteX93" fmla="*/ 1610199 w 1880150"/>
                <a:gd name="connsiteY93" fmla="*/ 412538 h 1691232"/>
                <a:gd name="connsiteX0" fmla="*/ 1610199 w 1879071"/>
                <a:gd name="connsiteY0" fmla="*/ 412538 h 1691232"/>
                <a:gd name="connsiteX1" fmla="*/ 1567336 w 1879071"/>
                <a:gd name="connsiteY1" fmla="*/ 369676 h 1691232"/>
                <a:gd name="connsiteX2" fmla="*/ 1467324 w 1879071"/>
                <a:gd name="connsiteY2" fmla="*/ 345863 h 1691232"/>
                <a:gd name="connsiteX3" fmla="*/ 1419699 w 1879071"/>
                <a:gd name="connsiteY3" fmla="*/ 317288 h 1691232"/>
                <a:gd name="connsiteX4" fmla="*/ 1367311 w 1879071"/>
                <a:gd name="connsiteY4" fmla="*/ 160126 h 1691232"/>
                <a:gd name="connsiteX5" fmla="*/ 1338736 w 1879071"/>
                <a:gd name="connsiteY5" fmla="*/ 12488 h 1691232"/>
                <a:gd name="connsiteX6" fmla="*/ 1267299 w 1879071"/>
                <a:gd name="connsiteY6" fmla="*/ 12488 h 1691232"/>
                <a:gd name="connsiteX7" fmla="*/ 1214911 w 1879071"/>
                <a:gd name="connsiteY7" fmla="*/ 50588 h 1691232"/>
                <a:gd name="connsiteX8" fmla="*/ 1214911 w 1879071"/>
                <a:gd name="connsiteY8" fmla="*/ 155363 h 1691232"/>
                <a:gd name="connsiteX9" fmla="*/ 1186336 w 1879071"/>
                <a:gd name="connsiteY9" fmla="*/ 183938 h 1691232"/>
                <a:gd name="connsiteX10" fmla="*/ 1176811 w 1879071"/>
                <a:gd name="connsiteY10" fmla="*/ 255376 h 1691232"/>
                <a:gd name="connsiteX11" fmla="*/ 1114899 w 1879071"/>
                <a:gd name="connsiteY11" fmla="*/ 298238 h 1691232"/>
                <a:gd name="connsiteX12" fmla="*/ 1005361 w 1879071"/>
                <a:gd name="connsiteY12" fmla="*/ 312526 h 1691232"/>
                <a:gd name="connsiteX13" fmla="*/ 962499 w 1879071"/>
                <a:gd name="connsiteY13" fmla="*/ 355388 h 1691232"/>
                <a:gd name="connsiteX14" fmla="*/ 838674 w 1879071"/>
                <a:gd name="connsiteY14" fmla="*/ 355388 h 1691232"/>
                <a:gd name="connsiteX15" fmla="*/ 781524 w 1879071"/>
                <a:gd name="connsiteY15" fmla="*/ 426826 h 1691232"/>
                <a:gd name="connsiteX16" fmla="*/ 781524 w 1879071"/>
                <a:gd name="connsiteY16" fmla="*/ 460163 h 1691232"/>
                <a:gd name="connsiteX17" fmla="*/ 743424 w 1879071"/>
                <a:gd name="connsiteY17" fmla="*/ 483976 h 1691232"/>
                <a:gd name="connsiteX18" fmla="*/ 671986 w 1879071"/>
                <a:gd name="connsiteY18" fmla="*/ 417301 h 1691232"/>
                <a:gd name="connsiteX19" fmla="*/ 519586 w 1879071"/>
                <a:gd name="connsiteY19" fmla="*/ 412538 h 1691232"/>
                <a:gd name="connsiteX20" fmla="*/ 457674 w 1879071"/>
                <a:gd name="connsiteY20" fmla="*/ 431588 h 1691232"/>
                <a:gd name="connsiteX21" fmla="*/ 419574 w 1879071"/>
                <a:gd name="connsiteY21" fmla="*/ 417301 h 1691232"/>
                <a:gd name="connsiteX22" fmla="*/ 400524 w 1879071"/>
                <a:gd name="connsiteY22" fmla="*/ 355388 h 1691232"/>
                <a:gd name="connsiteX23" fmla="*/ 333849 w 1879071"/>
                <a:gd name="connsiteY23" fmla="*/ 303001 h 1691232"/>
                <a:gd name="connsiteX24" fmla="*/ 286224 w 1879071"/>
                <a:gd name="connsiteY24" fmla="*/ 236326 h 1691232"/>
                <a:gd name="connsiteX25" fmla="*/ 143349 w 1879071"/>
                <a:gd name="connsiteY25" fmla="*/ 255376 h 1691232"/>
                <a:gd name="connsiteX26" fmla="*/ 124299 w 1879071"/>
                <a:gd name="connsiteY26" fmla="*/ 331576 h 1691232"/>
                <a:gd name="connsiteX27" fmla="*/ 110011 w 1879071"/>
                <a:gd name="connsiteY27" fmla="*/ 364913 h 1691232"/>
                <a:gd name="connsiteX28" fmla="*/ 133824 w 1879071"/>
                <a:gd name="connsiteY28" fmla="*/ 412538 h 1691232"/>
                <a:gd name="connsiteX29" fmla="*/ 81436 w 1879071"/>
                <a:gd name="connsiteY29" fmla="*/ 450638 h 1691232"/>
                <a:gd name="connsiteX30" fmla="*/ 33811 w 1879071"/>
                <a:gd name="connsiteY30" fmla="*/ 445876 h 1691232"/>
                <a:gd name="connsiteX31" fmla="*/ 33811 w 1879071"/>
                <a:gd name="connsiteY31" fmla="*/ 517313 h 1691232"/>
                <a:gd name="connsiteX32" fmla="*/ 474 w 1879071"/>
                <a:gd name="connsiteY32" fmla="*/ 622088 h 1691232"/>
                <a:gd name="connsiteX33" fmla="*/ 62386 w 1879071"/>
                <a:gd name="connsiteY33" fmla="*/ 698288 h 1691232"/>
                <a:gd name="connsiteX34" fmla="*/ 111977 w 1879071"/>
                <a:gd name="connsiteY34" fmla="*/ 678550 h 1691232"/>
                <a:gd name="connsiteX35" fmla="*/ 112334 w 1879071"/>
                <a:gd name="connsiteY35" fmla="*/ 748809 h 1691232"/>
                <a:gd name="connsiteX36" fmla="*/ 167161 w 1879071"/>
                <a:gd name="connsiteY36" fmla="*/ 779251 h 1691232"/>
                <a:gd name="connsiteX37" fmla="*/ 236159 w 1879071"/>
                <a:gd name="connsiteY37" fmla="*/ 789463 h 1691232"/>
                <a:gd name="connsiteX38" fmla="*/ 271462 w 1879071"/>
                <a:gd name="connsiteY38" fmla="*/ 845434 h 1691232"/>
                <a:gd name="connsiteX39" fmla="*/ 270869 w 1879071"/>
                <a:gd name="connsiteY39" fmla="*/ 890506 h 1691232"/>
                <a:gd name="connsiteX40" fmla="*/ 295393 w 1879071"/>
                <a:gd name="connsiteY40" fmla="*/ 929981 h 1691232"/>
                <a:gd name="connsiteX41" fmla="*/ 341051 w 1879071"/>
                <a:gd name="connsiteY41" fmla="*/ 968573 h 1691232"/>
                <a:gd name="connsiteX42" fmla="*/ 426184 w 1879071"/>
                <a:gd name="connsiteY42" fmla="*/ 1022825 h 1691232"/>
                <a:gd name="connsiteX43" fmla="*/ 461961 w 1879071"/>
                <a:gd name="connsiteY43" fmla="*/ 1093918 h 1691232"/>
                <a:gd name="connsiteX44" fmla="*/ 441064 w 1879071"/>
                <a:gd name="connsiteY44" fmla="*/ 1163491 h 1691232"/>
                <a:gd name="connsiteX45" fmla="*/ 519111 w 1879071"/>
                <a:gd name="connsiteY45" fmla="*/ 1219954 h 1691232"/>
                <a:gd name="connsiteX46" fmla="*/ 591143 w 1879071"/>
                <a:gd name="connsiteY46" fmla="*/ 1252948 h 1691232"/>
                <a:gd name="connsiteX47" fmla="*/ 571974 w 1879071"/>
                <a:gd name="connsiteY47" fmla="*/ 1312651 h 1691232"/>
                <a:gd name="connsiteX48" fmla="*/ 662461 w 1879071"/>
                <a:gd name="connsiteY48" fmla="*/ 1465051 h 1691232"/>
                <a:gd name="connsiteX49" fmla="*/ 755271 w 1879071"/>
                <a:gd name="connsiteY49" fmla="*/ 1538205 h 1691232"/>
                <a:gd name="connsiteX50" fmla="*/ 805336 w 1879071"/>
                <a:gd name="connsiteY50" fmla="*/ 1488863 h 1691232"/>
                <a:gd name="connsiteX51" fmla="*/ 869926 w 1879071"/>
                <a:gd name="connsiteY51" fmla="*/ 1516260 h 1691232"/>
                <a:gd name="connsiteX52" fmla="*/ 924399 w 1879071"/>
                <a:gd name="connsiteY52" fmla="*/ 1484101 h 1691232"/>
                <a:gd name="connsiteX53" fmla="*/ 941246 w 1879071"/>
                <a:gd name="connsiteY53" fmla="*/ 1441925 h 1691232"/>
                <a:gd name="connsiteX54" fmla="*/ 1005123 w 1879071"/>
                <a:gd name="connsiteY54" fmla="*/ 1528337 h 1691232"/>
                <a:gd name="connsiteX55" fmla="*/ 1050190 w 1879071"/>
                <a:gd name="connsiteY55" fmla="*/ 1599431 h 1691232"/>
                <a:gd name="connsiteX56" fmla="*/ 1120136 w 1879071"/>
                <a:gd name="connsiteY56" fmla="*/ 1690950 h 1691232"/>
                <a:gd name="connsiteX57" fmla="*/ 1151034 w 1879071"/>
                <a:gd name="connsiteY57" fmla="*/ 1627859 h 1691232"/>
                <a:gd name="connsiteX58" fmla="*/ 1181693 w 1879071"/>
                <a:gd name="connsiteY58" fmla="*/ 1621379 h 1691232"/>
                <a:gd name="connsiteX59" fmla="*/ 1224792 w 1879071"/>
                <a:gd name="connsiteY59" fmla="*/ 1650642 h 1691232"/>
                <a:gd name="connsiteX60" fmla="*/ 1258367 w 1879071"/>
                <a:gd name="connsiteY60" fmla="*/ 1609988 h 1691232"/>
                <a:gd name="connsiteX61" fmla="*/ 1277188 w 1879071"/>
                <a:gd name="connsiteY61" fmla="*/ 1614605 h 1691232"/>
                <a:gd name="connsiteX62" fmla="*/ 1311230 w 1879071"/>
                <a:gd name="connsiteY62" fmla="*/ 1681082 h 1691232"/>
                <a:gd name="connsiteX63" fmla="*/ 1367786 w 1879071"/>
                <a:gd name="connsiteY63" fmla="*/ 1657613 h 1691232"/>
                <a:gd name="connsiteX64" fmla="*/ 1419818 w 1879071"/>
                <a:gd name="connsiteY64" fmla="*/ 1601492 h 1691232"/>
                <a:gd name="connsiteX65" fmla="*/ 1470595 w 1879071"/>
                <a:gd name="connsiteY65" fmla="*/ 1584949 h 1691232"/>
                <a:gd name="connsiteX66" fmla="*/ 1488274 w 1879071"/>
                <a:gd name="connsiteY66" fmla="*/ 1640771 h 1691232"/>
                <a:gd name="connsiteX67" fmla="*/ 1558169 w 1879071"/>
                <a:gd name="connsiteY67" fmla="*/ 1615093 h 1691232"/>
                <a:gd name="connsiteX68" fmla="*/ 1588947 w 1879071"/>
                <a:gd name="connsiteY68" fmla="*/ 1528337 h 1691232"/>
                <a:gd name="connsiteX69" fmla="*/ 1670383 w 1879071"/>
                <a:gd name="connsiteY69" fmla="*/ 1438195 h 1691232"/>
                <a:gd name="connsiteX70" fmla="*/ 1714974 w 1879071"/>
                <a:gd name="connsiteY70" fmla="*/ 1407065 h 1691232"/>
                <a:gd name="connsiteX71" fmla="*/ 1743343 w 1879071"/>
                <a:gd name="connsiteY71" fmla="*/ 1410360 h 1691232"/>
                <a:gd name="connsiteX72" fmla="*/ 1820935 w 1879071"/>
                <a:gd name="connsiteY72" fmla="*/ 1399752 h 1691232"/>
                <a:gd name="connsiteX73" fmla="*/ 1816054 w 1879071"/>
                <a:gd name="connsiteY73" fmla="*/ 1453316 h 1691232"/>
                <a:gd name="connsiteX74" fmla="*/ 1874221 w 1879071"/>
                <a:gd name="connsiteY74" fmla="*/ 1476637 h 1691232"/>
                <a:gd name="connsiteX75" fmla="*/ 1875829 w 1879071"/>
                <a:gd name="connsiteY75" fmla="*/ 1454003 h 1691232"/>
                <a:gd name="connsiteX76" fmla="*/ 1875051 w 1879071"/>
                <a:gd name="connsiteY76" fmla="*/ 1393269 h 1691232"/>
                <a:gd name="connsiteX77" fmla="*/ 1853086 w 1879071"/>
                <a:gd name="connsiteY77" fmla="*/ 1303126 h 1691232"/>
                <a:gd name="connsiteX78" fmla="*/ 1853086 w 1879071"/>
                <a:gd name="connsiteY78" fmla="*/ 1245976 h 1691232"/>
                <a:gd name="connsiteX79" fmla="*/ 1810224 w 1879071"/>
                <a:gd name="connsiteY79" fmla="*/ 1236451 h 1691232"/>
                <a:gd name="connsiteX80" fmla="*/ 1734024 w 1879071"/>
                <a:gd name="connsiteY80" fmla="*/ 1155488 h 1691232"/>
                <a:gd name="connsiteX81" fmla="*/ 1695924 w 1879071"/>
                <a:gd name="connsiteY81" fmla="*/ 974513 h 1691232"/>
                <a:gd name="connsiteX82" fmla="*/ 1643536 w 1879071"/>
                <a:gd name="connsiteY82" fmla="*/ 941176 h 1691232"/>
                <a:gd name="connsiteX83" fmla="*/ 1605436 w 1879071"/>
                <a:gd name="connsiteY83" fmla="*/ 884026 h 1691232"/>
                <a:gd name="connsiteX84" fmla="*/ 1557811 w 1879071"/>
                <a:gd name="connsiteY84" fmla="*/ 836401 h 1691232"/>
                <a:gd name="connsiteX85" fmla="*/ 1505424 w 1879071"/>
                <a:gd name="connsiteY85" fmla="*/ 817351 h 1691232"/>
                <a:gd name="connsiteX86" fmla="*/ 1453036 w 1879071"/>
                <a:gd name="connsiteY86" fmla="*/ 812588 h 1691232"/>
                <a:gd name="connsiteX87" fmla="*/ 1510186 w 1879071"/>
                <a:gd name="connsiteY87" fmla="*/ 779251 h 1691232"/>
                <a:gd name="connsiteX88" fmla="*/ 1476849 w 1879071"/>
                <a:gd name="connsiteY88" fmla="*/ 745913 h 1691232"/>
                <a:gd name="connsiteX89" fmla="*/ 1481611 w 1879071"/>
                <a:gd name="connsiteY89" fmla="*/ 722101 h 1691232"/>
                <a:gd name="connsiteX90" fmla="*/ 1572099 w 1879071"/>
                <a:gd name="connsiteY90" fmla="*/ 760201 h 1691232"/>
                <a:gd name="connsiteX91" fmla="*/ 1624486 w 1879071"/>
                <a:gd name="connsiteY91" fmla="*/ 693526 h 1691232"/>
                <a:gd name="connsiteX92" fmla="*/ 1614961 w 1879071"/>
                <a:gd name="connsiteY92" fmla="*/ 550651 h 1691232"/>
                <a:gd name="connsiteX93" fmla="*/ 1610199 w 1879071"/>
                <a:gd name="connsiteY93" fmla="*/ 412538 h 1691232"/>
                <a:gd name="connsiteX0" fmla="*/ 1610199 w 1879071"/>
                <a:gd name="connsiteY0" fmla="*/ 412538 h 1691232"/>
                <a:gd name="connsiteX1" fmla="*/ 1567336 w 1879071"/>
                <a:gd name="connsiteY1" fmla="*/ 369676 h 1691232"/>
                <a:gd name="connsiteX2" fmla="*/ 1467324 w 1879071"/>
                <a:gd name="connsiteY2" fmla="*/ 345863 h 1691232"/>
                <a:gd name="connsiteX3" fmla="*/ 1419699 w 1879071"/>
                <a:gd name="connsiteY3" fmla="*/ 317288 h 1691232"/>
                <a:gd name="connsiteX4" fmla="*/ 1367311 w 1879071"/>
                <a:gd name="connsiteY4" fmla="*/ 160126 h 1691232"/>
                <a:gd name="connsiteX5" fmla="*/ 1338736 w 1879071"/>
                <a:gd name="connsiteY5" fmla="*/ 12488 h 1691232"/>
                <a:gd name="connsiteX6" fmla="*/ 1267299 w 1879071"/>
                <a:gd name="connsiteY6" fmla="*/ 12488 h 1691232"/>
                <a:gd name="connsiteX7" fmla="*/ 1214911 w 1879071"/>
                <a:gd name="connsiteY7" fmla="*/ 50588 h 1691232"/>
                <a:gd name="connsiteX8" fmla="*/ 1214911 w 1879071"/>
                <a:gd name="connsiteY8" fmla="*/ 155363 h 1691232"/>
                <a:gd name="connsiteX9" fmla="*/ 1186336 w 1879071"/>
                <a:gd name="connsiteY9" fmla="*/ 183938 h 1691232"/>
                <a:gd name="connsiteX10" fmla="*/ 1176811 w 1879071"/>
                <a:gd name="connsiteY10" fmla="*/ 255376 h 1691232"/>
                <a:gd name="connsiteX11" fmla="*/ 1114899 w 1879071"/>
                <a:gd name="connsiteY11" fmla="*/ 298238 h 1691232"/>
                <a:gd name="connsiteX12" fmla="*/ 1005361 w 1879071"/>
                <a:gd name="connsiteY12" fmla="*/ 312526 h 1691232"/>
                <a:gd name="connsiteX13" fmla="*/ 962499 w 1879071"/>
                <a:gd name="connsiteY13" fmla="*/ 355388 h 1691232"/>
                <a:gd name="connsiteX14" fmla="*/ 838674 w 1879071"/>
                <a:gd name="connsiteY14" fmla="*/ 355388 h 1691232"/>
                <a:gd name="connsiteX15" fmla="*/ 781524 w 1879071"/>
                <a:gd name="connsiteY15" fmla="*/ 426826 h 1691232"/>
                <a:gd name="connsiteX16" fmla="*/ 781524 w 1879071"/>
                <a:gd name="connsiteY16" fmla="*/ 460163 h 1691232"/>
                <a:gd name="connsiteX17" fmla="*/ 743424 w 1879071"/>
                <a:gd name="connsiteY17" fmla="*/ 483976 h 1691232"/>
                <a:gd name="connsiteX18" fmla="*/ 671986 w 1879071"/>
                <a:gd name="connsiteY18" fmla="*/ 417301 h 1691232"/>
                <a:gd name="connsiteX19" fmla="*/ 519586 w 1879071"/>
                <a:gd name="connsiteY19" fmla="*/ 412538 h 1691232"/>
                <a:gd name="connsiteX20" fmla="*/ 457674 w 1879071"/>
                <a:gd name="connsiteY20" fmla="*/ 431588 h 1691232"/>
                <a:gd name="connsiteX21" fmla="*/ 419574 w 1879071"/>
                <a:gd name="connsiteY21" fmla="*/ 417301 h 1691232"/>
                <a:gd name="connsiteX22" fmla="*/ 400524 w 1879071"/>
                <a:gd name="connsiteY22" fmla="*/ 355388 h 1691232"/>
                <a:gd name="connsiteX23" fmla="*/ 333849 w 1879071"/>
                <a:gd name="connsiteY23" fmla="*/ 303001 h 1691232"/>
                <a:gd name="connsiteX24" fmla="*/ 286224 w 1879071"/>
                <a:gd name="connsiteY24" fmla="*/ 236326 h 1691232"/>
                <a:gd name="connsiteX25" fmla="*/ 143349 w 1879071"/>
                <a:gd name="connsiteY25" fmla="*/ 255376 h 1691232"/>
                <a:gd name="connsiteX26" fmla="*/ 124299 w 1879071"/>
                <a:gd name="connsiteY26" fmla="*/ 331576 h 1691232"/>
                <a:gd name="connsiteX27" fmla="*/ 110011 w 1879071"/>
                <a:gd name="connsiteY27" fmla="*/ 364913 h 1691232"/>
                <a:gd name="connsiteX28" fmla="*/ 133824 w 1879071"/>
                <a:gd name="connsiteY28" fmla="*/ 412538 h 1691232"/>
                <a:gd name="connsiteX29" fmla="*/ 81436 w 1879071"/>
                <a:gd name="connsiteY29" fmla="*/ 450638 h 1691232"/>
                <a:gd name="connsiteX30" fmla="*/ 33811 w 1879071"/>
                <a:gd name="connsiteY30" fmla="*/ 445876 h 1691232"/>
                <a:gd name="connsiteX31" fmla="*/ 33811 w 1879071"/>
                <a:gd name="connsiteY31" fmla="*/ 517313 h 1691232"/>
                <a:gd name="connsiteX32" fmla="*/ 474 w 1879071"/>
                <a:gd name="connsiteY32" fmla="*/ 622088 h 1691232"/>
                <a:gd name="connsiteX33" fmla="*/ 62386 w 1879071"/>
                <a:gd name="connsiteY33" fmla="*/ 698288 h 1691232"/>
                <a:gd name="connsiteX34" fmla="*/ 111977 w 1879071"/>
                <a:gd name="connsiteY34" fmla="*/ 678550 h 1691232"/>
                <a:gd name="connsiteX35" fmla="*/ 112334 w 1879071"/>
                <a:gd name="connsiteY35" fmla="*/ 748809 h 1691232"/>
                <a:gd name="connsiteX36" fmla="*/ 167161 w 1879071"/>
                <a:gd name="connsiteY36" fmla="*/ 779251 h 1691232"/>
                <a:gd name="connsiteX37" fmla="*/ 236159 w 1879071"/>
                <a:gd name="connsiteY37" fmla="*/ 789463 h 1691232"/>
                <a:gd name="connsiteX38" fmla="*/ 271462 w 1879071"/>
                <a:gd name="connsiteY38" fmla="*/ 845434 h 1691232"/>
                <a:gd name="connsiteX39" fmla="*/ 270869 w 1879071"/>
                <a:gd name="connsiteY39" fmla="*/ 890506 h 1691232"/>
                <a:gd name="connsiteX40" fmla="*/ 295393 w 1879071"/>
                <a:gd name="connsiteY40" fmla="*/ 929981 h 1691232"/>
                <a:gd name="connsiteX41" fmla="*/ 341051 w 1879071"/>
                <a:gd name="connsiteY41" fmla="*/ 968573 h 1691232"/>
                <a:gd name="connsiteX42" fmla="*/ 426184 w 1879071"/>
                <a:gd name="connsiteY42" fmla="*/ 1022825 h 1691232"/>
                <a:gd name="connsiteX43" fmla="*/ 461961 w 1879071"/>
                <a:gd name="connsiteY43" fmla="*/ 1093918 h 1691232"/>
                <a:gd name="connsiteX44" fmla="*/ 441064 w 1879071"/>
                <a:gd name="connsiteY44" fmla="*/ 1163491 h 1691232"/>
                <a:gd name="connsiteX45" fmla="*/ 519111 w 1879071"/>
                <a:gd name="connsiteY45" fmla="*/ 1219954 h 1691232"/>
                <a:gd name="connsiteX46" fmla="*/ 591143 w 1879071"/>
                <a:gd name="connsiteY46" fmla="*/ 1252948 h 1691232"/>
                <a:gd name="connsiteX47" fmla="*/ 571974 w 1879071"/>
                <a:gd name="connsiteY47" fmla="*/ 1312651 h 1691232"/>
                <a:gd name="connsiteX48" fmla="*/ 662461 w 1879071"/>
                <a:gd name="connsiteY48" fmla="*/ 1465051 h 1691232"/>
                <a:gd name="connsiteX49" fmla="*/ 755271 w 1879071"/>
                <a:gd name="connsiteY49" fmla="*/ 1538205 h 1691232"/>
                <a:gd name="connsiteX50" fmla="*/ 805336 w 1879071"/>
                <a:gd name="connsiteY50" fmla="*/ 1488863 h 1691232"/>
                <a:gd name="connsiteX51" fmla="*/ 869926 w 1879071"/>
                <a:gd name="connsiteY51" fmla="*/ 1516260 h 1691232"/>
                <a:gd name="connsiteX52" fmla="*/ 924399 w 1879071"/>
                <a:gd name="connsiteY52" fmla="*/ 1484101 h 1691232"/>
                <a:gd name="connsiteX53" fmla="*/ 941246 w 1879071"/>
                <a:gd name="connsiteY53" fmla="*/ 1441925 h 1691232"/>
                <a:gd name="connsiteX54" fmla="*/ 1005123 w 1879071"/>
                <a:gd name="connsiteY54" fmla="*/ 1528337 h 1691232"/>
                <a:gd name="connsiteX55" fmla="*/ 1050190 w 1879071"/>
                <a:gd name="connsiteY55" fmla="*/ 1599431 h 1691232"/>
                <a:gd name="connsiteX56" fmla="*/ 1120136 w 1879071"/>
                <a:gd name="connsiteY56" fmla="*/ 1690950 h 1691232"/>
                <a:gd name="connsiteX57" fmla="*/ 1151034 w 1879071"/>
                <a:gd name="connsiteY57" fmla="*/ 1627859 h 1691232"/>
                <a:gd name="connsiteX58" fmla="*/ 1181693 w 1879071"/>
                <a:gd name="connsiteY58" fmla="*/ 1621379 h 1691232"/>
                <a:gd name="connsiteX59" fmla="*/ 1224792 w 1879071"/>
                <a:gd name="connsiteY59" fmla="*/ 1650642 h 1691232"/>
                <a:gd name="connsiteX60" fmla="*/ 1258367 w 1879071"/>
                <a:gd name="connsiteY60" fmla="*/ 1609988 h 1691232"/>
                <a:gd name="connsiteX61" fmla="*/ 1277188 w 1879071"/>
                <a:gd name="connsiteY61" fmla="*/ 1614605 h 1691232"/>
                <a:gd name="connsiteX62" fmla="*/ 1311230 w 1879071"/>
                <a:gd name="connsiteY62" fmla="*/ 1681082 h 1691232"/>
                <a:gd name="connsiteX63" fmla="*/ 1367786 w 1879071"/>
                <a:gd name="connsiteY63" fmla="*/ 1657613 h 1691232"/>
                <a:gd name="connsiteX64" fmla="*/ 1419818 w 1879071"/>
                <a:gd name="connsiteY64" fmla="*/ 1601492 h 1691232"/>
                <a:gd name="connsiteX65" fmla="*/ 1470595 w 1879071"/>
                <a:gd name="connsiteY65" fmla="*/ 1584949 h 1691232"/>
                <a:gd name="connsiteX66" fmla="*/ 1488274 w 1879071"/>
                <a:gd name="connsiteY66" fmla="*/ 1640771 h 1691232"/>
                <a:gd name="connsiteX67" fmla="*/ 1558169 w 1879071"/>
                <a:gd name="connsiteY67" fmla="*/ 1615093 h 1691232"/>
                <a:gd name="connsiteX68" fmla="*/ 1588947 w 1879071"/>
                <a:gd name="connsiteY68" fmla="*/ 1528337 h 1691232"/>
                <a:gd name="connsiteX69" fmla="*/ 1670383 w 1879071"/>
                <a:gd name="connsiteY69" fmla="*/ 1438195 h 1691232"/>
                <a:gd name="connsiteX70" fmla="*/ 1714974 w 1879071"/>
                <a:gd name="connsiteY70" fmla="*/ 1407065 h 1691232"/>
                <a:gd name="connsiteX71" fmla="*/ 1743343 w 1879071"/>
                <a:gd name="connsiteY71" fmla="*/ 1410360 h 1691232"/>
                <a:gd name="connsiteX72" fmla="*/ 1820935 w 1879071"/>
                <a:gd name="connsiteY72" fmla="*/ 1399752 h 1691232"/>
                <a:gd name="connsiteX73" fmla="*/ 1816054 w 1879071"/>
                <a:gd name="connsiteY73" fmla="*/ 1453316 h 1691232"/>
                <a:gd name="connsiteX74" fmla="*/ 1874221 w 1879071"/>
                <a:gd name="connsiteY74" fmla="*/ 1476637 h 1691232"/>
                <a:gd name="connsiteX75" fmla="*/ 1875829 w 1879071"/>
                <a:gd name="connsiteY75" fmla="*/ 1454003 h 1691232"/>
                <a:gd name="connsiteX76" fmla="*/ 1875051 w 1879071"/>
                <a:gd name="connsiteY76" fmla="*/ 1393269 h 1691232"/>
                <a:gd name="connsiteX77" fmla="*/ 1853086 w 1879071"/>
                <a:gd name="connsiteY77" fmla="*/ 1303126 h 1691232"/>
                <a:gd name="connsiteX78" fmla="*/ 1853086 w 1879071"/>
                <a:gd name="connsiteY78" fmla="*/ 1245976 h 1691232"/>
                <a:gd name="connsiteX79" fmla="*/ 1810224 w 1879071"/>
                <a:gd name="connsiteY79" fmla="*/ 1236451 h 1691232"/>
                <a:gd name="connsiteX80" fmla="*/ 1734024 w 1879071"/>
                <a:gd name="connsiteY80" fmla="*/ 1155488 h 1691232"/>
                <a:gd name="connsiteX81" fmla="*/ 1695924 w 1879071"/>
                <a:gd name="connsiteY81" fmla="*/ 974513 h 1691232"/>
                <a:gd name="connsiteX82" fmla="*/ 1643536 w 1879071"/>
                <a:gd name="connsiteY82" fmla="*/ 941176 h 1691232"/>
                <a:gd name="connsiteX83" fmla="*/ 1605436 w 1879071"/>
                <a:gd name="connsiteY83" fmla="*/ 884026 h 1691232"/>
                <a:gd name="connsiteX84" fmla="*/ 1557811 w 1879071"/>
                <a:gd name="connsiteY84" fmla="*/ 836401 h 1691232"/>
                <a:gd name="connsiteX85" fmla="*/ 1505424 w 1879071"/>
                <a:gd name="connsiteY85" fmla="*/ 817351 h 1691232"/>
                <a:gd name="connsiteX86" fmla="*/ 1453036 w 1879071"/>
                <a:gd name="connsiteY86" fmla="*/ 812588 h 1691232"/>
                <a:gd name="connsiteX87" fmla="*/ 1510186 w 1879071"/>
                <a:gd name="connsiteY87" fmla="*/ 779251 h 1691232"/>
                <a:gd name="connsiteX88" fmla="*/ 1476849 w 1879071"/>
                <a:gd name="connsiteY88" fmla="*/ 745913 h 1691232"/>
                <a:gd name="connsiteX89" fmla="*/ 1481611 w 1879071"/>
                <a:gd name="connsiteY89" fmla="*/ 722101 h 1691232"/>
                <a:gd name="connsiteX90" fmla="*/ 1572099 w 1879071"/>
                <a:gd name="connsiteY90" fmla="*/ 760201 h 1691232"/>
                <a:gd name="connsiteX91" fmla="*/ 1624486 w 1879071"/>
                <a:gd name="connsiteY91" fmla="*/ 693526 h 1691232"/>
                <a:gd name="connsiteX92" fmla="*/ 1614961 w 1879071"/>
                <a:gd name="connsiteY92" fmla="*/ 550651 h 1691232"/>
                <a:gd name="connsiteX93" fmla="*/ 1610199 w 1879071"/>
                <a:gd name="connsiteY93" fmla="*/ 412538 h 1691232"/>
                <a:gd name="connsiteX0" fmla="*/ 1610199 w 1881147"/>
                <a:gd name="connsiteY0" fmla="*/ 412538 h 1691232"/>
                <a:gd name="connsiteX1" fmla="*/ 1567336 w 1881147"/>
                <a:gd name="connsiteY1" fmla="*/ 369676 h 1691232"/>
                <a:gd name="connsiteX2" fmla="*/ 1467324 w 1881147"/>
                <a:gd name="connsiteY2" fmla="*/ 345863 h 1691232"/>
                <a:gd name="connsiteX3" fmla="*/ 1419699 w 1881147"/>
                <a:gd name="connsiteY3" fmla="*/ 317288 h 1691232"/>
                <a:gd name="connsiteX4" fmla="*/ 1367311 w 1881147"/>
                <a:gd name="connsiteY4" fmla="*/ 160126 h 1691232"/>
                <a:gd name="connsiteX5" fmla="*/ 1338736 w 1881147"/>
                <a:gd name="connsiteY5" fmla="*/ 12488 h 1691232"/>
                <a:gd name="connsiteX6" fmla="*/ 1267299 w 1881147"/>
                <a:gd name="connsiteY6" fmla="*/ 12488 h 1691232"/>
                <a:gd name="connsiteX7" fmla="*/ 1214911 w 1881147"/>
                <a:gd name="connsiteY7" fmla="*/ 50588 h 1691232"/>
                <a:gd name="connsiteX8" fmla="*/ 1214911 w 1881147"/>
                <a:gd name="connsiteY8" fmla="*/ 155363 h 1691232"/>
                <a:gd name="connsiteX9" fmla="*/ 1186336 w 1881147"/>
                <a:gd name="connsiteY9" fmla="*/ 183938 h 1691232"/>
                <a:gd name="connsiteX10" fmla="*/ 1176811 w 1881147"/>
                <a:gd name="connsiteY10" fmla="*/ 255376 h 1691232"/>
                <a:gd name="connsiteX11" fmla="*/ 1114899 w 1881147"/>
                <a:gd name="connsiteY11" fmla="*/ 298238 h 1691232"/>
                <a:gd name="connsiteX12" fmla="*/ 1005361 w 1881147"/>
                <a:gd name="connsiteY12" fmla="*/ 312526 h 1691232"/>
                <a:gd name="connsiteX13" fmla="*/ 962499 w 1881147"/>
                <a:gd name="connsiteY13" fmla="*/ 355388 h 1691232"/>
                <a:gd name="connsiteX14" fmla="*/ 838674 w 1881147"/>
                <a:gd name="connsiteY14" fmla="*/ 355388 h 1691232"/>
                <a:gd name="connsiteX15" fmla="*/ 781524 w 1881147"/>
                <a:gd name="connsiteY15" fmla="*/ 426826 h 1691232"/>
                <a:gd name="connsiteX16" fmla="*/ 781524 w 1881147"/>
                <a:gd name="connsiteY16" fmla="*/ 460163 h 1691232"/>
                <a:gd name="connsiteX17" fmla="*/ 743424 w 1881147"/>
                <a:gd name="connsiteY17" fmla="*/ 483976 h 1691232"/>
                <a:gd name="connsiteX18" fmla="*/ 671986 w 1881147"/>
                <a:gd name="connsiteY18" fmla="*/ 417301 h 1691232"/>
                <a:gd name="connsiteX19" fmla="*/ 519586 w 1881147"/>
                <a:gd name="connsiteY19" fmla="*/ 412538 h 1691232"/>
                <a:gd name="connsiteX20" fmla="*/ 457674 w 1881147"/>
                <a:gd name="connsiteY20" fmla="*/ 431588 h 1691232"/>
                <a:gd name="connsiteX21" fmla="*/ 419574 w 1881147"/>
                <a:gd name="connsiteY21" fmla="*/ 417301 h 1691232"/>
                <a:gd name="connsiteX22" fmla="*/ 400524 w 1881147"/>
                <a:gd name="connsiteY22" fmla="*/ 355388 h 1691232"/>
                <a:gd name="connsiteX23" fmla="*/ 333849 w 1881147"/>
                <a:gd name="connsiteY23" fmla="*/ 303001 h 1691232"/>
                <a:gd name="connsiteX24" fmla="*/ 286224 w 1881147"/>
                <a:gd name="connsiteY24" fmla="*/ 236326 h 1691232"/>
                <a:gd name="connsiteX25" fmla="*/ 143349 w 1881147"/>
                <a:gd name="connsiteY25" fmla="*/ 255376 h 1691232"/>
                <a:gd name="connsiteX26" fmla="*/ 124299 w 1881147"/>
                <a:gd name="connsiteY26" fmla="*/ 331576 h 1691232"/>
                <a:gd name="connsiteX27" fmla="*/ 110011 w 1881147"/>
                <a:gd name="connsiteY27" fmla="*/ 364913 h 1691232"/>
                <a:gd name="connsiteX28" fmla="*/ 133824 w 1881147"/>
                <a:gd name="connsiteY28" fmla="*/ 412538 h 1691232"/>
                <a:gd name="connsiteX29" fmla="*/ 81436 w 1881147"/>
                <a:gd name="connsiteY29" fmla="*/ 450638 h 1691232"/>
                <a:gd name="connsiteX30" fmla="*/ 33811 w 1881147"/>
                <a:gd name="connsiteY30" fmla="*/ 445876 h 1691232"/>
                <a:gd name="connsiteX31" fmla="*/ 33811 w 1881147"/>
                <a:gd name="connsiteY31" fmla="*/ 517313 h 1691232"/>
                <a:gd name="connsiteX32" fmla="*/ 474 w 1881147"/>
                <a:gd name="connsiteY32" fmla="*/ 622088 h 1691232"/>
                <a:gd name="connsiteX33" fmla="*/ 62386 w 1881147"/>
                <a:gd name="connsiteY33" fmla="*/ 698288 h 1691232"/>
                <a:gd name="connsiteX34" fmla="*/ 111977 w 1881147"/>
                <a:gd name="connsiteY34" fmla="*/ 678550 h 1691232"/>
                <a:gd name="connsiteX35" fmla="*/ 112334 w 1881147"/>
                <a:gd name="connsiteY35" fmla="*/ 748809 h 1691232"/>
                <a:gd name="connsiteX36" fmla="*/ 167161 w 1881147"/>
                <a:gd name="connsiteY36" fmla="*/ 779251 h 1691232"/>
                <a:gd name="connsiteX37" fmla="*/ 236159 w 1881147"/>
                <a:gd name="connsiteY37" fmla="*/ 789463 h 1691232"/>
                <a:gd name="connsiteX38" fmla="*/ 271462 w 1881147"/>
                <a:gd name="connsiteY38" fmla="*/ 845434 h 1691232"/>
                <a:gd name="connsiteX39" fmla="*/ 270869 w 1881147"/>
                <a:gd name="connsiteY39" fmla="*/ 890506 h 1691232"/>
                <a:gd name="connsiteX40" fmla="*/ 295393 w 1881147"/>
                <a:gd name="connsiteY40" fmla="*/ 929981 h 1691232"/>
                <a:gd name="connsiteX41" fmla="*/ 341051 w 1881147"/>
                <a:gd name="connsiteY41" fmla="*/ 968573 h 1691232"/>
                <a:gd name="connsiteX42" fmla="*/ 426184 w 1881147"/>
                <a:gd name="connsiteY42" fmla="*/ 1022825 h 1691232"/>
                <a:gd name="connsiteX43" fmla="*/ 461961 w 1881147"/>
                <a:gd name="connsiteY43" fmla="*/ 1093918 h 1691232"/>
                <a:gd name="connsiteX44" fmla="*/ 441064 w 1881147"/>
                <a:gd name="connsiteY44" fmla="*/ 1163491 h 1691232"/>
                <a:gd name="connsiteX45" fmla="*/ 519111 w 1881147"/>
                <a:gd name="connsiteY45" fmla="*/ 1219954 h 1691232"/>
                <a:gd name="connsiteX46" fmla="*/ 591143 w 1881147"/>
                <a:gd name="connsiteY46" fmla="*/ 1252948 h 1691232"/>
                <a:gd name="connsiteX47" fmla="*/ 571974 w 1881147"/>
                <a:gd name="connsiteY47" fmla="*/ 1312651 h 1691232"/>
                <a:gd name="connsiteX48" fmla="*/ 662461 w 1881147"/>
                <a:gd name="connsiteY48" fmla="*/ 1465051 h 1691232"/>
                <a:gd name="connsiteX49" fmla="*/ 755271 w 1881147"/>
                <a:gd name="connsiteY49" fmla="*/ 1538205 h 1691232"/>
                <a:gd name="connsiteX50" fmla="*/ 805336 w 1881147"/>
                <a:gd name="connsiteY50" fmla="*/ 1488863 h 1691232"/>
                <a:gd name="connsiteX51" fmla="*/ 869926 w 1881147"/>
                <a:gd name="connsiteY51" fmla="*/ 1516260 h 1691232"/>
                <a:gd name="connsiteX52" fmla="*/ 924399 w 1881147"/>
                <a:gd name="connsiteY52" fmla="*/ 1484101 h 1691232"/>
                <a:gd name="connsiteX53" fmla="*/ 941246 w 1881147"/>
                <a:gd name="connsiteY53" fmla="*/ 1441925 h 1691232"/>
                <a:gd name="connsiteX54" fmla="*/ 1005123 w 1881147"/>
                <a:gd name="connsiteY54" fmla="*/ 1528337 h 1691232"/>
                <a:gd name="connsiteX55" fmla="*/ 1050190 w 1881147"/>
                <a:gd name="connsiteY55" fmla="*/ 1599431 h 1691232"/>
                <a:gd name="connsiteX56" fmla="*/ 1120136 w 1881147"/>
                <a:gd name="connsiteY56" fmla="*/ 1690950 h 1691232"/>
                <a:gd name="connsiteX57" fmla="*/ 1151034 w 1881147"/>
                <a:gd name="connsiteY57" fmla="*/ 1627859 h 1691232"/>
                <a:gd name="connsiteX58" fmla="*/ 1181693 w 1881147"/>
                <a:gd name="connsiteY58" fmla="*/ 1621379 h 1691232"/>
                <a:gd name="connsiteX59" fmla="*/ 1224792 w 1881147"/>
                <a:gd name="connsiteY59" fmla="*/ 1650642 h 1691232"/>
                <a:gd name="connsiteX60" fmla="*/ 1258367 w 1881147"/>
                <a:gd name="connsiteY60" fmla="*/ 1609988 h 1691232"/>
                <a:gd name="connsiteX61" fmla="*/ 1277188 w 1881147"/>
                <a:gd name="connsiteY61" fmla="*/ 1614605 h 1691232"/>
                <a:gd name="connsiteX62" fmla="*/ 1311230 w 1881147"/>
                <a:gd name="connsiteY62" fmla="*/ 1681082 h 1691232"/>
                <a:gd name="connsiteX63" fmla="*/ 1367786 w 1881147"/>
                <a:gd name="connsiteY63" fmla="*/ 1657613 h 1691232"/>
                <a:gd name="connsiteX64" fmla="*/ 1419818 w 1881147"/>
                <a:gd name="connsiteY64" fmla="*/ 1601492 h 1691232"/>
                <a:gd name="connsiteX65" fmla="*/ 1470595 w 1881147"/>
                <a:gd name="connsiteY65" fmla="*/ 1584949 h 1691232"/>
                <a:gd name="connsiteX66" fmla="*/ 1488274 w 1881147"/>
                <a:gd name="connsiteY66" fmla="*/ 1640771 h 1691232"/>
                <a:gd name="connsiteX67" fmla="*/ 1558169 w 1881147"/>
                <a:gd name="connsiteY67" fmla="*/ 1615093 h 1691232"/>
                <a:gd name="connsiteX68" fmla="*/ 1588947 w 1881147"/>
                <a:gd name="connsiteY68" fmla="*/ 1528337 h 1691232"/>
                <a:gd name="connsiteX69" fmla="*/ 1670383 w 1881147"/>
                <a:gd name="connsiteY69" fmla="*/ 1438195 h 1691232"/>
                <a:gd name="connsiteX70" fmla="*/ 1714974 w 1881147"/>
                <a:gd name="connsiteY70" fmla="*/ 1407065 h 1691232"/>
                <a:gd name="connsiteX71" fmla="*/ 1743343 w 1881147"/>
                <a:gd name="connsiteY71" fmla="*/ 1410360 h 1691232"/>
                <a:gd name="connsiteX72" fmla="*/ 1820935 w 1881147"/>
                <a:gd name="connsiteY72" fmla="*/ 1399752 h 1691232"/>
                <a:gd name="connsiteX73" fmla="*/ 1816054 w 1881147"/>
                <a:gd name="connsiteY73" fmla="*/ 1453316 h 1691232"/>
                <a:gd name="connsiteX74" fmla="*/ 1874221 w 1881147"/>
                <a:gd name="connsiteY74" fmla="*/ 1476637 h 1691232"/>
                <a:gd name="connsiteX75" fmla="*/ 1875829 w 1881147"/>
                <a:gd name="connsiteY75" fmla="*/ 1454003 h 1691232"/>
                <a:gd name="connsiteX76" fmla="*/ 1875051 w 1881147"/>
                <a:gd name="connsiteY76" fmla="*/ 1393269 h 1691232"/>
                <a:gd name="connsiteX77" fmla="*/ 1853086 w 1881147"/>
                <a:gd name="connsiteY77" fmla="*/ 1303126 h 1691232"/>
                <a:gd name="connsiteX78" fmla="*/ 1853086 w 1881147"/>
                <a:gd name="connsiteY78" fmla="*/ 1245976 h 1691232"/>
                <a:gd name="connsiteX79" fmla="*/ 1810224 w 1881147"/>
                <a:gd name="connsiteY79" fmla="*/ 1236451 h 1691232"/>
                <a:gd name="connsiteX80" fmla="*/ 1734024 w 1881147"/>
                <a:gd name="connsiteY80" fmla="*/ 1155488 h 1691232"/>
                <a:gd name="connsiteX81" fmla="*/ 1695924 w 1881147"/>
                <a:gd name="connsiteY81" fmla="*/ 974513 h 1691232"/>
                <a:gd name="connsiteX82" fmla="*/ 1643536 w 1881147"/>
                <a:gd name="connsiteY82" fmla="*/ 941176 h 1691232"/>
                <a:gd name="connsiteX83" fmla="*/ 1605436 w 1881147"/>
                <a:gd name="connsiteY83" fmla="*/ 884026 h 1691232"/>
                <a:gd name="connsiteX84" fmla="*/ 1557811 w 1881147"/>
                <a:gd name="connsiteY84" fmla="*/ 836401 h 1691232"/>
                <a:gd name="connsiteX85" fmla="*/ 1505424 w 1881147"/>
                <a:gd name="connsiteY85" fmla="*/ 817351 h 1691232"/>
                <a:gd name="connsiteX86" fmla="*/ 1453036 w 1881147"/>
                <a:gd name="connsiteY86" fmla="*/ 812588 h 1691232"/>
                <a:gd name="connsiteX87" fmla="*/ 1510186 w 1881147"/>
                <a:gd name="connsiteY87" fmla="*/ 779251 h 1691232"/>
                <a:gd name="connsiteX88" fmla="*/ 1476849 w 1881147"/>
                <a:gd name="connsiteY88" fmla="*/ 745913 h 1691232"/>
                <a:gd name="connsiteX89" fmla="*/ 1481611 w 1881147"/>
                <a:gd name="connsiteY89" fmla="*/ 722101 h 1691232"/>
                <a:gd name="connsiteX90" fmla="*/ 1572099 w 1881147"/>
                <a:gd name="connsiteY90" fmla="*/ 760201 h 1691232"/>
                <a:gd name="connsiteX91" fmla="*/ 1624486 w 1881147"/>
                <a:gd name="connsiteY91" fmla="*/ 693526 h 1691232"/>
                <a:gd name="connsiteX92" fmla="*/ 1614961 w 1881147"/>
                <a:gd name="connsiteY92" fmla="*/ 550651 h 1691232"/>
                <a:gd name="connsiteX93" fmla="*/ 1610199 w 1881147"/>
                <a:gd name="connsiteY93" fmla="*/ 412538 h 1691232"/>
                <a:gd name="connsiteX0" fmla="*/ 1639486 w 1881147"/>
                <a:gd name="connsiteY0" fmla="*/ 402325 h 1691232"/>
                <a:gd name="connsiteX1" fmla="*/ 1567336 w 1881147"/>
                <a:gd name="connsiteY1" fmla="*/ 369676 h 1691232"/>
                <a:gd name="connsiteX2" fmla="*/ 1467324 w 1881147"/>
                <a:gd name="connsiteY2" fmla="*/ 345863 h 1691232"/>
                <a:gd name="connsiteX3" fmla="*/ 1419699 w 1881147"/>
                <a:gd name="connsiteY3" fmla="*/ 317288 h 1691232"/>
                <a:gd name="connsiteX4" fmla="*/ 1367311 w 1881147"/>
                <a:gd name="connsiteY4" fmla="*/ 160126 h 1691232"/>
                <a:gd name="connsiteX5" fmla="*/ 1338736 w 1881147"/>
                <a:gd name="connsiteY5" fmla="*/ 12488 h 1691232"/>
                <a:gd name="connsiteX6" fmla="*/ 1267299 w 1881147"/>
                <a:gd name="connsiteY6" fmla="*/ 12488 h 1691232"/>
                <a:gd name="connsiteX7" fmla="*/ 1214911 w 1881147"/>
                <a:gd name="connsiteY7" fmla="*/ 50588 h 1691232"/>
                <a:gd name="connsiteX8" fmla="*/ 1214911 w 1881147"/>
                <a:gd name="connsiteY8" fmla="*/ 155363 h 1691232"/>
                <a:gd name="connsiteX9" fmla="*/ 1186336 w 1881147"/>
                <a:gd name="connsiteY9" fmla="*/ 183938 h 1691232"/>
                <a:gd name="connsiteX10" fmla="*/ 1176811 w 1881147"/>
                <a:gd name="connsiteY10" fmla="*/ 255376 h 1691232"/>
                <a:gd name="connsiteX11" fmla="*/ 1114899 w 1881147"/>
                <a:gd name="connsiteY11" fmla="*/ 298238 h 1691232"/>
                <a:gd name="connsiteX12" fmla="*/ 1005361 w 1881147"/>
                <a:gd name="connsiteY12" fmla="*/ 312526 h 1691232"/>
                <a:gd name="connsiteX13" fmla="*/ 962499 w 1881147"/>
                <a:gd name="connsiteY13" fmla="*/ 355388 h 1691232"/>
                <a:gd name="connsiteX14" fmla="*/ 838674 w 1881147"/>
                <a:gd name="connsiteY14" fmla="*/ 355388 h 1691232"/>
                <a:gd name="connsiteX15" fmla="*/ 781524 w 1881147"/>
                <a:gd name="connsiteY15" fmla="*/ 426826 h 1691232"/>
                <a:gd name="connsiteX16" fmla="*/ 781524 w 1881147"/>
                <a:gd name="connsiteY16" fmla="*/ 460163 h 1691232"/>
                <a:gd name="connsiteX17" fmla="*/ 743424 w 1881147"/>
                <a:gd name="connsiteY17" fmla="*/ 483976 h 1691232"/>
                <a:gd name="connsiteX18" fmla="*/ 671986 w 1881147"/>
                <a:gd name="connsiteY18" fmla="*/ 417301 h 1691232"/>
                <a:gd name="connsiteX19" fmla="*/ 519586 w 1881147"/>
                <a:gd name="connsiteY19" fmla="*/ 412538 h 1691232"/>
                <a:gd name="connsiteX20" fmla="*/ 457674 w 1881147"/>
                <a:gd name="connsiteY20" fmla="*/ 431588 h 1691232"/>
                <a:gd name="connsiteX21" fmla="*/ 419574 w 1881147"/>
                <a:gd name="connsiteY21" fmla="*/ 417301 h 1691232"/>
                <a:gd name="connsiteX22" fmla="*/ 400524 w 1881147"/>
                <a:gd name="connsiteY22" fmla="*/ 355388 h 1691232"/>
                <a:gd name="connsiteX23" fmla="*/ 333849 w 1881147"/>
                <a:gd name="connsiteY23" fmla="*/ 303001 h 1691232"/>
                <a:gd name="connsiteX24" fmla="*/ 286224 w 1881147"/>
                <a:gd name="connsiteY24" fmla="*/ 236326 h 1691232"/>
                <a:gd name="connsiteX25" fmla="*/ 143349 w 1881147"/>
                <a:gd name="connsiteY25" fmla="*/ 255376 h 1691232"/>
                <a:gd name="connsiteX26" fmla="*/ 124299 w 1881147"/>
                <a:gd name="connsiteY26" fmla="*/ 331576 h 1691232"/>
                <a:gd name="connsiteX27" fmla="*/ 110011 w 1881147"/>
                <a:gd name="connsiteY27" fmla="*/ 364913 h 1691232"/>
                <a:gd name="connsiteX28" fmla="*/ 133824 w 1881147"/>
                <a:gd name="connsiteY28" fmla="*/ 412538 h 1691232"/>
                <a:gd name="connsiteX29" fmla="*/ 81436 w 1881147"/>
                <a:gd name="connsiteY29" fmla="*/ 450638 h 1691232"/>
                <a:gd name="connsiteX30" fmla="*/ 33811 w 1881147"/>
                <a:gd name="connsiteY30" fmla="*/ 445876 h 1691232"/>
                <a:gd name="connsiteX31" fmla="*/ 33811 w 1881147"/>
                <a:gd name="connsiteY31" fmla="*/ 517313 h 1691232"/>
                <a:gd name="connsiteX32" fmla="*/ 474 w 1881147"/>
                <a:gd name="connsiteY32" fmla="*/ 622088 h 1691232"/>
                <a:gd name="connsiteX33" fmla="*/ 62386 w 1881147"/>
                <a:gd name="connsiteY33" fmla="*/ 698288 h 1691232"/>
                <a:gd name="connsiteX34" fmla="*/ 111977 w 1881147"/>
                <a:gd name="connsiteY34" fmla="*/ 678550 h 1691232"/>
                <a:gd name="connsiteX35" fmla="*/ 112334 w 1881147"/>
                <a:gd name="connsiteY35" fmla="*/ 748809 h 1691232"/>
                <a:gd name="connsiteX36" fmla="*/ 167161 w 1881147"/>
                <a:gd name="connsiteY36" fmla="*/ 779251 h 1691232"/>
                <a:gd name="connsiteX37" fmla="*/ 236159 w 1881147"/>
                <a:gd name="connsiteY37" fmla="*/ 789463 h 1691232"/>
                <a:gd name="connsiteX38" fmla="*/ 271462 w 1881147"/>
                <a:gd name="connsiteY38" fmla="*/ 845434 h 1691232"/>
                <a:gd name="connsiteX39" fmla="*/ 270869 w 1881147"/>
                <a:gd name="connsiteY39" fmla="*/ 890506 h 1691232"/>
                <a:gd name="connsiteX40" fmla="*/ 295393 w 1881147"/>
                <a:gd name="connsiteY40" fmla="*/ 929981 h 1691232"/>
                <a:gd name="connsiteX41" fmla="*/ 341051 w 1881147"/>
                <a:gd name="connsiteY41" fmla="*/ 968573 h 1691232"/>
                <a:gd name="connsiteX42" fmla="*/ 426184 w 1881147"/>
                <a:gd name="connsiteY42" fmla="*/ 1022825 h 1691232"/>
                <a:gd name="connsiteX43" fmla="*/ 461961 w 1881147"/>
                <a:gd name="connsiteY43" fmla="*/ 1093918 h 1691232"/>
                <a:gd name="connsiteX44" fmla="*/ 441064 w 1881147"/>
                <a:gd name="connsiteY44" fmla="*/ 1163491 h 1691232"/>
                <a:gd name="connsiteX45" fmla="*/ 519111 w 1881147"/>
                <a:gd name="connsiteY45" fmla="*/ 1219954 h 1691232"/>
                <a:gd name="connsiteX46" fmla="*/ 591143 w 1881147"/>
                <a:gd name="connsiteY46" fmla="*/ 1252948 h 1691232"/>
                <a:gd name="connsiteX47" fmla="*/ 571974 w 1881147"/>
                <a:gd name="connsiteY47" fmla="*/ 1312651 h 1691232"/>
                <a:gd name="connsiteX48" fmla="*/ 662461 w 1881147"/>
                <a:gd name="connsiteY48" fmla="*/ 1465051 h 1691232"/>
                <a:gd name="connsiteX49" fmla="*/ 755271 w 1881147"/>
                <a:gd name="connsiteY49" fmla="*/ 1538205 h 1691232"/>
                <a:gd name="connsiteX50" fmla="*/ 805336 w 1881147"/>
                <a:gd name="connsiteY50" fmla="*/ 1488863 h 1691232"/>
                <a:gd name="connsiteX51" fmla="*/ 869926 w 1881147"/>
                <a:gd name="connsiteY51" fmla="*/ 1516260 h 1691232"/>
                <a:gd name="connsiteX52" fmla="*/ 924399 w 1881147"/>
                <a:gd name="connsiteY52" fmla="*/ 1484101 h 1691232"/>
                <a:gd name="connsiteX53" fmla="*/ 941246 w 1881147"/>
                <a:gd name="connsiteY53" fmla="*/ 1441925 h 1691232"/>
                <a:gd name="connsiteX54" fmla="*/ 1005123 w 1881147"/>
                <a:gd name="connsiteY54" fmla="*/ 1528337 h 1691232"/>
                <a:gd name="connsiteX55" fmla="*/ 1050190 w 1881147"/>
                <a:gd name="connsiteY55" fmla="*/ 1599431 h 1691232"/>
                <a:gd name="connsiteX56" fmla="*/ 1120136 w 1881147"/>
                <a:gd name="connsiteY56" fmla="*/ 1690950 h 1691232"/>
                <a:gd name="connsiteX57" fmla="*/ 1151034 w 1881147"/>
                <a:gd name="connsiteY57" fmla="*/ 1627859 h 1691232"/>
                <a:gd name="connsiteX58" fmla="*/ 1181693 w 1881147"/>
                <a:gd name="connsiteY58" fmla="*/ 1621379 h 1691232"/>
                <a:gd name="connsiteX59" fmla="*/ 1224792 w 1881147"/>
                <a:gd name="connsiteY59" fmla="*/ 1650642 h 1691232"/>
                <a:gd name="connsiteX60" fmla="*/ 1258367 w 1881147"/>
                <a:gd name="connsiteY60" fmla="*/ 1609988 h 1691232"/>
                <a:gd name="connsiteX61" fmla="*/ 1277188 w 1881147"/>
                <a:gd name="connsiteY61" fmla="*/ 1614605 h 1691232"/>
                <a:gd name="connsiteX62" fmla="*/ 1311230 w 1881147"/>
                <a:gd name="connsiteY62" fmla="*/ 1681082 h 1691232"/>
                <a:gd name="connsiteX63" fmla="*/ 1367786 w 1881147"/>
                <a:gd name="connsiteY63" fmla="*/ 1657613 h 1691232"/>
                <a:gd name="connsiteX64" fmla="*/ 1419818 w 1881147"/>
                <a:gd name="connsiteY64" fmla="*/ 1601492 h 1691232"/>
                <a:gd name="connsiteX65" fmla="*/ 1470595 w 1881147"/>
                <a:gd name="connsiteY65" fmla="*/ 1584949 h 1691232"/>
                <a:gd name="connsiteX66" fmla="*/ 1488274 w 1881147"/>
                <a:gd name="connsiteY66" fmla="*/ 1640771 h 1691232"/>
                <a:gd name="connsiteX67" fmla="*/ 1558169 w 1881147"/>
                <a:gd name="connsiteY67" fmla="*/ 1615093 h 1691232"/>
                <a:gd name="connsiteX68" fmla="*/ 1588947 w 1881147"/>
                <a:gd name="connsiteY68" fmla="*/ 1528337 h 1691232"/>
                <a:gd name="connsiteX69" fmla="*/ 1670383 w 1881147"/>
                <a:gd name="connsiteY69" fmla="*/ 1438195 h 1691232"/>
                <a:gd name="connsiteX70" fmla="*/ 1714974 w 1881147"/>
                <a:gd name="connsiteY70" fmla="*/ 1407065 h 1691232"/>
                <a:gd name="connsiteX71" fmla="*/ 1743343 w 1881147"/>
                <a:gd name="connsiteY71" fmla="*/ 1410360 h 1691232"/>
                <a:gd name="connsiteX72" fmla="*/ 1820935 w 1881147"/>
                <a:gd name="connsiteY72" fmla="*/ 1399752 h 1691232"/>
                <a:gd name="connsiteX73" fmla="*/ 1816054 w 1881147"/>
                <a:gd name="connsiteY73" fmla="*/ 1453316 h 1691232"/>
                <a:gd name="connsiteX74" fmla="*/ 1874221 w 1881147"/>
                <a:gd name="connsiteY74" fmla="*/ 1476637 h 1691232"/>
                <a:gd name="connsiteX75" fmla="*/ 1875829 w 1881147"/>
                <a:gd name="connsiteY75" fmla="*/ 1454003 h 1691232"/>
                <a:gd name="connsiteX76" fmla="*/ 1875051 w 1881147"/>
                <a:gd name="connsiteY76" fmla="*/ 1393269 h 1691232"/>
                <a:gd name="connsiteX77" fmla="*/ 1853086 w 1881147"/>
                <a:gd name="connsiteY77" fmla="*/ 1303126 h 1691232"/>
                <a:gd name="connsiteX78" fmla="*/ 1853086 w 1881147"/>
                <a:gd name="connsiteY78" fmla="*/ 1245976 h 1691232"/>
                <a:gd name="connsiteX79" fmla="*/ 1810224 w 1881147"/>
                <a:gd name="connsiteY79" fmla="*/ 1236451 h 1691232"/>
                <a:gd name="connsiteX80" fmla="*/ 1734024 w 1881147"/>
                <a:gd name="connsiteY80" fmla="*/ 1155488 h 1691232"/>
                <a:gd name="connsiteX81" fmla="*/ 1695924 w 1881147"/>
                <a:gd name="connsiteY81" fmla="*/ 974513 h 1691232"/>
                <a:gd name="connsiteX82" fmla="*/ 1643536 w 1881147"/>
                <a:gd name="connsiteY82" fmla="*/ 941176 h 1691232"/>
                <a:gd name="connsiteX83" fmla="*/ 1605436 w 1881147"/>
                <a:gd name="connsiteY83" fmla="*/ 884026 h 1691232"/>
                <a:gd name="connsiteX84" fmla="*/ 1557811 w 1881147"/>
                <a:gd name="connsiteY84" fmla="*/ 836401 h 1691232"/>
                <a:gd name="connsiteX85" fmla="*/ 1505424 w 1881147"/>
                <a:gd name="connsiteY85" fmla="*/ 817351 h 1691232"/>
                <a:gd name="connsiteX86" fmla="*/ 1453036 w 1881147"/>
                <a:gd name="connsiteY86" fmla="*/ 812588 h 1691232"/>
                <a:gd name="connsiteX87" fmla="*/ 1510186 w 1881147"/>
                <a:gd name="connsiteY87" fmla="*/ 779251 h 1691232"/>
                <a:gd name="connsiteX88" fmla="*/ 1476849 w 1881147"/>
                <a:gd name="connsiteY88" fmla="*/ 745913 h 1691232"/>
                <a:gd name="connsiteX89" fmla="*/ 1481611 w 1881147"/>
                <a:gd name="connsiteY89" fmla="*/ 722101 h 1691232"/>
                <a:gd name="connsiteX90" fmla="*/ 1572099 w 1881147"/>
                <a:gd name="connsiteY90" fmla="*/ 760201 h 1691232"/>
                <a:gd name="connsiteX91" fmla="*/ 1624486 w 1881147"/>
                <a:gd name="connsiteY91" fmla="*/ 693526 h 1691232"/>
                <a:gd name="connsiteX92" fmla="*/ 1614961 w 1881147"/>
                <a:gd name="connsiteY92" fmla="*/ 550651 h 1691232"/>
                <a:gd name="connsiteX93" fmla="*/ 1639486 w 1881147"/>
                <a:gd name="connsiteY93" fmla="*/ 402325 h 1691232"/>
                <a:gd name="connsiteX0" fmla="*/ 1639486 w 1881147"/>
                <a:gd name="connsiteY0" fmla="*/ 402325 h 1691232"/>
                <a:gd name="connsiteX1" fmla="*/ 1567336 w 1881147"/>
                <a:gd name="connsiteY1" fmla="*/ 369676 h 1691232"/>
                <a:gd name="connsiteX2" fmla="*/ 1467324 w 1881147"/>
                <a:gd name="connsiteY2" fmla="*/ 345863 h 1691232"/>
                <a:gd name="connsiteX3" fmla="*/ 1419699 w 1881147"/>
                <a:gd name="connsiteY3" fmla="*/ 317288 h 1691232"/>
                <a:gd name="connsiteX4" fmla="*/ 1367311 w 1881147"/>
                <a:gd name="connsiteY4" fmla="*/ 160126 h 1691232"/>
                <a:gd name="connsiteX5" fmla="*/ 1338736 w 1881147"/>
                <a:gd name="connsiteY5" fmla="*/ 12488 h 1691232"/>
                <a:gd name="connsiteX6" fmla="*/ 1267299 w 1881147"/>
                <a:gd name="connsiteY6" fmla="*/ 12488 h 1691232"/>
                <a:gd name="connsiteX7" fmla="*/ 1214911 w 1881147"/>
                <a:gd name="connsiteY7" fmla="*/ 50588 h 1691232"/>
                <a:gd name="connsiteX8" fmla="*/ 1214911 w 1881147"/>
                <a:gd name="connsiteY8" fmla="*/ 155363 h 1691232"/>
                <a:gd name="connsiteX9" fmla="*/ 1186336 w 1881147"/>
                <a:gd name="connsiteY9" fmla="*/ 183938 h 1691232"/>
                <a:gd name="connsiteX10" fmla="*/ 1176811 w 1881147"/>
                <a:gd name="connsiteY10" fmla="*/ 255376 h 1691232"/>
                <a:gd name="connsiteX11" fmla="*/ 1114899 w 1881147"/>
                <a:gd name="connsiteY11" fmla="*/ 298238 h 1691232"/>
                <a:gd name="connsiteX12" fmla="*/ 1005361 w 1881147"/>
                <a:gd name="connsiteY12" fmla="*/ 312526 h 1691232"/>
                <a:gd name="connsiteX13" fmla="*/ 962499 w 1881147"/>
                <a:gd name="connsiteY13" fmla="*/ 355388 h 1691232"/>
                <a:gd name="connsiteX14" fmla="*/ 838674 w 1881147"/>
                <a:gd name="connsiteY14" fmla="*/ 355388 h 1691232"/>
                <a:gd name="connsiteX15" fmla="*/ 781524 w 1881147"/>
                <a:gd name="connsiteY15" fmla="*/ 426826 h 1691232"/>
                <a:gd name="connsiteX16" fmla="*/ 781524 w 1881147"/>
                <a:gd name="connsiteY16" fmla="*/ 460163 h 1691232"/>
                <a:gd name="connsiteX17" fmla="*/ 743424 w 1881147"/>
                <a:gd name="connsiteY17" fmla="*/ 483976 h 1691232"/>
                <a:gd name="connsiteX18" fmla="*/ 671986 w 1881147"/>
                <a:gd name="connsiteY18" fmla="*/ 417301 h 1691232"/>
                <a:gd name="connsiteX19" fmla="*/ 519586 w 1881147"/>
                <a:gd name="connsiteY19" fmla="*/ 412538 h 1691232"/>
                <a:gd name="connsiteX20" fmla="*/ 457674 w 1881147"/>
                <a:gd name="connsiteY20" fmla="*/ 431588 h 1691232"/>
                <a:gd name="connsiteX21" fmla="*/ 419574 w 1881147"/>
                <a:gd name="connsiteY21" fmla="*/ 417301 h 1691232"/>
                <a:gd name="connsiteX22" fmla="*/ 400524 w 1881147"/>
                <a:gd name="connsiteY22" fmla="*/ 355388 h 1691232"/>
                <a:gd name="connsiteX23" fmla="*/ 333849 w 1881147"/>
                <a:gd name="connsiteY23" fmla="*/ 303001 h 1691232"/>
                <a:gd name="connsiteX24" fmla="*/ 286224 w 1881147"/>
                <a:gd name="connsiteY24" fmla="*/ 236326 h 1691232"/>
                <a:gd name="connsiteX25" fmla="*/ 143349 w 1881147"/>
                <a:gd name="connsiteY25" fmla="*/ 255376 h 1691232"/>
                <a:gd name="connsiteX26" fmla="*/ 124299 w 1881147"/>
                <a:gd name="connsiteY26" fmla="*/ 331576 h 1691232"/>
                <a:gd name="connsiteX27" fmla="*/ 110011 w 1881147"/>
                <a:gd name="connsiteY27" fmla="*/ 364913 h 1691232"/>
                <a:gd name="connsiteX28" fmla="*/ 133824 w 1881147"/>
                <a:gd name="connsiteY28" fmla="*/ 412538 h 1691232"/>
                <a:gd name="connsiteX29" fmla="*/ 81436 w 1881147"/>
                <a:gd name="connsiteY29" fmla="*/ 450638 h 1691232"/>
                <a:gd name="connsiteX30" fmla="*/ 33811 w 1881147"/>
                <a:gd name="connsiteY30" fmla="*/ 445876 h 1691232"/>
                <a:gd name="connsiteX31" fmla="*/ 33811 w 1881147"/>
                <a:gd name="connsiteY31" fmla="*/ 517313 h 1691232"/>
                <a:gd name="connsiteX32" fmla="*/ 474 w 1881147"/>
                <a:gd name="connsiteY32" fmla="*/ 622088 h 1691232"/>
                <a:gd name="connsiteX33" fmla="*/ 62386 w 1881147"/>
                <a:gd name="connsiteY33" fmla="*/ 698288 h 1691232"/>
                <a:gd name="connsiteX34" fmla="*/ 111977 w 1881147"/>
                <a:gd name="connsiteY34" fmla="*/ 678550 h 1691232"/>
                <a:gd name="connsiteX35" fmla="*/ 112334 w 1881147"/>
                <a:gd name="connsiteY35" fmla="*/ 748809 h 1691232"/>
                <a:gd name="connsiteX36" fmla="*/ 167161 w 1881147"/>
                <a:gd name="connsiteY36" fmla="*/ 779251 h 1691232"/>
                <a:gd name="connsiteX37" fmla="*/ 236159 w 1881147"/>
                <a:gd name="connsiteY37" fmla="*/ 789463 h 1691232"/>
                <a:gd name="connsiteX38" fmla="*/ 271462 w 1881147"/>
                <a:gd name="connsiteY38" fmla="*/ 845434 h 1691232"/>
                <a:gd name="connsiteX39" fmla="*/ 270869 w 1881147"/>
                <a:gd name="connsiteY39" fmla="*/ 890506 h 1691232"/>
                <a:gd name="connsiteX40" fmla="*/ 295393 w 1881147"/>
                <a:gd name="connsiteY40" fmla="*/ 929981 h 1691232"/>
                <a:gd name="connsiteX41" fmla="*/ 341051 w 1881147"/>
                <a:gd name="connsiteY41" fmla="*/ 968573 h 1691232"/>
                <a:gd name="connsiteX42" fmla="*/ 426184 w 1881147"/>
                <a:gd name="connsiteY42" fmla="*/ 1022825 h 1691232"/>
                <a:gd name="connsiteX43" fmla="*/ 461961 w 1881147"/>
                <a:gd name="connsiteY43" fmla="*/ 1093918 h 1691232"/>
                <a:gd name="connsiteX44" fmla="*/ 441064 w 1881147"/>
                <a:gd name="connsiteY44" fmla="*/ 1163491 h 1691232"/>
                <a:gd name="connsiteX45" fmla="*/ 519111 w 1881147"/>
                <a:gd name="connsiteY45" fmla="*/ 1219954 h 1691232"/>
                <a:gd name="connsiteX46" fmla="*/ 591143 w 1881147"/>
                <a:gd name="connsiteY46" fmla="*/ 1252948 h 1691232"/>
                <a:gd name="connsiteX47" fmla="*/ 571974 w 1881147"/>
                <a:gd name="connsiteY47" fmla="*/ 1312651 h 1691232"/>
                <a:gd name="connsiteX48" fmla="*/ 662461 w 1881147"/>
                <a:gd name="connsiteY48" fmla="*/ 1465051 h 1691232"/>
                <a:gd name="connsiteX49" fmla="*/ 755271 w 1881147"/>
                <a:gd name="connsiteY49" fmla="*/ 1538205 h 1691232"/>
                <a:gd name="connsiteX50" fmla="*/ 805336 w 1881147"/>
                <a:gd name="connsiteY50" fmla="*/ 1488863 h 1691232"/>
                <a:gd name="connsiteX51" fmla="*/ 869926 w 1881147"/>
                <a:gd name="connsiteY51" fmla="*/ 1516260 h 1691232"/>
                <a:gd name="connsiteX52" fmla="*/ 924399 w 1881147"/>
                <a:gd name="connsiteY52" fmla="*/ 1484101 h 1691232"/>
                <a:gd name="connsiteX53" fmla="*/ 941246 w 1881147"/>
                <a:gd name="connsiteY53" fmla="*/ 1441925 h 1691232"/>
                <a:gd name="connsiteX54" fmla="*/ 1005123 w 1881147"/>
                <a:gd name="connsiteY54" fmla="*/ 1528337 h 1691232"/>
                <a:gd name="connsiteX55" fmla="*/ 1050190 w 1881147"/>
                <a:gd name="connsiteY55" fmla="*/ 1599431 h 1691232"/>
                <a:gd name="connsiteX56" fmla="*/ 1120136 w 1881147"/>
                <a:gd name="connsiteY56" fmla="*/ 1690950 h 1691232"/>
                <a:gd name="connsiteX57" fmla="*/ 1151034 w 1881147"/>
                <a:gd name="connsiteY57" fmla="*/ 1627859 h 1691232"/>
                <a:gd name="connsiteX58" fmla="*/ 1181693 w 1881147"/>
                <a:gd name="connsiteY58" fmla="*/ 1621379 h 1691232"/>
                <a:gd name="connsiteX59" fmla="*/ 1224792 w 1881147"/>
                <a:gd name="connsiteY59" fmla="*/ 1650642 h 1691232"/>
                <a:gd name="connsiteX60" fmla="*/ 1258367 w 1881147"/>
                <a:gd name="connsiteY60" fmla="*/ 1609988 h 1691232"/>
                <a:gd name="connsiteX61" fmla="*/ 1277188 w 1881147"/>
                <a:gd name="connsiteY61" fmla="*/ 1614605 h 1691232"/>
                <a:gd name="connsiteX62" fmla="*/ 1311230 w 1881147"/>
                <a:gd name="connsiteY62" fmla="*/ 1681082 h 1691232"/>
                <a:gd name="connsiteX63" fmla="*/ 1367786 w 1881147"/>
                <a:gd name="connsiteY63" fmla="*/ 1657613 h 1691232"/>
                <a:gd name="connsiteX64" fmla="*/ 1419818 w 1881147"/>
                <a:gd name="connsiteY64" fmla="*/ 1601492 h 1691232"/>
                <a:gd name="connsiteX65" fmla="*/ 1470595 w 1881147"/>
                <a:gd name="connsiteY65" fmla="*/ 1584949 h 1691232"/>
                <a:gd name="connsiteX66" fmla="*/ 1488274 w 1881147"/>
                <a:gd name="connsiteY66" fmla="*/ 1640771 h 1691232"/>
                <a:gd name="connsiteX67" fmla="*/ 1558169 w 1881147"/>
                <a:gd name="connsiteY67" fmla="*/ 1615093 h 1691232"/>
                <a:gd name="connsiteX68" fmla="*/ 1588947 w 1881147"/>
                <a:gd name="connsiteY68" fmla="*/ 1528337 h 1691232"/>
                <a:gd name="connsiteX69" fmla="*/ 1670383 w 1881147"/>
                <a:gd name="connsiteY69" fmla="*/ 1438195 h 1691232"/>
                <a:gd name="connsiteX70" fmla="*/ 1714974 w 1881147"/>
                <a:gd name="connsiteY70" fmla="*/ 1407065 h 1691232"/>
                <a:gd name="connsiteX71" fmla="*/ 1743343 w 1881147"/>
                <a:gd name="connsiteY71" fmla="*/ 1410360 h 1691232"/>
                <a:gd name="connsiteX72" fmla="*/ 1820935 w 1881147"/>
                <a:gd name="connsiteY72" fmla="*/ 1399752 h 1691232"/>
                <a:gd name="connsiteX73" fmla="*/ 1816054 w 1881147"/>
                <a:gd name="connsiteY73" fmla="*/ 1453316 h 1691232"/>
                <a:gd name="connsiteX74" fmla="*/ 1874221 w 1881147"/>
                <a:gd name="connsiteY74" fmla="*/ 1476637 h 1691232"/>
                <a:gd name="connsiteX75" fmla="*/ 1875829 w 1881147"/>
                <a:gd name="connsiteY75" fmla="*/ 1454003 h 1691232"/>
                <a:gd name="connsiteX76" fmla="*/ 1875051 w 1881147"/>
                <a:gd name="connsiteY76" fmla="*/ 1393269 h 1691232"/>
                <a:gd name="connsiteX77" fmla="*/ 1853086 w 1881147"/>
                <a:gd name="connsiteY77" fmla="*/ 1303126 h 1691232"/>
                <a:gd name="connsiteX78" fmla="*/ 1853086 w 1881147"/>
                <a:gd name="connsiteY78" fmla="*/ 1245976 h 1691232"/>
                <a:gd name="connsiteX79" fmla="*/ 1810224 w 1881147"/>
                <a:gd name="connsiteY79" fmla="*/ 1236451 h 1691232"/>
                <a:gd name="connsiteX80" fmla="*/ 1734024 w 1881147"/>
                <a:gd name="connsiteY80" fmla="*/ 1155488 h 1691232"/>
                <a:gd name="connsiteX81" fmla="*/ 1695924 w 1881147"/>
                <a:gd name="connsiteY81" fmla="*/ 974513 h 1691232"/>
                <a:gd name="connsiteX82" fmla="*/ 1643536 w 1881147"/>
                <a:gd name="connsiteY82" fmla="*/ 941176 h 1691232"/>
                <a:gd name="connsiteX83" fmla="*/ 1605436 w 1881147"/>
                <a:gd name="connsiteY83" fmla="*/ 884026 h 1691232"/>
                <a:gd name="connsiteX84" fmla="*/ 1557811 w 1881147"/>
                <a:gd name="connsiteY84" fmla="*/ 836401 h 1691232"/>
                <a:gd name="connsiteX85" fmla="*/ 1505424 w 1881147"/>
                <a:gd name="connsiteY85" fmla="*/ 817351 h 1691232"/>
                <a:gd name="connsiteX86" fmla="*/ 1453036 w 1881147"/>
                <a:gd name="connsiteY86" fmla="*/ 812588 h 1691232"/>
                <a:gd name="connsiteX87" fmla="*/ 1510186 w 1881147"/>
                <a:gd name="connsiteY87" fmla="*/ 779251 h 1691232"/>
                <a:gd name="connsiteX88" fmla="*/ 1476849 w 1881147"/>
                <a:gd name="connsiteY88" fmla="*/ 745913 h 1691232"/>
                <a:gd name="connsiteX89" fmla="*/ 1481611 w 1881147"/>
                <a:gd name="connsiteY89" fmla="*/ 722101 h 1691232"/>
                <a:gd name="connsiteX90" fmla="*/ 1572099 w 1881147"/>
                <a:gd name="connsiteY90" fmla="*/ 760201 h 1691232"/>
                <a:gd name="connsiteX91" fmla="*/ 1624486 w 1881147"/>
                <a:gd name="connsiteY91" fmla="*/ 693526 h 1691232"/>
                <a:gd name="connsiteX92" fmla="*/ 1622283 w 1881147"/>
                <a:gd name="connsiteY92" fmla="*/ 550651 h 1691232"/>
                <a:gd name="connsiteX93" fmla="*/ 1639486 w 1881147"/>
                <a:gd name="connsiteY93" fmla="*/ 402325 h 1691232"/>
                <a:gd name="connsiteX0" fmla="*/ 1639486 w 1881147"/>
                <a:gd name="connsiteY0" fmla="*/ 402325 h 1691232"/>
                <a:gd name="connsiteX1" fmla="*/ 1567336 w 1881147"/>
                <a:gd name="connsiteY1" fmla="*/ 369676 h 1691232"/>
                <a:gd name="connsiteX2" fmla="*/ 1467324 w 1881147"/>
                <a:gd name="connsiteY2" fmla="*/ 345863 h 1691232"/>
                <a:gd name="connsiteX3" fmla="*/ 1427021 w 1881147"/>
                <a:gd name="connsiteY3" fmla="*/ 289204 h 1691232"/>
                <a:gd name="connsiteX4" fmla="*/ 1367311 w 1881147"/>
                <a:gd name="connsiteY4" fmla="*/ 160126 h 1691232"/>
                <a:gd name="connsiteX5" fmla="*/ 1338736 w 1881147"/>
                <a:gd name="connsiteY5" fmla="*/ 12488 h 1691232"/>
                <a:gd name="connsiteX6" fmla="*/ 1267299 w 1881147"/>
                <a:gd name="connsiteY6" fmla="*/ 12488 h 1691232"/>
                <a:gd name="connsiteX7" fmla="*/ 1214911 w 1881147"/>
                <a:gd name="connsiteY7" fmla="*/ 50588 h 1691232"/>
                <a:gd name="connsiteX8" fmla="*/ 1214911 w 1881147"/>
                <a:gd name="connsiteY8" fmla="*/ 155363 h 1691232"/>
                <a:gd name="connsiteX9" fmla="*/ 1186336 w 1881147"/>
                <a:gd name="connsiteY9" fmla="*/ 183938 h 1691232"/>
                <a:gd name="connsiteX10" fmla="*/ 1176811 w 1881147"/>
                <a:gd name="connsiteY10" fmla="*/ 255376 h 1691232"/>
                <a:gd name="connsiteX11" fmla="*/ 1114899 w 1881147"/>
                <a:gd name="connsiteY11" fmla="*/ 298238 h 1691232"/>
                <a:gd name="connsiteX12" fmla="*/ 1005361 w 1881147"/>
                <a:gd name="connsiteY12" fmla="*/ 312526 h 1691232"/>
                <a:gd name="connsiteX13" fmla="*/ 962499 w 1881147"/>
                <a:gd name="connsiteY13" fmla="*/ 355388 h 1691232"/>
                <a:gd name="connsiteX14" fmla="*/ 838674 w 1881147"/>
                <a:gd name="connsiteY14" fmla="*/ 355388 h 1691232"/>
                <a:gd name="connsiteX15" fmla="*/ 781524 w 1881147"/>
                <a:gd name="connsiteY15" fmla="*/ 426826 h 1691232"/>
                <a:gd name="connsiteX16" fmla="*/ 781524 w 1881147"/>
                <a:gd name="connsiteY16" fmla="*/ 460163 h 1691232"/>
                <a:gd name="connsiteX17" fmla="*/ 743424 w 1881147"/>
                <a:gd name="connsiteY17" fmla="*/ 483976 h 1691232"/>
                <a:gd name="connsiteX18" fmla="*/ 671986 w 1881147"/>
                <a:gd name="connsiteY18" fmla="*/ 417301 h 1691232"/>
                <a:gd name="connsiteX19" fmla="*/ 519586 w 1881147"/>
                <a:gd name="connsiteY19" fmla="*/ 412538 h 1691232"/>
                <a:gd name="connsiteX20" fmla="*/ 457674 w 1881147"/>
                <a:gd name="connsiteY20" fmla="*/ 431588 h 1691232"/>
                <a:gd name="connsiteX21" fmla="*/ 419574 w 1881147"/>
                <a:gd name="connsiteY21" fmla="*/ 417301 h 1691232"/>
                <a:gd name="connsiteX22" fmla="*/ 400524 w 1881147"/>
                <a:gd name="connsiteY22" fmla="*/ 355388 h 1691232"/>
                <a:gd name="connsiteX23" fmla="*/ 333849 w 1881147"/>
                <a:gd name="connsiteY23" fmla="*/ 303001 h 1691232"/>
                <a:gd name="connsiteX24" fmla="*/ 286224 w 1881147"/>
                <a:gd name="connsiteY24" fmla="*/ 236326 h 1691232"/>
                <a:gd name="connsiteX25" fmla="*/ 143349 w 1881147"/>
                <a:gd name="connsiteY25" fmla="*/ 255376 h 1691232"/>
                <a:gd name="connsiteX26" fmla="*/ 124299 w 1881147"/>
                <a:gd name="connsiteY26" fmla="*/ 331576 h 1691232"/>
                <a:gd name="connsiteX27" fmla="*/ 110011 w 1881147"/>
                <a:gd name="connsiteY27" fmla="*/ 364913 h 1691232"/>
                <a:gd name="connsiteX28" fmla="*/ 133824 w 1881147"/>
                <a:gd name="connsiteY28" fmla="*/ 412538 h 1691232"/>
                <a:gd name="connsiteX29" fmla="*/ 81436 w 1881147"/>
                <a:gd name="connsiteY29" fmla="*/ 450638 h 1691232"/>
                <a:gd name="connsiteX30" fmla="*/ 33811 w 1881147"/>
                <a:gd name="connsiteY30" fmla="*/ 445876 h 1691232"/>
                <a:gd name="connsiteX31" fmla="*/ 33811 w 1881147"/>
                <a:gd name="connsiteY31" fmla="*/ 517313 h 1691232"/>
                <a:gd name="connsiteX32" fmla="*/ 474 w 1881147"/>
                <a:gd name="connsiteY32" fmla="*/ 622088 h 1691232"/>
                <a:gd name="connsiteX33" fmla="*/ 62386 w 1881147"/>
                <a:gd name="connsiteY33" fmla="*/ 698288 h 1691232"/>
                <a:gd name="connsiteX34" fmla="*/ 111977 w 1881147"/>
                <a:gd name="connsiteY34" fmla="*/ 678550 h 1691232"/>
                <a:gd name="connsiteX35" fmla="*/ 112334 w 1881147"/>
                <a:gd name="connsiteY35" fmla="*/ 748809 h 1691232"/>
                <a:gd name="connsiteX36" fmla="*/ 167161 w 1881147"/>
                <a:gd name="connsiteY36" fmla="*/ 779251 h 1691232"/>
                <a:gd name="connsiteX37" fmla="*/ 236159 w 1881147"/>
                <a:gd name="connsiteY37" fmla="*/ 789463 h 1691232"/>
                <a:gd name="connsiteX38" fmla="*/ 271462 w 1881147"/>
                <a:gd name="connsiteY38" fmla="*/ 845434 h 1691232"/>
                <a:gd name="connsiteX39" fmla="*/ 270869 w 1881147"/>
                <a:gd name="connsiteY39" fmla="*/ 890506 h 1691232"/>
                <a:gd name="connsiteX40" fmla="*/ 295393 w 1881147"/>
                <a:gd name="connsiteY40" fmla="*/ 929981 h 1691232"/>
                <a:gd name="connsiteX41" fmla="*/ 341051 w 1881147"/>
                <a:gd name="connsiteY41" fmla="*/ 968573 h 1691232"/>
                <a:gd name="connsiteX42" fmla="*/ 426184 w 1881147"/>
                <a:gd name="connsiteY42" fmla="*/ 1022825 h 1691232"/>
                <a:gd name="connsiteX43" fmla="*/ 461961 w 1881147"/>
                <a:gd name="connsiteY43" fmla="*/ 1093918 h 1691232"/>
                <a:gd name="connsiteX44" fmla="*/ 441064 w 1881147"/>
                <a:gd name="connsiteY44" fmla="*/ 1163491 h 1691232"/>
                <a:gd name="connsiteX45" fmla="*/ 519111 w 1881147"/>
                <a:gd name="connsiteY45" fmla="*/ 1219954 h 1691232"/>
                <a:gd name="connsiteX46" fmla="*/ 591143 w 1881147"/>
                <a:gd name="connsiteY46" fmla="*/ 1252948 h 1691232"/>
                <a:gd name="connsiteX47" fmla="*/ 571974 w 1881147"/>
                <a:gd name="connsiteY47" fmla="*/ 1312651 h 1691232"/>
                <a:gd name="connsiteX48" fmla="*/ 662461 w 1881147"/>
                <a:gd name="connsiteY48" fmla="*/ 1465051 h 1691232"/>
                <a:gd name="connsiteX49" fmla="*/ 755271 w 1881147"/>
                <a:gd name="connsiteY49" fmla="*/ 1538205 h 1691232"/>
                <a:gd name="connsiteX50" fmla="*/ 805336 w 1881147"/>
                <a:gd name="connsiteY50" fmla="*/ 1488863 h 1691232"/>
                <a:gd name="connsiteX51" fmla="*/ 869926 w 1881147"/>
                <a:gd name="connsiteY51" fmla="*/ 1516260 h 1691232"/>
                <a:gd name="connsiteX52" fmla="*/ 924399 w 1881147"/>
                <a:gd name="connsiteY52" fmla="*/ 1484101 h 1691232"/>
                <a:gd name="connsiteX53" fmla="*/ 941246 w 1881147"/>
                <a:gd name="connsiteY53" fmla="*/ 1441925 h 1691232"/>
                <a:gd name="connsiteX54" fmla="*/ 1005123 w 1881147"/>
                <a:gd name="connsiteY54" fmla="*/ 1528337 h 1691232"/>
                <a:gd name="connsiteX55" fmla="*/ 1050190 w 1881147"/>
                <a:gd name="connsiteY55" fmla="*/ 1599431 h 1691232"/>
                <a:gd name="connsiteX56" fmla="*/ 1120136 w 1881147"/>
                <a:gd name="connsiteY56" fmla="*/ 1690950 h 1691232"/>
                <a:gd name="connsiteX57" fmla="*/ 1151034 w 1881147"/>
                <a:gd name="connsiteY57" fmla="*/ 1627859 h 1691232"/>
                <a:gd name="connsiteX58" fmla="*/ 1181693 w 1881147"/>
                <a:gd name="connsiteY58" fmla="*/ 1621379 h 1691232"/>
                <a:gd name="connsiteX59" fmla="*/ 1224792 w 1881147"/>
                <a:gd name="connsiteY59" fmla="*/ 1650642 h 1691232"/>
                <a:gd name="connsiteX60" fmla="*/ 1258367 w 1881147"/>
                <a:gd name="connsiteY60" fmla="*/ 1609988 h 1691232"/>
                <a:gd name="connsiteX61" fmla="*/ 1277188 w 1881147"/>
                <a:gd name="connsiteY61" fmla="*/ 1614605 h 1691232"/>
                <a:gd name="connsiteX62" fmla="*/ 1311230 w 1881147"/>
                <a:gd name="connsiteY62" fmla="*/ 1681082 h 1691232"/>
                <a:gd name="connsiteX63" fmla="*/ 1367786 w 1881147"/>
                <a:gd name="connsiteY63" fmla="*/ 1657613 h 1691232"/>
                <a:gd name="connsiteX64" fmla="*/ 1419818 w 1881147"/>
                <a:gd name="connsiteY64" fmla="*/ 1601492 h 1691232"/>
                <a:gd name="connsiteX65" fmla="*/ 1470595 w 1881147"/>
                <a:gd name="connsiteY65" fmla="*/ 1584949 h 1691232"/>
                <a:gd name="connsiteX66" fmla="*/ 1488274 w 1881147"/>
                <a:gd name="connsiteY66" fmla="*/ 1640771 h 1691232"/>
                <a:gd name="connsiteX67" fmla="*/ 1558169 w 1881147"/>
                <a:gd name="connsiteY67" fmla="*/ 1615093 h 1691232"/>
                <a:gd name="connsiteX68" fmla="*/ 1588947 w 1881147"/>
                <a:gd name="connsiteY68" fmla="*/ 1528337 h 1691232"/>
                <a:gd name="connsiteX69" fmla="*/ 1670383 w 1881147"/>
                <a:gd name="connsiteY69" fmla="*/ 1438195 h 1691232"/>
                <a:gd name="connsiteX70" fmla="*/ 1714974 w 1881147"/>
                <a:gd name="connsiteY70" fmla="*/ 1407065 h 1691232"/>
                <a:gd name="connsiteX71" fmla="*/ 1743343 w 1881147"/>
                <a:gd name="connsiteY71" fmla="*/ 1410360 h 1691232"/>
                <a:gd name="connsiteX72" fmla="*/ 1820935 w 1881147"/>
                <a:gd name="connsiteY72" fmla="*/ 1399752 h 1691232"/>
                <a:gd name="connsiteX73" fmla="*/ 1816054 w 1881147"/>
                <a:gd name="connsiteY73" fmla="*/ 1453316 h 1691232"/>
                <a:gd name="connsiteX74" fmla="*/ 1874221 w 1881147"/>
                <a:gd name="connsiteY74" fmla="*/ 1476637 h 1691232"/>
                <a:gd name="connsiteX75" fmla="*/ 1875829 w 1881147"/>
                <a:gd name="connsiteY75" fmla="*/ 1454003 h 1691232"/>
                <a:gd name="connsiteX76" fmla="*/ 1875051 w 1881147"/>
                <a:gd name="connsiteY76" fmla="*/ 1393269 h 1691232"/>
                <a:gd name="connsiteX77" fmla="*/ 1853086 w 1881147"/>
                <a:gd name="connsiteY77" fmla="*/ 1303126 h 1691232"/>
                <a:gd name="connsiteX78" fmla="*/ 1853086 w 1881147"/>
                <a:gd name="connsiteY78" fmla="*/ 1245976 h 1691232"/>
                <a:gd name="connsiteX79" fmla="*/ 1810224 w 1881147"/>
                <a:gd name="connsiteY79" fmla="*/ 1236451 h 1691232"/>
                <a:gd name="connsiteX80" fmla="*/ 1734024 w 1881147"/>
                <a:gd name="connsiteY80" fmla="*/ 1155488 h 1691232"/>
                <a:gd name="connsiteX81" fmla="*/ 1695924 w 1881147"/>
                <a:gd name="connsiteY81" fmla="*/ 974513 h 1691232"/>
                <a:gd name="connsiteX82" fmla="*/ 1643536 w 1881147"/>
                <a:gd name="connsiteY82" fmla="*/ 941176 h 1691232"/>
                <a:gd name="connsiteX83" fmla="*/ 1605436 w 1881147"/>
                <a:gd name="connsiteY83" fmla="*/ 884026 h 1691232"/>
                <a:gd name="connsiteX84" fmla="*/ 1557811 w 1881147"/>
                <a:gd name="connsiteY84" fmla="*/ 836401 h 1691232"/>
                <a:gd name="connsiteX85" fmla="*/ 1505424 w 1881147"/>
                <a:gd name="connsiteY85" fmla="*/ 817351 h 1691232"/>
                <a:gd name="connsiteX86" fmla="*/ 1453036 w 1881147"/>
                <a:gd name="connsiteY86" fmla="*/ 812588 h 1691232"/>
                <a:gd name="connsiteX87" fmla="*/ 1510186 w 1881147"/>
                <a:gd name="connsiteY87" fmla="*/ 779251 h 1691232"/>
                <a:gd name="connsiteX88" fmla="*/ 1476849 w 1881147"/>
                <a:gd name="connsiteY88" fmla="*/ 745913 h 1691232"/>
                <a:gd name="connsiteX89" fmla="*/ 1481611 w 1881147"/>
                <a:gd name="connsiteY89" fmla="*/ 722101 h 1691232"/>
                <a:gd name="connsiteX90" fmla="*/ 1572099 w 1881147"/>
                <a:gd name="connsiteY90" fmla="*/ 760201 h 1691232"/>
                <a:gd name="connsiteX91" fmla="*/ 1624486 w 1881147"/>
                <a:gd name="connsiteY91" fmla="*/ 693526 h 1691232"/>
                <a:gd name="connsiteX92" fmla="*/ 1622283 w 1881147"/>
                <a:gd name="connsiteY92" fmla="*/ 550651 h 1691232"/>
                <a:gd name="connsiteX93" fmla="*/ 1639486 w 1881147"/>
                <a:gd name="connsiteY93" fmla="*/ 402325 h 1691232"/>
                <a:gd name="connsiteX0" fmla="*/ 1639486 w 1881147"/>
                <a:gd name="connsiteY0" fmla="*/ 402325 h 1691232"/>
                <a:gd name="connsiteX1" fmla="*/ 1567336 w 1881147"/>
                <a:gd name="connsiteY1" fmla="*/ 369676 h 1691232"/>
                <a:gd name="connsiteX2" fmla="*/ 1467324 w 1881147"/>
                <a:gd name="connsiteY2" fmla="*/ 345863 h 1691232"/>
                <a:gd name="connsiteX3" fmla="*/ 1427021 w 1881147"/>
                <a:gd name="connsiteY3" fmla="*/ 289204 h 1691232"/>
                <a:gd name="connsiteX4" fmla="*/ 1379514 w 1881147"/>
                <a:gd name="connsiteY4" fmla="*/ 160126 h 1691232"/>
                <a:gd name="connsiteX5" fmla="*/ 1338736 w 1881147"/>
                <a:gd name="connsiteY5" fmla="*/ 12488 h 1691232"/>
                <a:gd name="connsiteX6" fmla="*/ 1267299 w 1881147"/>
                <a:gd name="connsiteY6" fmla="*/ 12488 h 1691232"/>
                <a:gd name="connsiteX7" fmla="*/ 1214911 w 1881147"/>
                <a:gd name="connsiteY7" fmla="*/ 50588 h 1691232"/>
                <a:gd name="connsiteX8" fmla="*/ 1214911 w 1881147"/>
                <a:gd name="connsiteY8" fmla="*/ 155363 h 1691232"/>
                <a:gd name="connsiteX9" fmla="*/ 1186336 w 1881147"/>
                <a:gd name="connsiteY9" fmla="*/ 183938 h 1691232"/>
                <a:gd name="connsiteX10" fmla="*/ 1176811 w 1881147"/>
                <a:gd name="connsiteY10" fmla="*/ 255376 h 1691232"/>
                <a:gd name="connsiteX11" fmla="*/ 1114899 w 1881147"/>
                <a:gd name="connsiteY11" fmla="*/ 298238 h 1691232"/>
                <a:gd name="connsiteX12" fmla="*/ 1005361 w 1881147"/>
                <a:gd name="connsiteY12" fmla="*/ 312526 h 1691232"/>
                <a:gd name="connsiteX13" fmla="*/ 962499 w 1881147"/>
                <a:gd name="connsiteY13" fmla="*/ 355388 h 1691232"/>
                <a:gd name="connsiteX14" fmla="*/ 838674 w 1881147"/>
                <a:gd name="connsiteY14" fmla="*/ 355388 h 1691232"/>
                <a:gd name="connsiteX15" fmla="*/ 781524 w 1881147"/>
                <a:gd name="connsiteY15" fmla="*/ 426826 h 1691232"/>
                <a:gd name="connsiteX16" fmla="*/ 781524 w 1881147"/>
                <a:gd name="connsiteY16" fmla="*/ 460163 h 1691232"/>
                <a:gd name="connsiteX17" fmla="*/ 743424 w 1881147"/>
                <a:gd name="connsiteY17" fmla="*/ 483976 h 1691232"/>
                <a:gd name="connsiteX18" fmla="*/ 671986 w 1881147"/>
                <a:gd name="connsiteY18" fmla="*/ 417301 h 1691232"/>
                <a:gd name="connsiteX19" fmla="*/ 519586 w 1881147"/>
                <a:gd name="connsiteY19" fmla="*/ 412538 h 1691232"/>
                <a:gd name="connsiteX20" fmla="*/ 457674 w 1881147"/>
                <a:gd name="connsiteY20" fmla="*/ 431588 h 1691232"/>
                <a:gd name="connsiteX21" fmla="*/ 419574 w 1881147"/>
                <a:gd name="connsiteY21" fmla="*/ 417301 h 1691232"/>
                <a:gd name="connsiteX22" fmla="*/ 400524 w 1881147"/>
                <a:gd name="connsiteY22" fmla="*/ 355388 h 1691232"/>
                <a:gd name="connsiteX23" fmla="*/ 333849 w 1881147"/>
                <a:gd name="connsiteY23" fmla="*/ 303001 h 1691232"/>
                <a:gd name="connsiteX24" fmla="*/ 286224 w 1881147"/>
                <a:gd name="connsiteY24" fmla="*/ 236326 h 1691232"/>
                <a:gd name="connsiteX25" fmla="*/ 143349 w 1881147"/>
                <a:gd name="connsiteY25" fmla="*/ 255376 h 1691232"/>
                <a:gd name="connsiteX26" fmla="*/ 124299 w 1881147"/>
                <a:gd name="connsiteY26" fmla="*/ 331576 h 1691232"/>
                <a:gd name="connsiteX27" fmla="*/ 110011 w 1881147"/>
                <a:gd name="connsiteY27" fmla="*/ 364913 h 1691232"/>
                <a:gd name="connsiteX28" fmla="*/ 133824 w 1881147"/>
                <a:gd name="connsiteY28" fmla="*/ 412538 h 1691232"/>
                <a:gd name="connsiteX29" fmla="*/ 81436 w 1881147"/>
                <a:gd name="connsiteY29" fmla="*/ 450638 h 1691232"/>
                <a:gd name="connsiteX30" fmla="*/ 33811 w 1881147"/>
                <a:gd name="connsiteY30" fmla="*/ 445876 h 1691232"/>
                <a:gd name="connsiteX31" fmla="*/ 33811 w 1881147"/>
                <a:gd name="connsiteY31" fmla="*/ 517313 h 1691232"/>
                <a:gd name="connsiteX32" fmla="*/ 474 w 1881147"/>
                <a:gd name="connsiteY32" fmla="*/ 622088 h 1691232"/>
                <a:gd name="connsiteX33" fmla="*/ 62386 w 1881147"/>
                <a:gd name="connsiteY33" fmla="*/ 698288 h 1691232"/>
                <a:gd name="connsiteX34" fmla="*/ 111977 w 1881147"/>
                <a:gd name="connsiteY34" fmla="*/ 678550 h 1691232"/>
                <a:gd name="connsiteX35" fmla="*/ 112334 w 1881147"/>
                <a:gd name="connsiteY35" fmla="*/ 748809 h 1691232"/>
                <a:gd name="connsiteX36" fmla="*/ 167161 w 1881147"/>
                <a:gd name="connsiteY36" fmla="*/ 779251 h 1691232"/>
                <a:gd name="connsiteX37" fmla="*/ 236159 w 1881147"/>
                <a:gd name="connsiteY37" fmla="*/ 789463 h 1691232"/>
                <a:gd name="connsiteX38" fmla="*/ 271462 w 1881147"/>
                <a:gd name="connsiteY38" fmla="*/ 845434 h 1691232"/>
                <a:gd name="connsiteX39" fmla="*/ 270869 w 1881147"/>
                <a:gd name="connsiteY39" fmla="*/ 890506 h 1691232"/>
                <a:gd name="connsiteX40" fmla="*/ 295393 w 1881147"/>
                <a:gd name="connsiteY40" fmla="*/ 929981 h 1691232"/>
                <a:gd name="connsiteX41" fmla="*/ 341051 w 1881147"/>
                <a:gd name="connsiteY41" fmla="*/ 968573 h 1691232"/>
                <a:gd name="connsiteX42" fmla="*/ 426184 w 1881147"/>
                <a:gd name="connsiteY42" fmla="*/ 1022825 h 1691232"/>
                <a:gd name="connsiteX43" fmla="*/ 461961 w 1881147"/>
                <a:gd name="connsiteY43" fmla="*/ 1093918 h 1691232"/>
                <a:gd name="connsiteX44" fmla="*/ 441064 w 1881147"/>
                <a:gd name="connsiteY44" fmla="*/ 1163491 h 1691232"/>
                <a:gd name="connsiteX45" fmla="*/ 519111 w 1881147"/>
                <a:gd name="connsiteY45" fmla="*/ 1219954 h 1691232"/>
                <a:gd name="connsiteX46" fmla="*/ 591143 w 1881147"/>
                <a:gd name="connsiteY46" fmla="*/ 1252948 h 1691232"/>
                <a:gd name="connsiteX47" fmla="*/ 571974 w 1881147"/>
                <a:gd name="connsiteY47" fmla="*/ 1312651 h 1691232"/>
                <a:gd name="connsiteX48" fmla="*/ 662461 w 1881147"/>
                <a:gd name="connsiteY48" fmla="*/ 1465051 h 1691232"/>
                <a:gd name="connsiteX49" fmla="*/ 755271 w 1881147"/>
                <a:gd name="connsiteY49" fmla="*/ 1538205 h 1691232"/>
                <a:gd name="connsiteX50" fmla="*/ 805336 w 1881147"/>
                <a:gd name="connsiteY50" fmla="*/ 1488863 h 1691232"/>
                <a:gd name="connsiteX51" fmla="*/ 869926 w 1881147"/>
                <a:gd name="connsiteY51" fmla="*/ 1516260 h 1691232"/>
                <a:gd name="connsiteX52" fmla="*/ 924399 w 1881147"/>
                <a:gd name="connsiteY52" fmla="*/ 1484101 h 1691232"/>
                <a:gd name="connsiteX53" fmla="*/ 941246 w 1881147"/>
                <a:gd name="connsiteY53" fmla="*/ 1441925 h 1691232"/>
                <a:gd name="connsiteX54" fmla="*/ 1005123 w 1881147"/>
                <a:gd name="connsiteY54" fmla="*/ 1528337 h 1691232"/>
                <a:gd name="connsiteX55" fmla="*/ 1050190 w 1881147"/>
                <a:gd name="connsiteY55" fmla="*/ 1599431 h 1691232"/>
                <a:gd name="connsiteX56" fmla="*/ 1120136 w 1881147"/>
                <a:gd name="connsiteY56" fmla="*/ 1690950 h 1691232"/>
                <a:gd name="connsiteX57" fmla="*/ 1151034 w 1881147"/>
                <a:gd name="connsiteY57" fmla="*/ 1627859 h 1691232"/>
                <a:gd name="connsiteX58" fmla="*/ 1181693 w 1881147"/>
                <a:gd name="connsiteY58" fmla="*/ 1621379 h 1691232"/>
                <a:gd name="connsiteX59" fmla="*/ 1224792 w 1881147"/>
                <a:gd name="connsiteY59" fmla="*/ 1650642 h 1691232"/>
                <a:gd name="connsiteX60" fmla="*/ 1258367 w 1881147"/>
                <a:gd name="connsiteY60" fmla="*/ 1609988 h 1691232"/>
                <a:gd name="connsiteX61" fmla="*/ 1277188 w 1881147"/>
                <a:gd name="connsiteY61" fmla="*/ 1614605 h 1691232"/>
                <a:gd name="connsiteX62" fmla="*/ 1311230 w 1881147"/>
                <a:gd name="connsiteY62" fmla="*/ 1681082 h 1691232"/>
                <a:gd name="connsiteX63" fmla="*/ 1367786 w 1881147"/>
                <a:gd name="connsiteY63" fmla="*/ 1657613 h 1691232"/>
                <a:gd name="connsiteX64" fmla="*/ 1419818 w 1881147"/>
                <a:gd name="connsiteY64" fmla="*/ 1601492 h 1691232"/>
                <a:gd name="connsiteX65" fmla="*/ 1470595 w 1881147"/>
                <a:gd name="connsiteY65" fmla="*/ 1584949 h 1691232"/>
                <a:gd name="connsiteX66" fmla="*/ 1488274 w 1881147"/>
                <a:gd name="connsiteY66" fmla="*/ 1640771 h 1691232"/>
                <a:gd name="connsiteX67" fmla="*/ 1558169 w 1881147"/>
                <a:gd name="connsiteY67" fmla="*/ 1615093 h 1691232"/>
                <a:gd name="connsiteX68" fmla="*/ 1588947 w 1881147"/>
                <a:gd name="connsiteY68" fmla="*/ 1528337 h 1691232"/>
                <a:gd name="connsiteX69" fmla="*/ 1670383 w 1881147"/>
                <a:gd name="connsiteY69" fmla="*/ 1438195 h 1691232"/>
                <a:gd name="connsiteX70" fmla="*/ 1714974 w 1881147"/>
                <a:gd name="connsiteY70" fmla="*/ 1407065 h 1691232"/>
                <a:gd name="connsiteX71" fmla="*/ 1743343 w 1881147"/>
                <a:gd name="connsiteY71" fmla="*/ 1410360 h 1691232"/>
                <a:gd name="connsiteX72" fmla="*/ 1820935 w 1881147"/>
                <a:gd name="connsiteY72" fmla="*/ 1399752 h 1691232"/>
                <a:gd name="connsiteX73" fmla="*/ 1816054 w 1881147"/>
                <a:gd name="connsiteY73" fmla="*/ 1453316 h 1691232"/>
                <a:gd name="connsiteX74" fmla="*/ 1874221 w 1881147"/>
                <a:gd name="connsiteY74" fmla="*/ 1476637 h 1691232"/>
                <a:gd name="connsiteX75" fmla="*/ 1875829 w 1881147"/>
                <a:gd name="connsiteY75" fmla="*/ 1454003 h 1691232"/>
                <a:gd name="connsiteX76" fmla="*/ 1875051 w 1881147"/>
                <a:gd name="connsiteY76" fmla="*/ 1393269 h 1691232"/>
                <a:gd name="connsiteX77" fmla="*/ 1853086 w 1881147"/>
                <a:gd name="connsiteY77" fmla="*/ 1303126 h 1691232"/>
                <a:gd name="connsiteX78" fmla="*/ 1853086 w 1881147"/>
                <a:gd name="connsiteY78" fmla="*/ 1245976 h 1691232"/>
                <a:gd name="connsiteX79" fmla="*/ 1810224 w 1881147"/>
                <a:gd name="connsiteY79" fmla="*/ 1236451 h 1691232"/>
                <a:gd name="connsiteX80" fmla="*/ 1734024 w 1881147"/>
                <a:gd name="connsiteY80" fmla="*/ 1155488 h 1691232"/>
                <a:gd name="connsiteX81" fmla="*/ 1695924 w 1881147"/>
                <a:gd name="connsiteY81" fmla="*/ 974513 h 1691232"/>
                <a:gd name="connsiteX82" fmla="*/ 1643536 w 1881147"/>
                <a:gd name="connsiteY82" fmla="*/ 941176 h 1691232"/>
                <a:gd name="connsiteX83" fmla="*/ 1605436 w 1881147"/>
                <a:gd name="connsiteY83" fmla="*/ 884026 h 1691232"/>
                <a:gd name="connsiteX84" fmla="*/ 1557811 w 1881147"/>
                <a:gd name="connsiteY84" fmla="*/ 836401 h 1691232"/>
                <a:gd name="connsiteX85" fmla="*/ 1505424 w 1881147"/>
                <a:gd name="connsiteY85" fmla="*/ 817351 h 1691232"/>
                <a:gd name="connsiteX86" fmla="*/ 1453036 w 1881147"/>
                <a:gd name="connsiteY86" fmla="*/ 812588 h 1691232"/>
                <a:gd name="connsiteX87" fmla="*/ 1510186 w 1881147"/>
                <a:gd name="connsiteY87" fmla="*/ 779251 h 1691232"/>
                <a:gd name="connsiteX88" fmla="*/ 1476849 w 1881147"/>
                <a:gd name="connsiteY88" fmla="*/ 745913 h 1691232"/>
                <a:gd name="connsiteX89" fmla="*/ 1481611 w 1881147"/>
                <a:gd name="connsiteY89" fmla="*/ 722101 h 1691232"/>
                <a:gd name="connsiteX90" fmla="*/ 1572099 w 1881147"/>
                <a:gd name="connsiteY90" fmla="*/ 760201 h 1691232"/>
                <a:gd name="connsiteX91" fmla="*/ 1624486 w 1881147"/>
                <a:gd name="connsiteY91" fmla="*/ 693526 h 1691232"/>
                <a:gd name="connsiteX92" fmla="*/ 1622283 w 1881147"/>
                <a:gd name="connsiteY92" fmla="*/ 550651 h 1691232"/>
                <a:gd name="connsiteX93" fmla="*/ 1639486 w 1881147"/>
                <a:gd name="connsiteY93" fmla="*/ 402325 h 1691232"/>
                <a:gd name="connsiteX0" fmla="*/ 1639486 w 1881147"/>
                <a:gd name="connsiteY0" fmla="*/ 402325 h 1691232"/>
                <a:gd name="connsiteX1" fmla="*/ 1567336 w 1881147"/>
                <a:gd name="connsiteY1" fmla="*/ 369676 h 1691232"/>
                <a:gd name="connsiteX2" fmla="*/ 1467324 w 1881147"/>
                <a:gd name="connsiteY2" fmla="*/ 345863 h 1691232"/>
                <a:gd name="connsiteX3" fmla="*/ 1427021 w 1881147"/>
                <a:gd name="connsiteY3" fmla="*/ 289204 h 1691232"/>
                <a:gd name="connsiteX4" fmla="*/ 1379514 w 1881147"/>
                <a:gd name="connsiteY4" fmla="*/ 160126 h 1691232"/>
                <a:gd name="connsiteX5" fmla="*/ 1351753 w 1881147"/>
                <a:gd name="connsiteY5" fmla="*/ 12488 h 1691232"/>
                <a:gd name="connsiteX6" fmla="*/ 1267299 w 1881147"/>
                <a:gd name="connsiteY6" fmla="*/ 12488 h 1691232"/>
                <a:gd name="connsiteX7" fmla="*/ 1214911 w 1881147"/>
                <a:gd name="connsiteY7" fmla="*/ 50588 h 1691232"/>
                <a:gd name="connsiteX8" fmla="*/ 1214911 w 1881147"/>
                <a:gd name="connsiteY8" fmla="*/ 155363 h 1691232"/>
                <a:gd name="connsiteX9" fmla="*/ 1186336 w 1881147"/>
                <a:gd name="connsiteY9" fmla="*/ 183938 h 1691232"/>
                <a:gd name="connsiteX10" fmla="*/ 1176811 w 1881147"/>
                <a:gd name="connsiteY10" fmla="*/ 255376 h 1691232"/>
                <a:gd name="connsiteX11" fmla="*/ 1114899 w 1881147"/>
                <a:gd name="connsiteY11" fmla="*/ 298238 h 1691232"/>
                <a:gd name="connsiteX12" fmla="*/ 1005361 w 1881147"/>
                <a:gd name="connsiteY12" fmla="*/ 312526 h 1691232"/>
                <a:gd name="connsiteX13" fmla="*/ 962499 w 1881147"/>
                <a:gd name="connsiteY13" fmla="*/ 355388 h 1691232"/>
                <a:gd name="connsiteX14" fmla="*/ 838674 w 1881147"/>
                <a:gd name="connsiteY14" fmla="*/ 355388 h 1691232"/>
                <a:gd name="connsiteX15" fmla="*/ 781524 w 1881147"/>
                <a:gd name="connsiteY15" fmla="*/ 426826 h 1691232"/>
                <a:gd name="connsiteX16" fmla="*/ 781524 w 1881147"/>
                <a:gd name="connsiteY16" fmla="*/ 460163 h 1691232"/>
                <a:gd name="connsiteX17" fmla="*/ 743424 w 1881147"/>
                <a:gd name="connsiteY17" fmla="*/ 483976 h 1691232"/>
                <a:gd name="connsiteX18" fmla="*/ 671986 w 1881147"/>
                <a:gd name="connsiteY18" fmla="*/ 417301 h 1691232"/>
                <a:gd name="connsiteX19" fmla="*/ 519586 w 1881147"/>
                <a:gd name="connsiteY19" fmla="*/ 412538 h 1691232"/>
                <a:gd name="connsiteX20" fmla="*/ 457674 w 1881147"/>
                <a:gd name="connsiteY20" fmla="*/ 431588 h 1691232"/>
                <a:gd name="connsiteX21" fmla="*/ 419574 w 1881147"/>
                <a:gd name="connsiteY21" fmla="*/ 417301 h 1691232"/>
                <a:gd name="connsiteX22" fmla="*/ 400524 w 1881147"/>
                <a:gd name="connsiteY22" fmla="*/ 355388 h 1691232"/>
                <a:gd name="connsiteX23" fmla="*/ 333849 w 1881147"/>
                <a:gd name="connsiteY23" fmla="*/ 303001 h 1691232"/>
                <a:gd name="connsiteX24" fmla="*/ 286224 w 1881147"/>
                <a:gd name="connsiteY24" fmla="*/ 236326 h 1691232"/>
                <a:gd name="connsiteX25" fmla="*/ 143349 w 1881147"/>
                <a:gd name="connsiteY25" fmla="*/ 255376 h 1691232"/>
                <a:gd name="connsiteX26" fmla="*/ 124299 w 1881147"/>
                <a:gd name="connsiteY26" fmla="*/ 331576 h 1691232"/>
                <a:gd name="connsiteX27" fmla="*/ 110011 w 1881147"/>
                <a:gd name="connsiteY27" fmla="*/ 364913 h 1691232"/>
                <a:gd name="connsiteX28" fmla="*/ 133824 w 1881147"/>
                <a:gd name="connsiteY28" fmla="*/ 412538 h 1691232"/>
                <a:gd name="connsiteX29" fmla="*/ 81436 w 1881147"/>
                <a:gd name="connsiteY29" fmla="*/ 450638 h 1691232"/>
                <a:gd name="connsiteX30" fmla="*/ 33811 w 1881147"/>
                <a:gd name="connsiteY30" fmla="*/ 445876 h 1691232"/>
                <a:gd name="connsiteX31" fmla="*/ 33811 w 1881147"/>
                <a:gd name="connsiteY31" fmla="*/ 517313 h 1691232"/>
                <a:gd name="connsiteX32" fmla="*/ 474 w 1881147"/>
                <a:gd name="connsiteY32" fmla="*/ 622088 h 1691232"/>
                <a:gd name="connsiteX33" fmla="*/ 62386 w 1881147"/>
                <a:gd name="connsiteY33" fmla="*/ 698288 h 1691232"/>
                <a:gd name="connsiteX34" fmla="*/ 111977 w 1881147"/>
                <a:gd name="connsiteY34" fmla="*/ 678550 h 1691232"/>
                <a:gd name="connsiteX35" fmla="*/ 112334 w 1881147"/>
                <a:gd name="connsiteY35" fmla="*/ 748809 h 1691232"/>
                <a:gd name="connsiteX36" fmla="*/ 167161 w 1881147"/>
                <a:gd name="connsiteY36" fmla="*/ 779251 h 1691232"/>
                <a:gd name="connsiteX37" fmla="*/ 236159 w 1881147"/>
                <a:gd name="connsiteY37" fmla="*/ 789463 h 1691232"/>
                <a:gd name="connsiteX38" fmla="*/ 271462 w 1881147"/>
                <a:gd name="connsiteY38" fmla="*/ 845434 h 1691232"/>
                <a:gd name="connsiteX39" fmla="*/ 270869 w 1881147"/>
                <a:gd name="connsiteY39" fmla="*/ 890506 h 1691232"/>
                <a:gd name="connsiteX40" fmla="*/ 295393 w 1881147"/>
                <a:gd name="connsiteY40" fmla="*/ 929981 h 1691232"/>
                <a:gd name="connsiteX41" fmla="*/ 341051 w 1881147"/>
                <a:gd name="connsiteY41" fmla="*/ 968573 h 1691232"/>
                <a:gd name="connsiteX42" fmla="*/ 426184 w 1881147"/>
                <a:gd name="connsiteY42" fmla="*/ 1022825 h 1691232"/>
                <a:gd name="connsiteX43" fmla="*/ 461961 w 1881147"/>
                <a:gd name="connsiteY43" fmla="*/ 1093918 h 1691232"/>
                <a:gd name="connsiteX44" fmla="*/ 441064 w 1881147"/>
                <a:gd name="connsiteY44" fmla="*/ 1163491 h 1691232"/>
                <a:gd name="connsiteX45" fmla="*/ 519111 w 1881147"/>
                <a:gd name="connsiteY45" fmla="*/ 1219954 h 1691232"/>
                <a:gd name="connsiteX46" fmla="*/ 591143 w 1881147"/>
                <a:gd name="connsiteY46" fmla="*/ 1252948 h 1691232"/>
                <a:gd name="connsiteX47" fmla="*/ 571974 w 1881147"/>
                <a:gd name="connsiteY47" fmla="*/ 1312651 h 1691232"/>
                <a:gd name="connsiteX48" fmla="*/ 662461 w 1881147"/>
                <a:gd name="connsiteY48" fmla="*/ 1465051 h 1691232"/>
                <a:gd name="connsiteX49" fmla="*/ 755271 w 1881147"/>
                <a:gd name="connsiteY49" fmla="*/ 1538205 h 1691232"/>
                <a:gd name="connsiteX50" fmla="*/ 805336 w 1881147"/>
                <a:gd name="connsiteY50" fmla="*/ 1488863 h 1691232"/>
                <a:gd name="connsiteX51" fmla="*/ 869926 w 1881147"/>
                <a:gd name="connsiteY51" fmla="*/ 1516260 h 1691232"/>
                <a:gd name="connsiteX52" fmla="*/ 924399 w 1881147"/>
                <a:gd name="connsiteY52" fmla="*/ 1484101 h 1691232"/>
                <a:gd name="connsiteX53" fmla="*/ 941246 w 1881147"/>
                <a:gd name="connsiteY53" fmla="*/ 1441925 h 1691232"/>
                <a:gd name="connsiteX54" fmla="*/ 1005123 w 1881147"/>
                <a:gd name="connsiteY54" fmla="*/ 1528337 h 1691232"/>
                <a:gd name="connsiteX55" fmla="*/ 1050190 w 1881147"/>
                <a:gd name="connsiteY55" fmla="*/ 1599431 h 1691232"/>
                <a:gd name="connsiteX56" fmla="*/ 1120136 w 1881147"/>
                <a:gd name="connsiteY56" fmla="*/ 1690950 h 1691232"/>
                <a:gd name="connsiteX57" fmla="*/ 1151034 w 1881147"/>
                <a:gd name="connsiteY57" fmla="*/ 1627859 h 1691232"/>
                <a:gd name="connsiteX58" fmla="*/ 1181693 w 1881147"/>
                <a:gd name="connsiteY58" fmla="*/ 1621379 h 1691232"/>
                <a:gd name="connsiteX59" fmla="*/ 1224792 w 1881147"/>
                <a:gd name="connsiteY59" fmla="*/ 1650642 h 1691232"/>
                <a:gd name="connsiteX60" fmla="*/ 1258367 w 1881147"/>
                <a:gd name="connsiteY60" fmla="*/ 1609988 h 1691232"/>
                <a:gd name="connsiteX61" fmla="*/ 1277188 w 1881147"/>
                <a:gd name="connsiteY61" fmla="*/ 1614605 h 1691232"/>
                <a:gd name="connsiteX62" fmla="*/ 1311230 w 1881147"/>
                <a:gd name="connsiteY62" fmla="*/ 1681082 h 1691232"/>
                <a:gd name="connsiteX63" fmla="*/ 1367786 w 1881147"/>
                <a:gd name="connsiteY63" fmla="*/ 1657613 h 1691232"/>
                <a:gd name="connsiteX64" fmla="*/ 1419818 w 1881147"/>
                <a:gd name="connsiteY64" fmla="*/ 1601492 h 1691232"/>
                <a:gd name="connsiteX65" fmla="*/ 1470595 w 1881147"/>
                <a:gd name="connsiteY65" fmla="*/ 1584949 h 1691232"/>
                <a:gd name="connsiteX66" fmla="*/ 1488274 w 1881147"/>
                <a:gd name="connsiteY66" fmla="*/ 1640771 h 1691232"/>
                <a:gd name="connsiteX67" fmla="*/ 1558169 w 1881147"/>
                <a:gd name="connsiteY67" fmla="*/ 1615093 h 1691232"/>
                <a:gd name="connsiteX68" fmla="*/ 1588947 w 1881147"/>
                <a:gd name="connsiteY68" fmla="*/ 1528337 h 1691232"/>
                <a:gd name="connsiteX69" fmla="*/ 1670383 w 1881147"/>
                <a:gd name="connsiteY69" fmla="*/ 1438195 h 1691232"/>
                <a:gd name="connsiteX70" fmla="*/ 1714974 w 1881147"/>
                <a:gd name="connsiteY70" fmla="*/ 1407065 h 1691232"/>
                <a:gd name="connsiteX71" fmla="*/ 1743343 w 1881147"/>
                <a:gd name="connsiteY71" fmla="*/ 1410360 h 1691232"/>
                <a:gd name="connsiteX72" fmla="*/ 1820935 w 1881147"/>
                <a:gd name="connsiteY72" fmla="*/ 1399752 h 1691232"/>
                <a:gd name="connsiteX73" fmla="*/ 1816054 w 1881147"/>
                <a:gd name="connsiteY73" fmla="*/ 1453316 h 1691232"/>
                <a:gd name="connsiteX74" fmla="*/ 1874221 w 1881147"/>
                <a:gd name="connsiteY74" fmla="*/ 1476637 h 1691232"/>
                <a:gd name="connsiteX75" fmla="*/ 1875829 w 1881147"/>
                <a:gd name="connsiteY75" fmla="*/ 1454003 h 1691232"/>
                <a:gd name="connsiteX76" fmla="*/ 1875051 w 1881147"/>
                <a:gd name="connsiteY76" fmla="*/ 1393269 h 1691232"/>
                <a:gd name="connsiteX77" fmla="*/ 1853086 w 1881147"/>
                <a:gd name="connsiteY77" fmla="*/ 1303126 h 1691232"/>
                <a:gd name="connsiteX78" fmla="*/ 1853086 w 1881147"/>
                <a:gd name="connsiteY78" fmla="*/ 1245976 h 1691232"/>
                <a:gd name="connsiteX79" fmla="*/ 1810224 w 1881147"/>
                <a:gd name="connsiteY79" fmla="*/ 1236451 h 1691232"/>
                <a:gd name="connsiteX80" fmla="*/ 1734024 w 1881147"/>
                <a:gd name="connsiteY80" fmla="*/ 1155488 h 1691232"/>
                <a:gd name="connsiteX81" fmla="*/ 1695924 w 1881147"/>
                <a:gd name="connsiteY81" fmla="*/ 974513 h 1691232"/>
                <a:gd name="connsiteX82" fmla="*/ 1643536 w 1881147"/>
                <a:gd name="connsiteY82" fmla="*/ 941176 h 1691232"/>
                <a:gd name="connsiteX83" fmla="*/ 1605436 w 1881147"/>
                <a:gd name="connsiteY83" fmla="*/ 884026 h 1691232"/>
                <a:gd name="connsiteX84" fmla="*/ 1557811 w 1881147"/>
                <a:gd name="connsiteY84" fmla="*/ 836401 h 1691232"/>
                <a:gd name="connsiteX85" fmla="*/ 1505424 w 1881147"/>
                <a:gd name="connsiteY85" fmla="*/ 817351 h 1691232"/>
                <a:gd name="connsiteX86" fmla="*/ 1453036 w 1881147"/>
                <a:gd name="connsiteY86" fmla="*/ 812588 h 1691232"/>
                <a:gd name="connsiteX87" fmla="*/ 1510186 w 1881147"/>
                <a:gd name="connsiteY87" fmla="*/ 779251 h 1691232"/>
                <a:gd name="connsiteX88" fmla="*/ 1476849 w 1881147"/>
                <a:gd name="connsiteY88" fmla="*/ 745913 h 1691232"/>
                <a:gd name="connsiteX89" fmla="*/ 1481611 w 1881147"/>
                <a:gd name="connsiteY89" fmla="*/ 722101 h 1691232"/>
                <a:gd name="connsiteX90" fmla="*/ 1572099 w 1881147"/>
                <a:gd name="connsiteY90" fmla="*/ 760201 h 1691232"/>
                <a:gd name="connsiteX91" fmla="*/ 1624486 w 1881147"/>
                <a:gd name="connsiteY91" fmla="*/ 693526 h 1691232"/>
                <a:gd name="connsiteX92" fmla="*/ 1622283 w 1881147"/>
                <a:gd name="connsiteY92" fmla="*/ 550651 h 1691232"/>
                <a:gd name="connsiteX93" fmla="*/ 1639486 w 1881147"/>
                <a:gd name="connsiteY93" fmla="*/ 402325 h 1691232"/>
                <a:gd name="connsiteX0" fmla="*/ 1639486 w 1881147"/>
                <a:gd name="connsiteY0" fmla="*/ 402822 h 1691729"/>
                <a:gd name="connsiteX1" fmla="*/ 1567336 w 1881147"/>
                <a:gd name="connsiteY1" fmla="*/ 370173 h 1691729"/>
                <a:gd name="connsiteX2" fmla="*/ 1467324 w 1881147"/>
                <a:gd name="connsiteY2" fmla="*/ 346360 h 1691729"/>
                <a:gd name="connsiteX3" fmla="*/ 1427021 w 1881147"/>
                <a:gd name="connsiteY3" fmla="*/ 289701 h 1691729"/>
                <a:gd name="connsiteX4" fmla="*/ 1395785 w 1881147"/>
                <a:gd name="connsiteY4" fmla="*/ 167431 h 1691729"/>
                <a:gd name="connsiteX5" fmla="*/ 1351753 w 1881147"/>
                <a:gd name="connsiteY5" fmla="*/ 12985 h 1691729"/>
                <a:gd name="connsiteX6" fmla="*/ 1267299 w 1881147"/>
                <a:gd name="connsiteY6" fmla="*/ 12985 h 1691729"/>
                <a:gd name="connsiteX7" fmla="*/ 1214911 w 1881147"/>
                <a:gd name="connsiteY7" fmla="*/ 51085 h 1691729"/>
                <a:gd name="connsiteX8" fmla="*/ 1214911 w 1881147"/>
                <a:gd name="connsiteY8" fmla="*/ 155860 h 1691729"/>
                <a:gd name="connsiteX9" fmla="*/ 1186336 w 1881147"/>
                <a:gd name="connsiteY9" fmla="*/ 184435 h 1691729"/>
                <a:gd name="connsiteX10" fmla="*/ 1176811 w 1881147"/>
                <a:gd name="connsiteY10" fmla="*/ 255873 h 1691729"/>
                <a:gd name="connsiteX11" fmla="*/ 1114899 w 1881147"/>
                <a:gd name="connsiteY11" fmla="*/ 298735 h 1691729"/>
                <a:gd name="connsiteX12" fmla="*/ 1005361 w 1881147"/>
                <a:gd name="connsiteY12" fmla="*/ 313023 h 1691729"/>
                <a:gd name="connsiteX13" fmla="*/ 962499 w 1881147"/>
                <a:gd name="connsiteY13" fmla="*/ 355885 h 1691729"/>
                <a:gd name="connsiteX14" fmla="*/ 838674 w 1881147"/>
                <a:gd name="connsiteY14" fmla="*/ 355885 h 1691729"/>
                <a:gd name="connsiteX15" fmla="*/ 781524 w 1881147"/>
                <a:gd name="connsiteY15" fmla="*/ 427323 h 1691729"/>
                <a:gd name="connsiteX16" fmla="*/ 781524 w 1881147"/>
                <a:gd name="connsiteY16" fmla="*/ 460660 h 1691729"/>
                <a:gd name="connsiteX17" fmla="*/ 743424 w 1881147"/>
                <a:gd name="connsiteY17" fmla="*/ 484473 h 1691729"/>
                <a:gd name="connsiteX18" fmla="*/ 671986 w 1881147"/>
                <a:gd name="connsiteY18" fmla="*/ 417798 h 1691729"/>
                <a:gd name="connsiteX19" fmla="*/ 519586 w 1881147"/>
                <a:gd name="connsiteY19" fmla="*/ 413035 h 1691729"/>
                <a:gd name="connsiteX20" fmla="*/ 457674 w 1881147"/>
                <a:gd name="connsiteY20" fmla="*/ 432085 h 1691729"/>
                <a:gd name="connsiteX21" fmla="*/ 419574 w 1881147"/>
                <a:gd name="connsiteY21" fmla="*/ 417798 h 1691729"/>
                <a:gd name="connsiteX22" fmla="*/ 400524 w 1881147"/>
                <a:gd name="connsiteY22" fmla="*/ 355885 h 1691729"/>
                <a:gd name="connsiteX23" fmla="*/ 333849 w 1881147"/>
                <a:gd name="connsiteY23" fmla="*/ 303498 h 1691729"/>
                <a:gd name="connsiteX24" fmla="*/ 286224 w 1881147"/>
                <a:gd name="connsiteY24" fmla="*/ 236823 h 1691729"/>
                <a:gd name="connsiteX25" fmla="*/ 143349 w 1881147"/>
                <a:gd name="connsiteY25" fmla="*/ 255873 h 1691729"/>
                <a:gd name="connsiteX26" fmla="*/ 124299 w 1881147"/>
                <a:gd name="connsiteY26" fmla="*/ 332073 h 1691729"/>
                <a:gd name="connsiteX27" fmla="*/ 110011 w 1881147"/>
                <a:gd name="connsiteY27" fmla="*/ 365410 h 1691729"/>
                <a:gd name="connsiteX28" fmla="*/ 133824 w 1881147"/>
                <a:gd name="connsiteY28" fmla="*/ 413035 h 1691729"/>
                <a:gd name="connsiteX29" fmla="*/ 81436 w 1881147"/>
                <a:gd name="connsiteY29" fmla="*/ 451135 h 1691729"/>
                <a:gd name="connsiteX30" fmla="*/ 33811 w 1881147"/>
                <a:gd name="connsiteY30" fmla="*/ 446373 h 1691729"/>
                <a:gd name="connsiteX31" fmla="*/ 33811 w 1881147"/>
                <a:gd name="connsiteY31" fmla="*/ 517810 h 1691729"/>
                <a:gd name="connsiteX32" fmla="*/ 474 w 1881147"/>
                <a:gd name="connsiteY32" fmla="*/ 622585 h 1691729"/>
                <a:gd name="connsiteX33" fmla="*/ 62386 w 1881147"/>
                <a:gd name="connsiteY33" fmla="*/ 698785 h 1691729"/>
                <a:gd name="connsiteX34" fmla="*/ 111977 w 1881147"/>
                <a:gd name="connsiteY34" fmla="*/ 679047 h 1691729"/>
                <a:gd name="connsiteX35" fmla="*/ 112334 w 1881147"/>
                <a:gd name="connsiteY35" fmla="*/ 749306 h 1691729"/>
                <a:gd name="connsiteX36" fmla="*/ 167161 w 1881147"/>
                <a:gd name="connsiteY36" fmla="*/ 779748 h 1691729"/>
                <a:gd name="connsiteX37" fmla="*/ 236159 w 1881147"/>
                <a:gd name="connsiteY37" fmla="*/ 789960 h 1691729"/>
                <a:gd name="connsiteX38" fmla="*/ 271462 w 1881147"/>
                <a:gd name="connsiteY38" fmla="*/ 845931 h 1691729"/>
                <a:gd name="connsiteX39" fmla="*/ 270869 w 1881147"/>
                <a:gd name="connsiteY39" fmla="*/ 891003 h 1691729"/>
                <a:gd name="connsiteX40" fmla="*/ 295393 w 1881147"/>
                <a:gd name="connsiteY40" fmla="*/ 930478 h 1691729"/>
                <a:gd name="connsiteX41" fmla="*/ 341051 w 1881147"/>
                <a:gd name="connsiteY41" fmla="*/ 969070 h 1691729"/>
                <a:gd name="connsiteX42" fmla="*/ 426184 w 1881147"/>
                <a:gd name="connsiteY42" fmla="*/ 1023322 h 1691729"/>
                <a:gd name="connsiteX43" fmla="*/ 461961 w 1881147"/>
                <a:gd name="connsiteY43" fmla="*/ 1094415 h 1691729"/>
                <a:gd name="connsiteX44" fmla="*/ 441064 w 1881147"/>
                <a:gd name="connsiteY44" fmla="*/ 1163988 h 1691729"/>
                <a:gd name="connsiteX45" fmla="*/ 519111 w 1881147"/>
                <a:gd name="connsiteY45" fmla="*/ 1220451 h 1691729"/>
                <a:gd name="connsiteX46" fmla="*/ 591143 w 1881147"/>
                <a:gd name="connsiteY46" fmla="*/ 1253445 h 1691729"/>
                <a:gd name="connsiteX47" fmla="*/ 571974 w 1881147"/>
                <a:gd name="connsiteY47" fmla="*/ 1313148 h 1691729"/>
                <a:gd name="connsiteX48" fmla="*/ 662461 w 1881147"/>
                <a:gd name="connsiteY48" fmla="*/ 1465548 h 1691729"/>
                <a:gd name="connsiteX49" fmla="*/ 755271 w 1881147"/>
                <a:gd name="connsiteY49" fmla="*/ 1538702 h 1691729"/>
                <a:gd name="connsiteX50" fmla="*/ 805336 w 1881147"/>
                <a:gd name="connsiteY50" fmla="*/ 1489360 h 1691729"/>
                <a:gd name="connsiteX51" fmla="*/ 869926 w 1881147"/>
                <a:gd name="connsiteY51" fmla="*/ 1516757 h 1691729"/>
                <a:gd name="connsiteX52" fmla="*/ 924399 w 1881147"/>
                <a:gd name="connsiteY52" fmla="*/ 1484598 h 1691729"/>
                <a:gd name="connsiteX53" fmla="*/ 941246 w 1881147"/>
                <a:gd name="connsiteY53" fmla="*/ 1442422 h 1691729"/>
                <a:gd name="connsiteX54" fmla="*/ 1005123 w 1881147"/>
                <a:gd name="connsiteY54" fmla="*/ 1528834 h 1691729"/>
                <a:gd name="connsiteX55" fmla="*/ 1050190 w 1881147"/>
                <a:gd name="connsiteY55" fmla="*/ 1599928 h 1691729"/>
                <a:gd name="connsiteX56" fmla="*/ 1120136 w 1881147"/>
                <a:gd name="connsiteY56" fmla="*/ 1691447 h 1691729"/>
                <a:gd name="connsiteX57" fmla="*/ 1151034 w 1881147"/>
                <a:gd name="connsiteY57" fmla="*/ 1628356 h 1691729"/>
                <a:gd name="connsiteX58" fmla="*/ 1181693 w 1881147"/>
                <a:gd name="connsiteY58" fmla="*/ 1621876 h 1691729"/>
                <a:gd name="connsiteX59" fmla="*/ 1224792 w 1881147"/>
                <a:gd name="connsiteY59" fmla="*/ 1651139 h 1691729"/>
                <a:gd name="connsiteX60" fmla="*/ 1258367 w 1881147"/>
                <a:gd name="connsiteY60" fmla="*/ 1610485 h 1691729"/>
                <a:gd name="connsiteX61" fmla="*/ 1277188 w 1881147"/>
                <a:gd name="connsiteY61" fmla="*/ 1615102 h 1691729"/>
                <a:gd name="connsiteX62" fmla="*/ 1311230 w 1881147"/>
                <a:gd name="connsiteY62" fmla="*/ 1681579 h 1691729"/>
                <a:gd name="connsiteX63" fmla="*/ 1367786 w 1881147"/>
                <a:gd name="connsiteY63" fmla="*/ 1658110 h 1691729"/>
                <a:gd name="connsiteX64" fmla="*/ 1419818 w 1881147"/>
                <a:gd name="connsiteY64" fmla="*/ 1601989 h 1691729"/>
                <a:gd name="connsiteX65" fmla="*/ 1470595 w 1881147"/>
                <a:gd name="connsiteY65" fmla="*/ 1585446 h 1691729"/>
                <a:gd name="connsiteX66" fmla="*/ 1488274 w 1881147"/>
                <a:gd name="connsiteY66" fmla="*/ 1641268 h 1691729"/>
                <a:gd name="connsiteX67" fmla="*/ 1558169 w 1881147"/>
                <a:gd name="connsiteY67" fmla="*/ 1615590 h 1691729"/>
                <a:gd name="connsiteX68" fmla="*/ 1588947 w 1881147"/>
                <a:gd name="connsiteY68" fmla="*/ 1528834 h 1691729"/>
                <a:gd name="connsiteX69" fmla="*/ 1670383 w 1881147"/>
                <a:gd name="connsiteY69" fmla="*/ 1438692 h 1691729"/>
                <a:gd name="connsiteX70" fmla="*/ 1714974 w 1881147"/>
                <a:gd name="connsiteY70" fmla="*/ 1407562 h 1691729"/>
                <a:gd name="connsiteX71" fmla="*/ 1743343 w 1881147"/>
                <a:gd name="connsiteY71" fmla="*/ 1410857 h 1691729"/>
                <a:gd name="connsiteX72" fmla="*/ 1820935 w 1881147"/>
                <a:gd name="connsiteY72" fmla="*/ 1400249 h 1691729"/>
                <a:gd name="connsiteX73" fmla="*/ 1816054 w 1881147"/>
                <a:gd name="connsiteY73" fmla="*/ 1453813 h 1691729"/>
                <a:gd name="connsiteX74" fmla="*/ 1874221 w 1881147"/>
                <a:gd name="connsiteY74" fmla="*/ 1477134 h 1691729"/>
                <a:gd name="connsiteX75" fmla="*/ 1875829 w 1881147"/>
                <a:gd name="connsiteY75" fmla="*/ 1454500 h 1691729"/>
                <a:gd name="connsiteX76" fmla="*/ 1875051 w 1881147"/>
                <a:gd name="connsiteY76" fmla="*/ 1393766 h 1691729"/>
                <a:gd name="connsiteX77" fmla="*/ 1853086 w 1881147"/>
                <a:gd name="connsiteY77" fmla="*/ 1303623 h 1691729"/>
                <a:gd name="connsiteX78" fmla="*/ 1853086 w 1881147"/>
                <a:gd name="connsiteY78" fmla="*/ 1246473 h 1691729"/>
                <a:gd name="connsiteX79" fmla="*/ 1810224 w 1881147"/>
                <a:gd name="connsiteY79" fmla="*/ 1236948 h 1691729"/>
                <a:gd name="connsiteX80" fmla="*/ 1734024 w 1881147"/>
                <a:gd name="connsiteY80" fmla="*/ 1155985 h 1691729"/>
                <a:gd name="connsiteX81" fmla="*/ 1695924 w 1881147"/>
                <a:gd name="connsiteY81" fmla="*/ 975010 h 1691729"/>
                <a:gd name="connsiteX82" fmla="*/ 1643536 w 1881147"/>
                <a:gd name="connsiteY82" fmla="*/ 941673 h 1691729"/>
                <a:gd name="connsiteX83" fmla="*/ 1605436 w 1881147"/>
                <a:gd name="connsiteY83" fmla="*/ 884523 h 1691729"/>
                <a:gd name="connsiteX84" fmla="*/ 1557811 w 1881147"/>
                <a:gd name="connsiteY84" fmla="*/ 836898 h 1691729"/>
                <a:gd name="connsiteX85" fmla="*/ 1505424 w 1881147"/>
                <a:gd name="connsiteY85" fmla="*/ 817848 h 1691729"/>
                <a:gd name="connsiteX86" fmla="*/ 1453036 w 1881147"/>
                <a:gd name="connsiteY86" fmla="*/ 813085 h 1691729"/>
                <a:gd name="connsiteX87" fmla="*/ 1510186 w 1881147"/>
                <a:gd name="connsiteY87" fmla="*/ 779748 h 1691729"/>
                <a:gd name="connsiteX88" fmla="*/ 1476849 w 1881147"/>
                <a:gd name="connsiteY88" fmla="*/ 746410 h 1691729"/>
                <a:gd name="connsiteX89" fmla="*/ 1481611 w 1881147"/>
                <a:gd name="connsiteY89" fmla="*/ 722598 h 1691729"/>
                <a:gd name="connsiteX90" fmla="*/ 1572099 w 1881147"/>
                <a:gd name="connsiteY90" fmla="*/ 760698 h 1691729"/>
                <a:gd name="connsiteX91" fmla="*/ 1624486 w 1881147"/>
                <a:gd name="connsiteY91" fmla="*/ 694023 h 1691729"/>
                <a:gd name="connsiteX92" fmla="*/ 1622283 w 1881147"/>
                <a:gd name="connsiteY92" fmla="*/ 551148 h 1691729"/>
                <a:gd name="connsiteX93" fmla="*/ 1639486 w 1881147"/>
                <a:gd name="connsiteY93" fmla="*/ 402822 h 1691729"/>
                <a:gd name="connsiteX0" fmla="*/ 1639486 w 1881147"/>
                <a:gd name="connsiteY0" fmla="*/ 402823 h 1691730"/>
                <a:gd name="connsiteX1" fmla="*/ 1567336 w 1881147"/>
                <a:gd name="connsiteY1" fmla="*/ 370174 h 1691730"/>
                <a:gd name="connsiteX2" fmla="*/ 1467324 w 1881147"/>
                <a:gd name="connsiteY2" fmla="*/ 346361 h 1691730"/>
                <a:gd name="connsiteX3" fmla="*/ 1436784 w 1881147"/>
                <a:gd name="connsiteY3" fmla="*/ 279489 h 1691730"/>
                <a:gd name="connsiteX4" fmla="*/ 1395785 w 1881147"/>
                <a:gd name="connsiteY4" fmla="*/ 167432 h 1691730"/>
                <a:gd name="connsiteX5" fmla="*/ 1351753 w 1881147"/>
                <a:gd name="connsiteY5" fmla="*/ 12986 h 1691730"/>
                <a:gd name="connsiteX6" fmla="*/ 1267299 w 1881147"/>
                <a:gd name="connsiteY6" fmla="*/ 12986 h 1691730"/>
                <a:gd name="connsiteX7" fmla="*/ 1214911 w 1881147"/>
                <a:gd name="connsiteY7" fmla="*/ 51086 h 1691730"/>
                <a:gd name="connsiteX8" fmla="*/ 1214911 w 1881147"/>
                <a:gd name="connsiteY8" fmla="*/ 155861 h 1691730"/>
                <a:gd name="connsiteX9" fmla="*/ 1186336 w 1881147"/>
                <a:gd name="connsiteY9" fmla="*/ 184436 h 1691730"/>
                <a:gd name="connsiteX10" fmla="*/ 1176811 w 1881147"/>
                <a:gd name="connsiteY10" fmla="*/ 255874 h 1691730"/>
                <a:gd name="connsiteX11" fmla="*/ 1114899 w 1881147"/>
                <a:gd name="connsiteY11" fmla="*/ 298736 h 1691730"/>
                <a:gd name="connsiteX12" fmla="*/ 1005361 w 1881147"/>
                <a:gd name="connsiteY12" fmla="*/ 313024 h 1691730"/>
                <a:gd name="connsiteX13" fmla="*/ 962499 w 1881147"/>
                <a:gd name="connsiteY13" fmla="*/ 355886 h 1691730"/>
                <a:gd name="connsiteX14" fmla="*/ 838674 w 1881147"/>
                <a:gd name="connsiteY14" fmla="*/ 355886 h 1691730"/>
                <a:gd name="connsiteX15" fmla="*/ 781524 w 1881147"/>
                <a:gd name="connsiteY15" fmla="*/ 427324 h 1691730"/>
                <a:gd name="connsiteX16" fmla="*/ 781524 w 1881147"/>
                <a:gd name="connsiteY16" fmla="*/ 460661 h 1691730"/>
                <a:gd name="connsiteX17" fmla="*/ 743424 w 1881147"/>
                <a:gd name="connsiteY17" fmla="*/ 484474 h 1691730"/>
                <a:gd name="connsiteX18" fmla="*/ 671986 w 1881147"/>
                <a:gd name="connsiteY18" fmla="*/ 417799 h 1691730"/>
                <a:gd name="connsiteX19" fmla="*/ 519586 w 1881147"/>
                <a:gd name="connsiteY19" fmla="*/ 413036 h 1691730"/>
                <a:gd name="connsiteX20" fmla="*/ 457674 w 1881147"/>
                <a:gd name="connsiteY20" fmla="*/ 432086 h 1691730"/>
                <a:gd name="connsiteX21" fmla="*/ 419574 w 1881147"/>
                <a:gd name="connsiteY21" fmla="*/ 417799 h 1691730"/>
                <a:gd name="connsiteX22" fmla="*/ 400524 w 1881147"/>
                <a:gd name="connsiteY22" fmla="*/ 355886 h 1691730"/>
                <a:gd name="connsiteX23" fmla="*/ 333849 w 1881147"/>
                <a:gd name="connsiteY23" fmla="*/ 303499 h 1691730"/>
                <a:gd name="connsiteX24" fmla="*/ 286224 w 1881147"/>
                <a:gd name="connsiteY24" fmla="*/ 236824 h 1691730"/>
                <a:gd name="connsiteX25" fmla="*/ 143349 w 1881147"/>
                <a:gd name="connsiteY25" fmla="*/ 255874 h 1691730"/>
                <a:gd name="connsiteX26" fmla="*/ 124299 w 1881147"/>
                <a:gd name="connsiteY26" fmla="*/ 332074 h 1691730"/>
                <a:gd name="connsiteX27" fmla="*/ 110011 w 1881147"/>
                <a:gd name="connsiteY27" fmla="*/ 365411 h 1691730"/>
                <a:gd name="connsiteX28" fmla="*/ 133824 w 1881147"/>
                <a:gd name="connsiteY28" fmla="*/ 413036 h 1691730"/>
                <a:gd name="connsiteX29" fmla="*/ 81436 w 1881147"/>
                <a:gd name="connsiteY29" fmla="*/ 451136 h 1691730"/>
                <a:gd name="connsiteX30" fmla="*/ 33811 w 1881147"/>
                <a:gd name="connsiteY30" fmla="*/ 446374 h 1691730"/>
                <a:gd name="connsiteX31" fmla="*/ 33811 w 1881147"/>
                <a:gd name="connsiteY31" fmla="*/ 517811 h 1691730"/>
                <a:gd name="connsiteX32" fmla="*/ 474 w 1881147"/>
                <a:gd name="connsiteY32" fmla="*/ 622586 h 1691730"/>
                <a:gd name="connsiteX33" fmla="*/ 62386 w 1881147"/>
                <a:gd name="connsiteY33" fmla="*/ 698786 h 1691730"/>
                <a:gd name="connsiteX34" fmla="*/ 111977 w 1881147"/>
                <a:gd name="connsiteY34" fmla="*/ 679048 h 1691730"/>
                <a:gd name="connsiteX35" fmla="*/ 112334 w 1881147"/>
                <a:gd name="connsiteY35" fmla="*/ 749307 h 1691730"/>
                <a:gd name="connsiteX36" fmla="*/ 167161 w 1881147"/>
                <a:gd name="connsiteY36" fmla="*/ 779749 h 1691730"/>
                <a:gd name="connsiteX37" fmla="*/ 236159 w 1881147"/>
                <a:gd name="connsiteY37" fmla="*/ 789961 h 1691730"/>
                <a:gd name="connsiteX38" fmla="*/ 271462 w 1881147"/>
                <a:gd name="connsiteY38" fmla="*/ 845932 h 1691730"/>
                <a:gd name="connsiteX39" fmla="*/ 270869 w 1881147"/>
                <a:gd name="connsiteY39" fmla="*/ 891004 h 1691730"/>
                <a:gd name="connsiteX40" fmla="*/ 295393 w 1881147"/>
                <a:gd name="connsiteY40" fmla="*/ 930479 h 1691730"/>
                <a:gd name="connsiteX41" fmla="*/ 341051 w 1881147"/>
                <a:gd name="connsiteY41" fmla="*/ 969071 h 1691730"/>
                <a:gd name="connsiteX42" fmla="*/ 426184 w 1881147"/>
                <a:gd name="connsiteY42" fmla="*/ 1023323 h 1691730"/>
                <a:gd name="connsiteX43" fmla="*/ 461961 w 1881147"/>
                <a:gd name="connsiteY43" fmla="*/ 1094416 h 1691730"/>
                <a:gd name="connsiteX44" fmla="*/ 441064 w 1881147"/>
                <a:gd name="connsiteY44" fmla="*/ 1163989 h 1691730"/>
                <a:gd name="connsiteX45" fmla="*/ 519111 w 1881147"/>
                <a:gd name="connsiteY45" fmla="*/ 1220452 h 1691730"/>
                <a:gd name="connsiteX46" fmla="*/ 591143 w 1881147"/>
                <a:gd name="connsiteY46" fmla="*/ 1253446 h 1691730"/>
                <a:gd name="connsiteX47" fmla="*/ 571974 w 1881147"/>
                <a:gd name="connsiteY47" fmla="*/ 1313149 h 1691730"/>
                <a:gd name="connsiteX48" fmla="*/ 662461 w 1881147"/>
                <a:gd name="connsiteY48" fmla="*/ 1465549 h 1691730"/>
                <a:gd name="connsiteX49" fmla="*/ 755271 w 1881147"/>
                <a:gd name="connsiteY49" fmla="*/ 1538703 h 1691730"/>
                <a:gd name="connsiteX50" fmla="*/ 805336 w 1881147"/>
                <a:gd name="connsiteY50" fmla="*/ 1489361 h 1691730"/>
                <a:gd name="connsiteX51" fmla="*/ 869926 w 1881147"/>
                <a:gd name="connsiteY51" fmla="*/ 1516758 h 1691730"/>
                <a:gd name="connsiteX52" fmla="*/ 924399 w 1881147"/>
                <a:gd name="connsiteY52" fmla="*/ 1484599 h 1691730"/>
                <a:gd name="connsiteX53" fmla="*/ 941246 w 1881147"/>
                <a:gd name="connsiteY53" fmla="*/ 1442423 h 1691730"/>
                <a:gd name="connsiteX54" fmla="*/ 1005123 w 1881147"/>
                <a:gd name="connsiteY54" fmla="*/ 1528835 h 1691730"/>
                <a:gd name="connsiteX55" fmla="*/ 1050190 w 1881147"/>
                <a:gd name="connsiteY55" fmla="*/ 1599929 h 1691730"/>
                <a:gd name="connsiteX56" fmla="*/ 1120136 w 1881147"/>
                <a:gd name="connsiteY56" fmla="*/ 1691448 h 1691730"/>
                <a:gd name="connsiteX57" fmla="*/ 1151034 w 1881147"/>
                <a:gd name="connsiteY57" fmla="*/ 1628357 h 1691730"/>
                <a:gd name="connsiteX58" fmla="*/ 1181693 w 1881147"/>
                <a:gd name="connsiteY58" fmla="*/ 1621877 h 1691730"/>
                <a:gd name="connsiteX59" fmla="*/ 1224792 w 1881147"/>
                <a:gd name="connsiteY59" fmla="*/ 1651140 h 1691730"/>
                <a:gd name="connsiteX60" fmla="*/ 1258367 w 1881147"/>
                <a:gd name="connsiteY60" fmla="*/ 1610486 h 1691730"/>
                <a:gd name="connsiteX61" fmla="*/ 1277188 w 1881147"/>
                <a:gd name="connsiteY61" fmla="*/ 1615103 h 1691730"/>
                <a:gd name="connsiteX62" fmla="*/ 1311230 w 1881147"/>
                <a:gd name="connsiteY62" fmla="*/ 1681580 h 1691730"/>
                <a:gd name="connsiteX63" fmla="*/ 1367786 w 1881147"/>
                <a:gd name="connsiteY63" fmla="*/ 1658111 h 1691730"/>
                <a:gd name="connsiteX64" fmla="*/ 1419818 w 1881147"/>
                <a:gd name="connsiteY64" fmla="*/ 1601990 h 1691730"/>
                <a:gd name="connsiteX65" fmla="*/ 1470595 w 1881147"/>
                <a:gd name="connsiteY65" fmla="*/ 1585447 h 1691730"/>
                <a:gd name="connsiteX66" fmla="*/ 1488274 w 1881147"/>
                <a:gd name="connsiteY66" fmla="*/ 1641269 h 1691730"/>
                <a:gd name="connsiteX67" fmla="*/ 1558169 w 1881147"/>
                <a:gd name="connsiteY67" fmla="*/ 1615591 h 1691730"/>
                <a:gd name="connsiteX68" fmla="*/ 1588947 w 1881147"/>
                <a:gd name="connsiteY68" fmla="*/ 1528835 h 1691730"/>
                <a:gd name="connsiteX69" fmla="*/ 1670383 w 1881147"/>
                <a:gd name="connsiteY69" fmla="*/ 1438693 h 1691730"/>
                <a:gd name="connsiteX70" fmla="*/ 1714974 w 1881147"/>
                <a:gd name="connsiteY70" fmla="*/ 1407563 h 1691730"/>
                <a:gd name="connsiteX71" fmla="*/ 1743343 w 1881147"/>
                <a:gd name="connsiteY71" fmla="*/ 1410858 h 1691730"/>
                <a:gd name="connsiteX72" fmla="*/ 1820935 w 1881147"/>
                <a:gd name="connsiteY72" fmla="*/ 1400250 h 1691730"/>
                <a:gd name="connsiteX73" fmla="*/ 1816054 w 1881147"/>
                <a:gd name="connsiteY73" fmla="*/ 1453814 h 1691730"/>
                <a:gd name="connsiteX74" fmla="*/ 1874221 w 1881147"/>
                <a:gd name="connsiteY74" fmla="*/ 1477135 h 1691730"/>
                <a:gd name="connsiteX75" fmla="*/ 1875829 w 1881147"/>
                <a:gd name="connsiteY75" fmla="*/ 1454501 h 1691730"/>
                <a:gd name="connsiteX76" fmla="*/ 1875051 w 1881147"/>
                <a:gd name="connsiteY76" fmla="*/ 1393767 h 1691730"/>
                <a:gd name="connsiteX77" fmla="*/ 1853086 w 1881147"/>
                <a:gd name="connsiteY77" fmla="*/ 1303624 h 1691730"/>
                <a:gd name="connsiteX78" fmla="*/ 1853086 w 1881147"/>
                <a:gd name="connsiteY78" fmla="*/ 1246474 h 1691730"/>
                <a:gd name="connsiteX79" fmla="*/ 1810224 w 1881147"/>
                <a:gd name="connsiteY79" fmla="*/ 1236949 h 1691730"/>
                <a:gd name="connsiteX80" fmla="*/ 1734024 w 1881147"/>
                <a:gd name="connsiteY80" fmla="*/ 1155986 h 1691730"/>
                <a:gd name="connsiteX81" fmla="*/ 1695924 w 1881147"/>
                <a:gd name="connsiteY81" fmla="*/ 975011 h 1691730"/>
                <a:gd name="connsiteX82" fmla="*/ 1643536 w 1881147"/>
                <a:gd name="connsiteY82" fmla="*/ 941674 h 1691730"/>
                <a:gd name="connsiteX83" fmla="*/ 1605436 w 1881147"/>
                <a:gd name="connsiteY83" fmla="*/ 884524 h 1691730"/>
                <a:gd name="connsiteX84" fmla="*/ 1557811 w 1881147"/>
                <a:gd name="connsiteY84" fmla="*/ 836899 h 1691730"/>
                <a:gd name="connsiteX85" fmla="*/ 1505424 w 1881147"/>
                <a:gd name="connsiteY85" fmla="*/ 817849 h 1691730"/>
                <a:gd name="connsiteX86" fmla="*/ 1453036 w 1881147"/>
                <a:gd name="connsiteY86" fmla="*/ 813086 h 1691730"/>
                <a:gd name="connsiteX87" fmla="*/ 1510186 w 1881147"/>
                <a:gd name="connsiteY87" fmla="*/ 779749 h 1691730"/>
                <a:gd name="connsiteX88" fmla="*/ 1476849 w 1881147"/>
                <a:gd name="connsiteY88" fmla="*/ 746411 h 1691730"/>
                <a:gd name="connsiteX89" fmla="*/ 1481611 w 1881147"/>
                <a:gd name="connsiteY89" fmla="*/ 722599 h 1691730"/>
                <a:gd name="connsiteX90" fmla="*/ 1572099 w 1881147"/>
                <a:gd name="connsiteY90" fmla="*/ 760699 h 1691730"/>
                <a:gd name="connsiteX91" fmla="*/ 1624486 w 1881147"/>
                <a:gd name="connsiteY91" fmla="*/ 694024 h 1691730"/>
                <a:gd name="connsiteX92" fmla="*/ 1622283 w 1881147"/>
                <a:gd name="connsiteY92" fmla="*/ 551149 h 1691730"/>
                <a:gd name="connsiteX93" fmla="*/ 1639486 w 1881147"/>
                <a:gd name="connsiteY93" fmla="*/ 402823 h 1691730"/>
                <a:gd name="connsiteX0" fmla="*/ 1639486 w 1881147"/>
                <a:gd name="connsiteY0" fmla="*/ 402823 h 1691730"/>
                <a:gd name="connsiteX1" fmla="*/ 1567336 w 1881147"/>
                <a:gd name="connsiteY1" fmla="*/ 370174 h 1691730"/>
                <a:gd name="connsiteX2" fmla="*/ 1477087 w 1881147"/>
                <a:gd name="connsiteY2" fmla="*/ 346361 h 1691730"/>
                <a:gd name="connsiteX3" fmla="*/ 1436784 w 1881147"/>
                <a:gd name="connsiteY3" fmla="*/ 279489 h 1691730"/>
                <a:gd name="connsiteX4" fmla="*/ 1395785 w 1881147"/>
                <a:gd name="connsiteY4" fmla="*/ 167432 h 1691730"/>
                <a:gd name="connsiteX5" fmla="*/ 1351753 w 1881147"/>
                <a:gd name="connsiteY5" fmla="*/ 12986 h 1691730"/>
                <a:gd name="connsiteX6" fmla="*/ 1267299 w 1881147"/>
                <a:gd name="connsiteY6" fmla="*/ 12986 h 1691730"/>
                <a:gd name="connsiteX7" fmla="*/ 1214911 w 1881147"/>
                <a:gd name="connsiteY7" fmla="*/ 51086 h 1691730"/>
                <a:gd name="connsiteX8" fmla="*/ 1214911 w 1881147"/>
                <a:gd name="connsiteY8" fmla="*/ 155861 h 1691730"/>
                <a:gd name="connsiteX9" fmla="*/ 1186336 w 1881147"/>
                <a:gd name="connsiteY9" fmla="*/ 184436 h 1691730"/>
                <a:gd name="connsiteX10" fmla="*/ 1176811 w 1881147"/>
                <a:gd name="connsiteY10" fmla="*/ 255874 h 1691730"/>
                <a:gd name="connsiteX11" fmla="*/ 1114899 w 1881147"/>
                <a:gd name="connsiteY11" fmla="*/ 298736 h 1691730"/>
                <a:gd name="connsiteX12" fmla="*/ 1005361 w 1881147"/>
                <a:gd name="connsiteY12" fmla="*/ 313024 h 1691730"/>
                <a:gd name="connsiteX13" fmla="*/ 962499 w 1881147"/>
                <a:gd name="connsiteY13" fmla="*/ 355886 h 1691730"/>
                <a:gd name="connsiteX14" fmla="*/ 838674 w 1881147"/>
                <a:gd name="connsiteY14" fmla="*/ 355886 h 1691730"/>
                <a:gd name="connsiteX15" fmla="*/ 781524 w 1881147"/>
                <a:gd name="connsiteY15" fmla="*/ 427324 h 1691730"/>
                <a:gd name="connsiteX16" fmla="*/ 781524 w 1881147"/>
                <a:gd name="connsiteY16" fmla="*/ 460661 h 1691730"/>
                <a:gd name="connsiteX17" fmla="*/ 743424 w 1881147"/>
                <a:gd name="connsiteY17" fmla="*/ 484474 h 1691730"/>
                <a:gd name="connsiteX18" fmla="*/ 671986 w 1881147"/>
                <a:gd name="connsiteY18" fmla="*/ 417799 h 1691730"/>
                <a:gd name="connsiteX19" fmla="*/ 519586 w 1881147"/>
                <a:gd name="connsiteY19" fmla="*/ 413036 h 1691730"/>
                <a:gd name="connsiteX20" fmla="*/ 457674 w 1881147"/>
                <a:gd name="connsiteY20" fmla="*/ 432086 h 1691730"/>
                <a:gd name="connsiteX21" fmla="*/ 419574 w 1881147"/>
                <a:gd name="connsiteY21" fmla="*/ 417799 h 1691730"/>
                <a:gd name="connsiteX22" fmla="*/ 400524 w 1881147"/>
                <a:gd name="connsiteY22" fmla="*/ 355886 h 1691730"/>
                <a:gd name="connsiteX23" fmla="*/ 333849 w 1881147"/>
                <a:gd name="connsiteY23" fmla="*/ 303499 h 1691730"/>
                <a:gd name="connsiteX24" fmla="*/ 286224 w 1881147"/>
                <a:gd name="connsiteY24" fmla="*/ 236824 h 1691730"/>
                <a:gd name="connsiteX25" fmla="*/ 143349 w 1881147"/>
                <a:gd name="connsiteY25" fmla="*/ 255874 h 1691730"/>
                <a:gd name="connsiteX26" fmla="*/ 124299 w 1881147"/>
                <a:gd name="connsiteY26" fmla="*/ 332074 h 1691730"/>
                <a:gd name="connsiteX27" fmla="*/ 110011 w 1881147"/>
                <a:gd name="connsiteY27" fmla="*/ 365411 h 1691730"/>
                <a:gd name="connsiteX28" fmla="*/ 133824 w 1881147"/>
                <a:gd name="connsiteY28" fmla="*/ 413036 h 1691730"/>
                <a:gd name="connsiteX29" fmla="*/ 81436 w 1881147"/>
                <a:gd name="connsiteY29" fmla="*/ 451136 h 1691730"/>
                <a:gd name="connsiteX30" fmla="*/ 33811 w 1881147"/>
                <a:gd name="connsiteY30" fmla="*/ 446374 h 1691730"/>
                <a:gd name="connsiteX31" fmla="*/ 33811 w 1881147"/>
                <a:gd name="connsiteY31" fmla="*/ 517811 h 1691730"/>
                <a:gd name="connsiteX32" fmla="*/ 474 w 1881147"/>
                <a:gd name="connsiteY32" fmla="*/ 622586 h 1691730"/>
                <a:gd name="connsiteX33" fmla="*/ 62386 w 1881147"/>
                <a:gd name="connsiteY33" fmla="*/ 698786 h 1691730"/>
                <a:gd name="connsiteX34" fmla="*/ 111977 w 1881147"/>
                <a:gd name="connsiteY34" fmla="*/ 679048 h 1691730"/>
                <a:gd name="connsiteX35" fmla="*/ 112334 w 1881147"/>
                <a:gd name="connsiteY35" fmla="*/ 749307 h 1691730"/>
                <a:gd name="connsiteX36" fmla="*/ 167161 w 1881147"/>
                <a:gd name="connsiteY36" fmla="*/ 779749 h 1691730"/>
                <a:gd name="connsiteX37" fmla="*/ 236159 w 1881147"/>
                <a:gd name="connsiteY37" fmla="*/ 789961 h 1691730"/>
                <a:gd name="connsiteX38" fmla="*/ 271462 w 1881147"/>
                <a:gd name="connsiteY38" fmla="*/ 845932 h 1691730"/>
                <a:gd name="connsiteX39" fmla="*/ 270869 w 1881147"/>
                <a:gd name="connsiteY39" fmla="*/ 891004 h 1691730"/>
                <a:gd name="connsiteX40" fmla="*/ 295393 w 1881147"/>
                <a:gd name="connsiteY40" fmla="*/ 930479 h 1691730"/>
                <a:gd name="connsiteX41" fmla="*/ 341051 w 1881147"/>
                <a:gd name="connsiteY41" fmla="*/ 969071 h 1691730"/>
                <a:gd name="connsiteX42" fmla="*/ 426184 w 1881147"/>
                <a:gd name="connsiteY42" fmla="*/ 1023323 h 1691730"/>
                <a:gd name="connsiteX43" fmla="*/ 461961 w 1881147"/>
                <a:gd name="connsiteY43" fmla="*/ 1094416 h 1691730"/>
                <a:gd name="connsiteX44" fmla="*/ 441064 w 1881147"/>
                <a:gd name="connsiteY44" fmla="*/ 1163989 h 1691730"/>
                <a:gd name="connsiteX45" fmla="*/ 519111 w 1881147"/>
                <a:gd name="connsiteY45" fmla="*/ 1220452 h 1691730"/>
                <a:gd name="connsiteX46" fmla="*/ 591143 w 1881147"/>
                <a:gd name="connsiteY46" fmla="*/ 1253446 h 1691730"/>
                <a:gd name="connsiteX47" fmla="*/ 571974 w 1881147"/>
                <a:gd name="connsiteY47" fmla="*/ 1313149 h 1691730"/>
                <a:gd name="connsiteX48" fmla="*/ 662461 w 1881147"/>
                <a:gd name="connsiteY48" fmla="*/ 1465549 h 1691730"/>
                <a:gd name="connsiteX49" fmla="*/ 755271 w 1881147"/>
                <a:gd name="connsiteY49" fmla="*/ 1538703 h 1691730"/>
                <a:gd name="connsiteX50" fmla="*/ 805336 w 1881147"/>
                <a:gd name="connsiteY50" fmla="*/ 1489361 h 1691730"/>
                <a:gd name="connsiteX51" fmla="*/ 869926 w 1881147"/>
                <a:gd name="connsiteY51" fmla="*/ 1516758 h 1691730"/>
                <a:gd name="connsiteX52" fmla="*/ 924399 w 1881147"/>
                <a:gd name="connsiteY52" fmla="*/ 1484599 h 1691730"/>
                <a:gd name="connsiteX53" fmla="*/ 941246 w 1881147"/>
                <a:gd name="connsiteY53" fmla="*/ 1442423 h 1691730"/>
                <a:gd name="connsiteX54" fmla="*/ 1005123 w 1881147"/>
                <a:gd name="connsiteY54" fmla="*/ 1528835 h 1691730"/>
                <a:gd name="connsiteX55" fmla="*/ 1050190 w 1881147"/>
                <a:gd name="connsiteY55" fmla="*/ 1599929 h 1691730"/>
                <a:gd name="connsiteX56" fmla="*/ 1120136 w 1881147"/>
                <a:gd name="connsiteY56" fmla="*/ 1691448 h 1691730"/>
                <a:gd name="connsiteX57" fmla="*/ 1151034 w 1881147"/>
                <a:gd name="connsiteY57" fmla="*/ 1628357 h 1691730"/>
                <a:gd name="connsiteX58" fmla="*/ 1181693 w 1881147"/>
                <a:gd name="connsiteY58" fmla="*/ 1621877 h 1691730"/>
                <a:gd name="connsiteX59" fmla="*/ 1224792 w 1881147"/>
                <a:gd name="connsiteY59" fmla="*/ 1651140 h 1691730"/>
                <a:gd name="connsiteX60" fmla="*/ 1258367 w 1881147"/>
                <a:gd name="connsiteY60" fmla="*/ 1610486 h 1691730"/>
                <a:gd name="connsiteX61" fmla="*/ 1277188 w 1881147"/>
                <a:gd name="connsiteY61" fmla="*/ 1615103 h 1691730"/>
                <a:gd name="connsiteX62" fmla="*/ 1311230 w 1881147"/>
                <a:gd name="connsiteY62" fmla="*/ 1681580 h 1691730"/>
                <a:gd name="connsiteX63" fmla="*/ 1367786 w 1881147"/>
                <a:gd name="connsiteY63" fmla="*/ 1658111 h 1691730"/>
                <a:gd name="connsiteX64" fmla="*/ 1419818 w 1881147"/>
                <a:gd name="connsiteY64" fmla="*/ 1601990 h 1691730"/>
                <a:gd name="connsiteX65" fmla="*/ 1470595 w 1881147"/>
                <a:gd name="connsiteY65" fmla="*/ 1585447 h 1691730"/>
                <a:gd name="connsiteX66" fmla="*/ 1488274 w 1881147"/>
                <a:gd name="connsiteY66" fmla="*/ 1641269 h 1691730"/>
                <a:gd name="connsiteX67" fmla="*/ 1558169 w 1881147"/>
                <a:gd name="connsiteY67" fmla="*/ 1615591 h 1691730"/>
                <a:gd name="connsiteX68" fmla="*/ 1588947 w 1881147"/>
                <a:gd name="connsiteY68" fmla="*/ 1528835 h 1691730"/>
                <a:gd name="connsiteX69" fmla="*/ 1670383 w 1881147"/>
                <a:gd name="connsiteY69" fmla="*/ 1438693 h 1691730"/>
                <a:gd name="connsiteX70" fmla="*/ 1714974 w 1881147"/>
                <a:gd name="connsiteY70" fmla="*/ 1407563 h 1691730"/>
                <a:gd name="connsiteX71" fmla="*/ 1743343 w 1881147"/>
                <a:gd name="connsiteY71" fmla="*/ 1410858 h 1691730"/>
                <a:gd name="connsiteX72" fmla="*/ 1820935 w 1881147"/>
                <a:gd name="connsiteY72" fmla="*/ 1400250 h 1691730"/>
                <a:gd name="connsiteX73" fmla="*/ 1816054 w 1881147"/>
                <a:gd name="connsiteY73" fmla="*/ 1453814 h 1691730"/>
                <a:gd name="connsiteX74" fmla="*/ 1874221 w 1881147"/>
                <a:gd name="connsiteY74" fmla="*/ 1477135 h 1691730"/>
                <a:gd name="connsiteX75" fmla="*/ 1875829 w 1881147"/>
                <a:gd name="connsiteY75" fmla="*/ 1454501 h 1691730"/>
                <a:gd name="connsiteX76" fmla="*/ 1875051 w 1881147"/>
                <a:gd name="connsiteY76" fmla="*/ 1393767 h 1691730"/>
                <a:gd name="connsiteX77" fmla="*/ 1853086 w 1881147"/>
                <a:gd name="connsiteY77" fmla="*/ 1303624 h 1691730"/>
                <a:gd name="connsiteX78" fmla="*/ 1853086 w 1881147"/>
                <a:gd name="connsiteY78" fmla="*/ 1246474 h 1691730"/>
                <a:gd name="connsiteX79" fmla="*/ 1810224 w 1881147"/>
                <a:gd name="connsiteY79" fmla="*/ 1236949 h 1691730"/>
                <a:gd name="connsiteX80" fmla="*/ 1734024 w 1881147"/>
                <a:gd name="connsiteY80" fmla="*/ 1155986 h 1691730"/>
                <a:gd name="connsiteX81" fmla="*/ 1695924 w 1881147"/>
                <a:gd name="connsiteY81" fmla="*/ 975011 h 1691730"/>
                <a:gd name="connsiteX82" fmla="*/ 1643536 w 1881147"/>
                <a:gd name="connsiteY82" fmla="*/ 941674 h 1691730"/>
                <a:gd name="connsiteX83" fmla="*/ 1605436 w 1881147"/>
                <a:gd name="connsiteY83" fmla="*/ 884524 h 1691730"/>
                <a:gd name="connsiteX84" fmla="*/ 1557811 w 1881147"/>
                <a:gd name="connsiteY84" fmla="*/ 836899 h 1691730"/>
                <a:gd name="connsiteX85" fmla="*/ 1505424 w 1881147"/>
                <a:gd name="connsiteY85" fmla="*/ 817849 h 1691730"/>
                <a:gd name="connsiteX86" fmla="*/ 1453036 w 1881147"/>
                <a:gd name="connsiteY86" fmla="*/ 813086 h 1691730"/>
                <a:gd name="connsiteX87" fmla="*/ 1510186 w 1881147"/>
                <a:gd name="connsiteY87" fmla="*/ 779749 h 1691730"/>
                <a:gd name="connsiteX88" fmla="*/ 1476849 w 1881147"/>
                <a:gd name="connsiteY88" fmla="*/ 746411 h 1691730"/>
                <a:gd name="connsiteX89" fmla="*/ 1481611 w 1881147"/>
                <a:gd name="connsiteY89" fmla="*/ 722599 h 1691730"/>
                <a:gd name="connsiteX90" fmla="*/ 1572099 w 1881147"/>
                <a:gd name="connsiteY90" fmla="*/ 760699 h 1691730"/>
                <a:gd name="connsiteX91" fmla="*/ 1624486 w 1881147"/>
                <a:gd name="connsiteY91" fmla="*/ 694024 h 1691730"/>
                <a:gd name="connsiteX92" fmla="*/ 1622283 w 1881147"/>
                <a:gd name="connsiteY92" fmla="*/ 551149 h 1691730"/>
                <a:gd name="connsiteX93" fmla="*/ 1639486 w 1881147"/>
                <a:gd name="connsiteY93" fmla="*/ 402823 h 1691730"/>
                <a:gd name="connsiteX0" fmla="*/ 1639486 w 1881147"/>
                <a:gd name="connsiteY0" fmla="*/ 402823 h 1691730"/>
                <a:gd name="connsiteX1" fmla="*/ 1567336 w 1881147"/>
                <a:gd name="connsiteY1" fmla="*/ 370174 h 1691730"/>
                <a:gd name="connsiteX2" fmla="*/ 1477087 w 1881147"/>
                <a:gd name="connsiteY2" fmla="*/ 346361 h 1691730"/>
                <a:gd name="connsiteX3" fmla="*/ 1423767 w 1881147"/>
                <a:gd name="connsiteY3" fmla="*/ 269277 h 1691730"/>
                <a:gd name="connsiteX4" fmla="*/ 1395785 w 1881147"/>
                <a:gd name="connsiteY4" fmla="*/ 167432 h 1691730"/>
                <a:gd name="connsiteX5" fmla="*/ 1351753 w 1881147"/>
                <a:gd name="connsiteY5" fmla="*/ 12986 h 1691730"/>
                <a:gd name="connsiteX6" fmla="*/ 1267299 w 1881147"/>
                <a:gd name="connsiteY6" fmla="*/ 12986 h 1691730"/>
                <a:gd name="connsiteX7" fmla="*/ 1214911 w 1881147"/>
                <a:gd name="connsiteY7" fmla="*/ 51086 h 1691730"/>
                <a:gd name="connsiteX8" fmla="*/ 1214911 w 1881147"/>
                <a:gd name="connsiteY8" fmla="*/ 155861 h 1691730"/>
                <a:gd name="connsiteX9" fmla="*/ 1186336 w 1881147"/>
                <a:gd name="connsiteY9" fmla="*/ 184436 h 1691730"/>
                <a:gd name="connsiteX10" fmla="*/ 1176811 w 1881147"/>
                <a:gd name="connsiteY10" fmla="*/ 255874 h 1691730"/>
                <a:gd name="connsiteX11" fmla="*/ 1114899 w 1881147"/>
                <a:gd name="connsiteY11" fmla="*/ 298736 h 1691730"/>
                <a:gd name="connsiteX12" fmla="*/ 1005361 w 1881147"/>
                <a:gd name="connsiteY12" fmla="*/ 313024 h 1691730"/>
                <a:gd name="connsiteX13" fmla="*/ 962499 w 1881147"/>
                <a:gd name="connsiteY13" fmla="*/ 355886 h 1691730"/>
                <a:gd name="connsiteX14" fmla="*/ 838674 w 1881147"/>
                <a:gd name="connsiteY14" fmla="*/ 355886 h 1691730"/>
                <a:gd name="connsiteX15" fmla="*/ 781524 w 1881147"/>
                <a:gd name="connsiteY15" fmla="*/ 427324 h 1691730"/>
                <a:gd name="connsiteX16" fmla="*/ 781524 w 1881147"/>
                <a:gd name="connsiteY16" fmla="*/ 460661 h 1691730"/>
                <a:gd name="connsiteX17" fmla="*/ 743424 w 1881147"/>
                <a:gd name="connsiteY17" fmla="*/ 484474 h 1691730"/>
                <a:gd name="connsiteX18" fmla="*/ 671986 w 1881147"/>
                <a:gd name="connsiteY18" fmla="*/ 417799 h 1691730"/>
                <a:gd name="connsiteX19" fmla="*/ 519586 w 1881147"/>
                <a:gd name="connsiteY19" fmla="*/ 413036 h 1691730"/>
                <a:gd name="connsiteX20" fmla="*/ 457674 w 1881147"/>
                <a:gd name="connsiteY20" fmla="*/ 432086 h 1691730"/>
                <a:gd name="connsiteX21" fmla="*/ 419574 w 1881147"/>
                <a:gd name="connsiteY21" fmla="*/ 417799 h 1691730"/>
                <a:gd name="connsiteX22" fmla="*/ 400524 w 1881147"/>
                <a:gd name="connsiteY22" fmla="*/ 355886 h 1691730"/>
                <a:gd name="connsiteX23" fmla="*/ 333849 w 1881147"/>
                <a:gd name="connsiteY23" fmla="*/ 303499 h 1691730"/>
                <a:gd name="connsiteX24" fmla="*/ 286224 w 1881147"/>
                <a:gd name="connsiteY24" fmla="*/ 236824 h 1691730"/>
                <a:gd name="connsiteX25" fmla="*/ 143349 w 1881147"/>
                <a:gd name="connsiteY25" fmla="*/ 255874 h 1691730"/>
                <a:gd name="connsiteX26" fmla="*/ 124299 w 1881147"/>
                <a:gd name="connsiteY26" fmla="*/ 332074 h 1691730"/>
                <a:gd name="connsiteX27" fmla="*/ 110011 w 1881147"/>
                <a:gd name="connsiteY27" fmla="*/ 365411 h 1691730"/>
                <a:gd name="connsiteX28" fmla="*/ 133824 w 1881147"/>
                <a:gd name="connsiteY28" fmla="*/ 413036 h 1691730"/>
                <a:gd name="connsiteX29" fmla="*/ 81436 w 1881147"/>
                <a:gd name="connsiteY29" fmla="*/ 451136 h 1691730"/>
                <a:gd name="connsiteX30" fmla="*/ 33811 w 1881147"/>
                <a:gd name="connsiteY30" fmla="*/ 446374 h 1691730"/>
                <a:gd name="connsiteX31" fmla="*/ 33811 w 1881147"/>
                <a:gd name="connsiteY31" fmla="*/ 517811 h 1691730"/>
                <a:gd name="connsiteX32" fmla="*/ 474 w 1881147"/>
                <a:gd name="connsiteY32" fmla="*/ 622586 h 1691730"/>
                <a:gd name="connsiteX33" fmla="*/ 62386 w 1881147"/>
                <a:gd name="connsiteY33" fmla="*/ 698786 h 1691730"/>
                <a:gd name="connsiteX34" fmla="*/ 111977 w 1881147"/>
                <a:gd name="connsiteY34" fmla="*/ 679048 h 1691730"/>
                <a:gd name="connsiteX35" fmla="*/ 112334 w 1881147"/>
                <a:gd name="connsiteY35" fmla="*/ 749307 h 1691730"/>
                <a:gd name="connsiteX36" fmla="*/ 167161 w 1881147"/>
                <a:gd name="connsiteY36" fmla="*/ 779749 h 1691730"/>
                <a:gd name="connsiteX37" fmla="*/ 236159 w 1881147"/>
                <a:gd name="connsiteY37" fmla="*/ 789961 h 1691730"/>
                <a:gd name="connsiteX38" fmla="*/ 271462 w 1881147"/>
                <a:gd name="connsiteY38" fmla="*/ 845932 h 1691730"/>
                <a:gd name="connsiteX39" fmla="*/ 270869 w 1881147"/>
                <a:gd name="connsiteY39" fmla="*/ 891004 h 1691730"/>
                <a:gd name="connsiteX40" fmla="*/ 295393 w 1881147"/>
                <a:gd name="connsiteY40" fmla="*/ 930479 h 1691730"/>
                <a:gd name="connsiteX41" fmla="*/ 341051 w 1881147"/>
                <a:gd name="connsiteY41" fmla="*/ 969071 h 1691730"/>
                <a:gd name="connsiteX42" fmla="*/ 426184 w 1881147"/>
                <a:gd name="connsiteY42" fmla="*/ 1023323 h 1691730"/>
                <a:gd name="connsiteX43" fmla="*/ 461961 w 1881147"/>
                <a:gd name="connsiteY43" fmla="*/ 1094416 h 1691730"/>
                <a:gd name="connsiteX44" fmla="*/ 441064 w 1881147"/>
                <a:gd name="connsiteY44" fmla="*/ 1163989 h 1691730"/>
                <a:gd name="connsiteX45" fmla="*/ 519111 w 1881147"/>
                <a:gd name="connsiteY45" fmla="*/ 1220452 h 1691730"/>
                <a:gd name="connsiteX46" fmla="*/ 591143 w 1881147"/>
                <a:gd name="connsiteY46" fmla="*/ 1253446 h 1691730"/>
                <a:gd name="connsiteX47" fmla="*/ 571974 w 1881147"/>
                <a:gd name="connsiteY47" fmla="*/ 1313149 h 1691730"/>
                <a:gd name="connsiteX48" fmla="*/ 662461 w 1881147"/>
                <a:gd name="connsiteY48" fmla="*/ 1465549 h 1691730"/>
                <a:gd name="connsiteX49" fmla="*/ 755271 w 1881147"/>
                <a:gd name="connsiteY49" fmla="*/ 1538703 h 1691730"/>
                <a:gd name="connsiteX50" fmla="*/ 805336 w 1881147"/>
                <a:gd name="connsiteY50" fmla="*/ 1489361 h 1691730"/>
                <a:gd name="connsiteX51" fmla="*/ 869926 w 1881147"/>
                <a:gd name="connsiteY51" fmla="*/ 1516758 h 1691730"/>
                <a:gd name="connsiteX52" fmla="*/ 924399 w 1881147"/>
                <a:gd name="connsiteY52" fmla="*/ 1484599 h 1691730"/>
                <a:gd name="connsiteX53" fmla="*/ 941246 w 1881147"/>
                <a:gd name="connsiteY53" fmla="*/ 1442423 h 1691730"/>
                <a:gd name="connsiteX54" fmla="*/ 1005123 w 1881147"/>
                <a:gd name="connsiteY54" fmla="*/ 1528835 h 1691730"/>
                <a:gd name="connsiteX55" fmla="*/ 1050190 w 1881147"/>
                <a:gd name="connsiteY55" fmla="*/ 1599929 h 1691730"/>
                <a:gd name="connsiteX56" fmla="*/ 1120136 w 1881147"/>
                <a:gd name="connsiteY56" fmla="*/ 1691448 h 1691730"/>
                <a:gd name="connsiteX57" fmla="*/ 1151034 w 1881147"/>
                <a:gd name="connsiteY57" fmla="*/ 1628357 h 1691730"/>
                <a:gd name="connsiteX58" fmla="*/ 1181693 w 1881147"/>
                <a:gd name="connsiteY58" fmla="*/ 1621877 h 1691730"/>
                <a:gd name="connsiteX59" fmla="*/ 1224792 w 1881147"/>
                <a:gd name="connsiteY59" fmla="*/ 1651140 h 1691730"/>
                <a:gd name="connsiteX60" fmla="*/ 1258367 w 1881147"/>
                <a:gd name="connsiteY60" fmla="*/ 1610486 h 1691730"/>
                <a:gd name="connsiteX61" fmla="*/ 1277188 w 1881147"/>
                <a:gd name="connsiteY61" fmla="*/ 1615103 h 1691730"/>
                <a:gd name="connsiteX62" fmla="*/ 1311230 w 1881147"/>
                <a:gd name="connsiteY62" fmla="*/ 1681580 h 1691730"/>
                <a:gd name="connsiteX63" fmla="*/ 1367786 w 1881147"/>
                <a:gd name="connsiteY63" fmla="*/ 1658111 h 1691730"/>
                <a:gd name="connsiteX64" fmla="*/ 1419818 w 1881147"/>
                <a:gd name="connsiteY64" fmla="*/ 1601990 h 1691730"/>
                <a:gd name="connsiteX65" fmla="*/ 1470595 w 1881147"/>
                <a:gd name="connsiteY65" fmla="*/ 1585447 h 1691730"/>
                <a:gd name="connsiteX66" fmla="*/ 1488274 w 1881147"/>
                <a:gd name="connsiteY66" fmla="*/ 1641269 h 1691730"/>
                <a:gd name="connsiteX67" fmla="*/ 1558169 w 1881147"/>
                <a:gd name="connsiteY67" fmla="*/ 1615591 h 1691730"/>
                <a:gd name="connsiteX68" fmla="*/ 1588947 w 1881147"/>
                <a:gd name="connsiteY68" fmla="*/ 1528835 h 1691730"/>
                <a:gd name="connsiteX69" fmla="*/ 1670383 w 1881147"/>
                <a:gd name="connsiteY69" fmla="*/ 1438693 h 1691730"/>
                <a:gd name="connsiteX70" fmla="*/ 1714974 w 1881147"/>
                <a:gd name="connsiteY70" fmla="*/ 1407563 h 1691730"/>
                <a:gd name="connsiteX71" fmla="*/ 1743343 w 1881147"/>
                <a:gd name="connsiteY71" fmla="*/ 1410858 h 1691730"/>
                <a:gd name="connsiteX72" fmla="*/ 1820935 w 1881147"/>
                <a:gd name="connsiteY72" fmla="*/ 1400250 h 1691730"/>
                <a:gd name="connsiteX73" fmla="*/ 1816054 w 1881147"/>
                <a:gd name="connsiteY73" fmla="*/ 1453814 h 1691730"/>
                <a:gd name="connsiteX74" fmla="*/ 1874221 w 1881147"/>
                <a:gd name="connsiteY74" fmla="*/ 1477135 h 1691730"/>
                <a:gd name="connsiteX75" fmla="*/ 1875829 w 1881147"/>
                <a:gd name="connsiteY75" fmla="*/ 1454501 h 1691730"/>
                <a:gd name="connsiteX76" fmla="*/ 1875051 w 1881147"/>
                <a:gd name="connsiteY76" fmla="*/ 1393767 h 1691730"/>
                <a:gd name="connsiteX77" fmla="*/ 1853086 w 1881147"/>
                <a:gd name="connsiteY77" fmla="*/ 1303624 h 1691730"/>
                <a:gd name="connsiteX78" fmla="*/ 1853086 w 1881147"/>
                <a:gd name="connsiteY78" fmla="*/ 1246474 h 1691730"/>
                <a:gd name="connsiteX79" fmla="*/ 1810224 w 1881147"/>
                <a:gd name="connsiteY79" fmla="*/ 1236949 h 1691730"/>
                <a:gd name="connsiteX80" fmla="*/ 1734024 w 1881147"/>
                <a:gd name="connsiteY80" fmla="*/ 1155986 h 1691730"/>
                <a:gd name="connsiteX81" fmla="*/ 1695924 w 1881147"/>
                <a:gd name="connsiteY81" fmla="*/ 975011 h 1691730"/>
                <a:gd name="connsiteX82" fmla="*/ 1643536 w 1881147"/>
                <a:gd name="connsiteY82" fmla="*/ 941674 h 1691730"/>
                <a:gd name="connsiteX83" fmla="*/ 1605436 w 1881147"/>
                <a:gd name="connsiteY83" fmla="*/ 884524 h 1691730"/>
                <a:gd name="connsiteX84" fmla="*/ 1557811 w 1881147"/>
                <a:gd name="connsiteY84" fmla="*/ 836899 h 1691730"/>
                <a:gd name="connsiteX85" fmla="*/ 1505424 w 1881147"/>
                <a:gd name="connsiteY85" fmla="*/ 817849 h 1691730"/>
                <a:gd name="connsiteX86" fmla="*/ 1453036 w 1881147"/>
                <a:gd name="connsiteY86" fmla="*/ 813086 h 1691730"/>
                <a:gd name="connsiteX87" fmla="*/ 1510186 w 1881147"/>
                <a:gd name="connsiteY87" fmla="*/ 779749 h 1691730"/>
                <a:gd name="connsiteX88" fmla="*/ 1476849 w 1881147"/>
                <a:gd name="connsiteY88" fmla="*/ 746411 h 1691730"/>
                <a:gd name="connsiteX89" fmla="*/ 1481611 w 1881147"/>
                <a:gd name="connsiteY89" fmla="*/ 722599 h 1691730"/>
                <a:gd name="connsiteX90" fmla="*/ 1572099 w 1881147"/>
                <a:gd name="connsiteY90" fmla="*/ 760699 h 1691730"/>
                <a:gd name="connsiteX91" fmla="*/ 1624486 w 1881147"/>
                <a:gd name="connsiteY91" fmla="*/ 694024 h 1691730"/>
                <a:gd name="connsiteX92" fmla="*/ 1622283 w 1881147"/>
                <a:gd name="connsiteY92" fmla="*/ 551149 h 1691730"/>
                <a:gd name="connsiteX93" fmla="*/ 1639486 w 1881147"/>
                <a:gd name="connsiteY93" fmla="*/ 402823 h 1691730"/>
                <a:gd name="connsiteX0" fmla="*/ 1639486 w 1881147"/>
                <a:gd name="connsiteY0" fmla="*/ 405145 h 1694052"/>
                <a:gd name="connsiteX1" fmla="*/ 1567336 w 1881147"/>
                <a:gd name="connsiteY1" fmla="*/ 372496 h 1694052"/>
                <a:gd name="connsiteX2" fmla="*/ 1477087 w 1881147"/>
                <a:gd name="connsiteY2" fmla="*/ 348683 h 1694052"/>
                <a:gd name="connsiteX3" fmla="*/ 1423767 w 1881147"/>
                <a:gd name="connsiteY3" fmla="*/ 271599 h 1694052"/>
                <a:gd name="connsiteX4" fmla="*/ 1395785 w 1881147"/>
                <a:gd name="connsiteY4" fmla="*/ 169754 h 1694052"/>
                <a:gd name="connsiteX5" fmla="*/ 1351753 w 1881147"/>
                <a:gd name="connsiteY5" fmla="*/ 15308 h 1694052"/>
                <a:gd name="connsiteX6" fmla="*/ 1267299 w 1881147"/>
                <a:gd name="connsiteY6" fmla="*/ 15308 h 1694052"/>
                <a:gd name="connsiteX7" fmla="*/ 1247452 w 1881147"/>
                <a:gd name="connsiteY7" fmla="*/ 101065 h 1694052"/>
                <a:gd name="connsiteX8" fmla="*/ 1214911 w 1881147"/>
                <a:gd name="connsiteY8" fmla="*/ 158183 h 1694052"/>
                <a:gd name="connsiteX9" fmla="*/ 1186336 w 1881147"/>
                <a:gd name="connsiteY9" fmla="*/ 186758 h 1694052"/>
                <a:gd name="connsiteX10" fmla="*/ 1176811 w 1881147"/>
                <a:gd name="connsiteY10" fmla="*/ 258196 h 1694052"/>
                <a:gd name="connsiteX11" fmla="*/ 1114899 w 1881147"/>
                <a:gd name="connsiteY11" fmla="*/ 301058 h 1694052"/>
                <a:gd name="connsiteX12" fmla="*/ 1005361 w 1881147"/>
                <a:gd name="connsiteY12" fmla="*/ 315346 h 1694052"/>
                <a:gd name="connsiteX13" fmla="*/ 962499 w 1881147"/>
                <a:gd name="connsiteY13" fmla="*/ 358208 h 1694052"/>
                <a:gd name="connsiteX14" fmla="*/ 838674 w 1881147"/>
                <a:gd name="connsiteY14" fmla="*/ 358208 h 1694052"/>
                <a:gd name="connsiteX15" fmla="*/ 781524 w 1881147"/>
                <a:gd name="connsiteY15" fmla="*/ 429646 h 1694052"/>
                <a:gd name="connsiteX16" fmla="*/ 781524 w 1881147"/>
                <a:gd name="connsiteY16" fmla="*/ 462983 h 1694052"/>
                <a:gd name="connsiteX17" fmla="*/ 743424 w 1881147"/>
                <a:gd name="connsiteY17" fmla="*/ 486796 h 1694052"/>
                <a:gd name="connsiteX18" fmla="*/ 671986 w 1881147"/>
                <a:gd name="connsiteY18" fmla="*/ 420121 h 1694052"/>
                <a:gd name="connsiteX19" fmla="*/ 519586 w 1881147"/>
                <a:gd name="connsiteY19" fmla="*/ 415358 h 1694052"/>
                <a:gd name="connsiteX20" fmla="*/ 457674 w 1881147"/>
                <a:gd name="connsiteY20" fmla="*/ 434408 h 1694052"/>
                <a:gd name="connsiteX21" fmla="*/ 419574 w 1881147"/>
                <a:gd name="connsiteY21" fmla="*/ 420121 h 1694052"/>
                <a:gd name="connsiteX22" fmla="*/ 400524 w 1881147"/>
                <a:gd name="connsiteY22" fmla="*/ 358208 h 1694052"/>
                <a:gd name="connsiteX23" fmla="*/ 333849 w 1881147"/>
                <a:gd name="connsiteY23" fmla="*/ 305821 h 1694052"/>
                <a:gd name="connsiteX24" fmla="*/ 286224 w 1881147"/>
                <a:gd name="connsiteY24" fmla="*/ 239146 h 1694052"/>
                <a:gd name="connsiteX25" fmla="*/ 143349 w 1881147"/>
                <a:gd name="connsiteY25" fmla="*/ 258196 h 1694052"/>
                <a:gd name="connsiteX26" fmla="*/ 124299 w 1881147"/>
                <a:gd name="connsiteY26" fmla="*/ 334396 h 1694052"/>
                <a:gd name="connsiteX27" fmla="*/ 110011 w 1881147"/>
                <a:gd name="connsiteY27" fmla="*/ 367733 h 1694052"/>
                <a:gd name="connsiteX28" fmla="*/ 133824 w 1881147"/>
                <a:gd name="connsiteY28" fmla="*/ 415358 h 1694052"/>
                <a:gd name="connsiteX29" fmla="*/ 81436 w 1881147"/>
                <a:gd name="connsiteY29" fmla="*/ 453458 h 1694052"/>
                <a:gd name="connsiteX30" fmla="*/ 33811 w 1881147"/>
                <a:gd name="connsiteY30" fmla="*/ 448696 h 1694052"/>
                <a:gd name="connsiteX31" fmla="*/ 33811 w 1881147"/>
                <a:gd name="connsiteY31" fmla="*/ 520133 h 1694052"/>
                <a:gd name="connsiteX32" fmla="*/ 474 w 1881147"/>
                <a:gd name="connsiteY32" fmla="*/ 624908 h 1694052"/>
                <a:gd name="connsiteX33" fmla="*/ 62386 w 1881147"/>
                <a:gd name="connsiteY33" fmla="*/ 701108 h 1694052"/>
                <a:gd name="connsiteX34" fmla="*/ 111977 w 1881147"/>
                <a:gd name="connsiteY34" fmla="*/ 681370 h 1694052"/>
                <a:gd name="connsiteX35" fmla="*/ 112334 w 1881147"/>
                <a:gd name="connsiteY35" fmla="*/ 751629 h 1694052"/>
                <a:gd name="connsiteX36" fmla="*/ 167161 w 1881147"/>
                <a:gd name="connsiteY36" fmla="*/ 782071 h 1694052"/>
                <a:gd name="connsiteX37" fmla="*/ 236159 w 1881147"/>
                <a:gd name="connsiteY37" fmla="*/ 792283 h 1694052"/>
                <a:gd name="connsiteX38" fmla="*/ 271462 w 1881147"/>
                <a:gd name="connsiteY38" fmla="*/ 848254 h 1694052"/>
                <a:gd name="connsiteX39" fmla="*/ 270869 w 1881147"/>
                <a:gd name="connsiteY39" fmla="*/ 893326 h 1694052"/>
                <a:gd name="connsiteX40" fmla="*/ 295393 w 1881147"/>
                <a:gd name="connsiteY40" fmla="*/ 932801 h 1694052"/>
                <a:gd name="connsiteX41" fmla="*/ 341051 w 1881147"/>
                <a:gd name="connsiteY41" fmla="*/ 971393 h 1694052"/>
                <a:gd name="connsiteX42" fmla="*/ 426184 w 1881147"/>
                <a:gd name="connsiteY42" fmla="*/ 1025645 h 1694052"/>
                <a:gd name="connsiteX43" fmla="*/ 461961 w 1881147"/>
                <a:gd name="connsiteY43" fmla="*/ 1096738 h 1694052"/>
                <a:gd name="connsiteX44" fmla="*/ 441064 w 1881147"/>
                <a:gd name="connsiteY44" fmla="*/ 1166311 h 1694052"/>
                <a:gd name="connsiteX45" fmla="*/ 519111 w 1881147"/>
                <a:gd name="connsiteY45" fmla="*/ 1222774 h 1694052"/>
                <a:gd name="connsiteX46" fmla="*/ 591143 w 1881147"/>
                <a:gd name="connsiteY46" fmla="*/ 1255768 h 1694052"/>
                <a:gd name="connsiteX47" fmla="*/ 571974 w 1881147"/>
                <a:gd name="connsiteY47" fmla="*/ 1315471 h 1694052"/>
                <a:gd name="connsiteX48" fmla="*/ 662461 w 1881147"/>
                <a:gd name="connsiteY48" fmla="*/ 1467871 h 1694052"/>
                <a:gd name="connsiteX49" fmla="*/ 755271 w 1881147"/>
                <a:gd name="connsiteY49" fmla="*/ 1541025 h 1694052"/>
                <a:gd name="connsiteX50" fmla="*/ 805336 w 1881147"/>
                <a:gd name="connsiteY50" fmla="*/ 1491683 h 1694052"/>
                <a:gd name="connsiteX51" fmla="*/ 869926 w 1881147"/>
                <a:gd name="connsiteY51" fmla="*/ 1519080 h 1694052"/>
                <a:gd name="connsiteX52" fmla="*/ 924399 w 1881147"/>
                <a:gd name="connsiteY52" fmla="*/ 1486921 h 1694052"/>
                <a:gd name="connsiteX53" fmla="*/ 941246 w 1881147"/>
                <a:gd name="connsiteY53" fmla="*/ 1444745 h 1694052"/>
                <a:gd name="connsiteX54" fmla="*/ 1005123 w 1881147"/>
                <a:gd name="connsiteY54" fmla="*/ 1531157 h 1694052"/>
                <a:gd name="connsiteX55" fmla="*/ 1050190 w 1881147"/>
                <a:gd name="connsiteY55" fmla="*/ 1602251 h 1694052"/>
                <a:gd name="connsiteX56" fmla="*/ 1120136 w 1881147"/>
                <a:gd name="connsiteY56" fmla="*/ 1693770 h 1694052"/>
                <a:gd name="connsiteX57" fmla="*/ 1151034 w 1881147"/>
                <a:gd name="connsiteY57" fmla="*/ 1630679 h 1694052"/>
                <a:gd name="connsiteX58" fmla="*/ 1181693 w 1881147"/>
                <a:gd name="connsiteY58" fmla="*/ 1624199 h 1694052"/>
                <a:gd name="connsiteX59" fmla="*/ 1224792 w 1881147"/>
                <a:gd name="connsiteY59" fmla="*/ 1653462 h 1694052"/>
                <a:gd name="connsiteX60" fmla="*/ 1258367 w 1881147"/>
                <a:gd name="connsiteY60" fmla="*/ 1612808 h 1694052"/>
                <a:gd name="connsiteX61" fmla="*/ 1277188 w 1881147"/>
                <a:gd name="connsiteY61" fmla="*/ 1617425 h 1694052"/>
                <a:gd name="connsiteX62" fmla="*/ 1311230 w 1881147"/>
                <a:gd name="connsiteY62" fmla="*/ 1683902 h 1694052"/>
                <a:gd name="connsiteX63" fmla="*/ 1367786 w 1881147"/>
                <a:gd name="connsiteY63" fmla="*/ 1660433 h 1694052"/>
                <a:gd name="connsiteX64" fmla="*/ 1419818 w 1881147"/>
                <a:gd name="connsiteY64" fmla="*/ 1604312 h 1694052"/>
                <a:gd name="connsiteX65" fmla="*/ 1470595 w 1881147"/>
                <a:gd name="connsiteY65" fmla="*/ 1587769 h 1694052"/>
                <a:gd name="connsiteX66" fmla="*/ 1488274 w 1881147"/>
                <a:gd name="connsiteY66" fmla="*/ 1643591 h 1694052"/>
                <a:gd name="connsiteX67" fmla="*/ 1558169 w 1881147"/>
                <a:gd name="connsiteY67" fmla="*/ 1617913 h 1694052"/>
                <a:gd name="connsiteX68" fmla="*/ 1588947 w 1881147"/>
                <a:gd name="connsiteY68" fmla="*/ 1531157 h 1694052"/>
                <a:gd name="connsiteX69" fmla="*/ 1670383 w 1881147"/>
                <a:gd name="connsiteY69" fmla="*/ 1441015 h 1694052"/>
                <a:gd name="connsiteX70" fmla="*/ 1714974 w 1881147"/>
                <a:gd name="connsiteY70" fmla="*/ 1409885 h 1694052"/>
                <a:gd name="connsiteX71" fmla="*/ 1743343 w 1881147"/>
                <a:gd name="connsiteY71" fmla="*/ 1413180 h 1694052"/>
                <a:gd name="connsiteX72" fmla="*/ 1820935 w 1881147"/>
                <a:gd name="connsiteY72" fmla="*/ 1402572 h 1694052"/>
                <a:gd name="connsiteX73" fmla="*/ 1816054 w 1881147"/>
                <a:gd name="connsiteY73" fmla="*/ 1456136 h 1694052"/>
                <a:gd name="connsiteX74" fmla="*/ 1874221 w 1881147"/>
                <a:gd name="connsiteY74" fmla="*/ 1479457 h 1694052"/>
                <a:gd name="connsiteX75" fmla="*/ 1875829 w 1881147"/>
                <a:gd name="connsiteY75" fmla="*/ 1456823 h 1694052"/>
                <a:gd name="connsiteX76" fmla="*/ 1875051 w 1881147"/>
                <a:gd name="connsiteY76" fmla="*/ 1396089 h 1694052"/>
                <a:gd name="connsiteX77" fmla="*/ 1853086 w 1881147"/>
                <a:gd name="connsiteY77" fmla="*/ 1305946 h 1694052"/>
                <a:gd name="connsiteX78" fmla="*/ 1853086 w 1881147"/>
                <a:gd name="connsiteY78" fmla="*/ 1248796 h 1694052"/>
                <a:gd name="connsiteX79" fmla="*/ 1810224 w 1881147"/>
                <a:gd name="connsiteY79" fmla="*/ 1239271 h 1694052"/>
                <a:gd name="connsiteX80" fmla="*/ 1734024 w 1881147"/>
                <a:gd name="connsiteY80" fmla="*/ 1158308 h 1694052"/>
                <a:gd name="connsiteX81" fmla="*/ 1695924 w 1881147"/>
                <a:gd name="connsiteY81" fmla="*/ 977333 h 1694052"/>
                <a:gd name="connsiteX82" fmla="*/ 1643536 w 1881147"/>
                <a:gd name="connsiteY82" fmla="*/ 943996 h 1694052"/>
                <a:gd name="connsiteX83" fmla="*/ 1605436 w 1881147"/>
                <a:gd name="connsiteY83" fmla="*/ 886846 h 1694052"/>
                <a:gd name="connsiteX84" fmla="*/ 1557811 w 1881147"/>
                <a:gd name="connsiteY84" fmla="*/ 839221 h 1694052"/>
                <a:gd name="connsiteX85" fmla="*/ 1505424 w 1881147"/>
                <a:gd name="connsiteY85" fmla="*/ 820171 h 1694052"/>
                <a:gd name="connsiteX86" fmla="*/ 1453036 w 1881147"/>
                <a:gd name="connsiteY86" fmla="*/ 815408 h 1694052"/>
                <a:gd name="connsiteX87" fmla="*/ 1510186 w 1881147"/>
                <a:gd name="connsiteY87" fmla="*/ 782071 h 1694052"/>
                <a:gd name="connsiteX88" fmla="*/ 1476849 w 1881147"/>
                <a:gd name="connsiteY88" fmla="*/ 748733 h 1694052"/>
                <a:gd name="connsiteX89" fmla="*/ 1481611 w 1881147"/>
                <a:gd name="connsiteY89" fmla="*/ 724921 h 1694052"/>
                <a:gd name="connsiteX90" fmla="*/ 1572099 w 1881147"/>
                <a:gd name="connsiteY90" fmla="*/ 763021 h 1694052"/>
                <a:gd name="connsiteX91" fmla="*/ 1624486 w 1881147"/>
                <a:gd name="connsiteY91" fmla="*/ 696346 h 1694052"/>
                <a:gd name="connsiteX92" fmla="*/ 1622283 w 1881147"/>
                <a:gd name="connsiteY92" fmla="*/ 553471 h 1694052"/>
                <a:gd name="connsiteX93" fmla="*/ 1639486 w 1881147"/>
                <a:gd name="connsiteY93" fmla="*/ 405145 h 1694052"/>
                <a:gd name="connsiteX0" fmla="*/ 1639486 w 1881147"/>
                <a:gd name="connsiteY0" fmla="*/ 415049 h 1703956"/>
                <a:gd name="connsiteX1" fmla="*/ 1567336 w 1881147"/>
                <a:gd name="connsiteY1" fmla="*/ 382400 h 1703956"/>
                <a:gd name="connsiteX2" fmla="*/ 1477087 w 1881147"/>
                <a:gd name="connsiteY2" fmla="*/ 358587 h 1703956"/>
                <a:gd name="connsiteX3" fmla="*/ 1423767 w 1881147"/>
                <a:gd name="connsiteY3" fmla="*/ 281503 h 1703956"/>
                <a:gd name="connsiteX4" fmla="*/ 1395785 w 1881147"/>
                <a:gd name="connsiteY4" fmla="*/ 179658 h 1703956"/>
                <a:gd name="connsiteX5" fmla="*/ 1364769 w 1881147"/>
                <a:gd name="connsiteY5" fmla="*/ 11596 h 1703956"/>
                <a:gd name="connsiteX6" fmla="*/ 1267299 w 1881147"/>
                <a:gd name="connsiteY6" fmla="*/ 25212 h 1703956"/>
                <a:gd name="connsiteX7" fmla="*/ 1247452 w 1881147"/>
                <a:gd name="connsiteY7" fmla="*/ 110969 h 1703956"/>
                <a:gd name="connsiteX8" fmla="*/ 1214911 w 1881147"/>
                <a:gd name="connsiteY8" fmla="*/ 168087 h 1703956"/>
                <a:gd name="connsiteX9" fmla="*/ 1186336 w 1881147"/>
                <a:gd name="connsiteY9" fmla="*/ 196662 h 1703956"/>
                <a:gd name="connsiteX10" fmla="*/ 1176811 w 1881147"/>
                <a:gd name="connsiteY10" fmla="*/ 268100 h 1703956"/>
                <a:gd name="connsiteX11" fmla="*/ 1114899 w 1881147"/>
                <a:gd name="connsiteY11" fmla="*/ 310962 h 1703956"/>
                <a:gd name="connsiteX12" fmla="*/ 1005361 w 1881147"/>
                <a:gd name="connsiteY12" fmla="*/ 325250 h 1703956"/>
                <a:gd name="connsiteX13" fmla="*/ 962499 w 1881147"/>
                <a:gd name="connsiteY13" fmla="*/ 368112 h 1703956"/>
                <a:gd name="connsiteX14" fmla="*/ 838674 w 1881147"/>
                <a:gd name="connsiteY14" fmla="*/ 368112 h 1703956"/>
                <a:gd name="connsiteX15" fmla="*/ 781524 w 1881147"/>
                <a:gd name="connsiteY15" fmla="*/ 439550 h 1703956"/>
                <a:gd name="connsiteX16" fmla="*/ 781524 w 1881147"/>
                <a:gd name="connsiteY16" fmla="*/ 472887 h 1703956"/>
                <a:gd name="connsiteX17" fmla="*/ 743424 w 1881147"/>
                <a:gd name="connsiteY17" fmla="*/ 496700 h 1703956"/>
                <a:gd name="connsiteX18" fmla="*/ 671986 w 1881147"/>
                <a:gd name="connsiteY18" fmla="*/ 430025 h 1703956"/>
                <a:gd name="connsiteX19" fmla="*/ 519586 w 1881147"/>
                <a:gd name="connsiteY19" fmla="*/ 425262 h 1703956"/>
                <a:gd name="connsiteX20" fmla="*/ 457674 w 1881147"/>
                <a:gd name="connsiteY20" fmla="*/ 444312 h 1703956"/>
                <a:gd name="connsiteX21" fmla="*/ 419574 w 1881147"/>
                <a:gd name="connsiteY21" fmla="*/ 430025 h 1703956"/>
                <a:gd name="connsiteX22" fmla="*/ 400524 w 1881147"/>
                <a:gd name="connsiteY22" fmla="*/ 368112 h 1703956"/>
                <a:gd name="connsiteX23" fmla="*/ 333849 w 1881147"/>
                <a:gd name="connsiteY23" fmla="*/ 315725 h 1703956"/>
                <a:gd name="connsiteX24" fmla="*/ 286224 w 1881147"/>
                <a:gd name="connsiteY24" fmla="*/ 249050 h 1703956"/>
                <a:gd name="connsiteX25" fmla="*/ 143349 w 1881147"/>
                <a:gd name="connsiteY25" fmla="*/ 268100 h 1703956"/>
                <a:gd name="connsiteX26" fmla="*/ 124299 w 1881147"/>
                <a:gd name="connsiteY26" fmla="*/ 344300 h 1703956"/>
                <a:gd name="connsiteX27" fmla="*/ 110011 w 1881147"/>
                <a:gd name="connsiteY27" fmla="*/ 377637 h 1703956"/>
                <a:gd name="connsiteX28" fmla="*/ 133824 w 1881147"/>
                <a:gd name="connsiteY28" fmla="*/ 425262 h 1703956"/>
                <a:gd name="connsiteX29" fmla="*/ 81436 w 1881147"/>
                <a:gd name="connsiteY29" fmla="*/ 463362 h 1703956"/>
                <a:gd name="connsiteX30" fmla="*/ 33811 w 1881147"/>
                <a:gd name="connsiteY30" fmla="*/ 458600 h 1703956"/>
                <a:gd name="connsiteX31" fmla="*/ 33811 w 1881147"/>
                <a:gd name="connsiteY31" fmla="*/ 530037 h 1703956"/>
                <a:gd name="connsiteX32" fmla="*/ 474 w 1881147"/>
                <a:gd name="connsiteY32" fmla="*/ 634812 h 1703956"/>
                <a:gd name="connsiteX33" fmla="*/ 62386 w 1881147"/>
                <a:gd name="connsiteY33" fmla="*/ 711012 h 1703956"/>
                <a:gd name="connsiteX34" fmla="*/ 111977 w 1881147"/>
                <a:gd name="connsiteY34" fmla="*/ 691274 h 1703956"/>
                <a:gd name="connsiteX35" fmla="*/ 112334 w 1881147"/>
                <a:gd name="connsiteY35" fmla="*/ 761533 h 1703956"/>
                <a:gd name="connsiteX36" fmla="*/ 167161 w 1881147"/>
                <a:gd name="connsiteY36" fmla="*/ 791975 h 1703956"/>
                <a:gd name="connsiteX37" fmla="*/ 236159 w 1881147"/>
                <a:gd name="connsiteY37" fmla="*/ 802187 h 1703956"/>
                <a:gd name="connsiteX38" fmla="*/ 271462 w 1881147"/>
                <a:gd name="connsiteY38" fmla="*/ 858158 h 1703956"/>
                <a:gd name="connsiteX39" fmla="*/ 270869 w 1881147"/>
                <a:gd name="connsiteY39" fmla="*/ 903230 h 1703956"/>
                <a:gd name="connsiteX40" fmla="*/ 295393 w 1881147"/>
                <a:gd name="connsiteY40" fmla="*/ 942705 h 1703956"/>
                <a:gd name="connsiteX41" fmla="*/ 341051 w 1881147"/>
                <a:gd name="connsiteY41" fmla="*/ 981297 h 1703956"/>
                <a:gd name="connsiteX42" fmla="*/ 426184 w 1881147"/>
                <a:gd name="connsiteY42" fmla="*/ 1035549 h 1703956"/>
                <a:gd name="connsiteX43" fmla="*/ 461961 w 1881147"/>
                <a:gd name="connsiteY43" fmla="*/ 1106642 h 1703956"/>
                <a:gd name="connsiteX44" fmla="*/ 441064 w 1881147"/>
                <a:gd name="connsiteY44" fmla="*/ 1176215 h 1703956"/>
                <a:gd name="connsiteX45" fmla="*/ 519111 w 1881147"/>
                <a:gd name="connsiteY45" fmla="*/ 1232678 h 1703956"/>
                <a:gd name="connsiteX46" fmla="*/ 591143 w 1881147"/>
                <a:gd name="connsiteY46" fmla="*/ 1265672 h 1703956"/>
                <a:gd name="connsiteX47" fmla="*/ 571974 w 1881147"/>
                <a:gd name="connsiteY47" fmla="*/ 1325375 h 1703956"/>
                <a:gd name="connsiteX48" fmla="*/ 662461 w 1881147"/>
                <a:gd name="connsiteY48" fmla="*/ 1477775 h 1703956"/>
                <a:gd name="connsiteX49" fmla="*/ 755271 w 1881147"/>
                <a:gd name="connsiteY49" fmla="*/ 1550929 h 1703956"/>
                <a:gd name="connsiteX50" fmla="*/ 805336 w 1881147"/>
                <a:gd name="connsiteY50" fmla="*/ 1501587 h 1703956"/>
                <a:gd name="connsiteX51" fmla="*/ 869926 w 1881147"/>
                <a:gd name="connsiteY51" fmla="*/ 1528984 h 1703956"/>
                <a:gd name="connsiteX52" fmla="*/ 924399 w 1881147"/>
                <a:gd name="connsiteY52" fmla="*/ 1496825 h 1703956"/>
                <a:gd name="connsiteX53" fmla="*/ 941246 w 1881147"/>
                <a:gd name="connsiteY53" fmla="*/ 1454649 h 1703956"/>
                <a:gd name="connsiteX54" fmla="*/ 1005123 w 1881147"/>
                <a:gd name="connsiteY54" fmla="*/ 1541061 h 1703956"/>
                <a:gd name="connsiteX55" fmla="*/ 1050190 w 1881147"/>
                <a:gd name="connsiteY55" fmla="*/ 1612155 h 1703956"/>
                <a:gd name="connsiteX56" fmla="*/ 1120136 w 1881147"/>
                <a:gd name="connsiteY56" fmla="*/ 1703674 h 1703956"/>
                <a:gd name="connsiteX57" fmla="*/ 1151034 w 1881147"/>
                <a:gd name="connsiteY57" fmla="*/ 1640583 h 1703956"/>
                <a:gd name="connsiteX58" fmla="*/ 1181693 w 1881147"/>
                <a:gd name="connsiteY58" fmla="*/ 1634103 h 1703956"/>
                <a:gd name="connsiteX59" fmla="*/ 1224792 w 1881147"/>
                <a:gd name="connsiteY59" fmla="*/ 1663366 h 1703956"/>
                <a:gd name="connsiteX60" fmla="*/ 1258367 w 1881147"/>
                <a:gd name="connsiteY60" fmla="*/ 1622712 h 1703956"/>
                <a:gd name="connsiteX61" fmla="*/ 1277188 w 1881147"/>
                <a:gd name="connsiteY61" fmla="*/ 1627329 h 1703956"/>
                <a:gd name="connsiteX62" fmla="*/ 1311230 w 1881147"/>
                <a:gd name="connsiteY62" fmla="*/ 1693806 h 1703956"/>
                <a:gd name="connsiteX63" fmla="*/ 1367786 w 1881147"/>
                <a:gd name="connsiteY63" fmla="*/ 1670337 h 1703956"/>
                <a:gd name="connsiteX64" fmla="*/ 1419818 w 1881147"/>
                <a:gd name="connsiteY64" fmla="*/ 1614216 h 1703956"/>
                <a:gd name="connsiteX65" fmla="*/ 1470595 w 1881147"/>
                <a:gd name="connsiteY65" fmla="*/ 1597673 h 1703956"/>
                <a:gd name="connsiteX66" fmla="*/ 1488274 w 1881147"/>
                <a:gd name="connsiteY66" fmla="*/ 1653495 h 1703956"/>
                <a:gd name="connsiteX67" fmla="*/ 1558169 w 1881147"/>
                <a:gd name="connsiteY67" fmla="*/ 1627817 h 1703956"/>
                <a:gd name="connsiteX68" fmla="*/ 1588947 w 1881147"/>
                <a:gd name="connsiteY68" fmla="*/ 1541061 h 1703956"/>
                <a:gd name="connsiteX69" fmla="*/ 1670383 w 1881147"/>
                <a:gd name="connsiteY69" fmla="*/ 1450919 h 1703956"/>
                <a:gd name="connsiteX70" fmla="*/ 1714974 w 1881147"/>
                <a:gd name="connsiteY70" fmla="*/ 1419789 h 1703956"/>
                <a:gd name="connsiteX71" fmla="*/ 1743343 w 1881147"/>
                <a:gd name="connsiteY71" fmla="*/ 1423084 h 1703956"/>
                <a:gd name="connsiteX72" fmla="*/ 1820935 w 1881147"/>
                <a:gd name="connsiteY72" fmla="*/ 1412476 h 1703956"/>
                <a:gd name="connsiteX73" fmla="*/ 1816054 w 1881147"/>
                <a:gd name="connsiteY73" fmla="*/ 1466040 h 1703956"/>
                <a:gd name="connsiteX74" fmla="*/ 1874221 w 1881147"/>
                <a:gd name="connsiteY74" fmla="*/ 1489361 h 1703956"/>
                <a:gd name="connsiteX75" fmla="*/ 1875829 w 1881147"/>
                <a:gd name="connsiteY75" fmla="*/ 1466727 h 1703956"/>
                <a:gd name="connsiteX76" fmla="*/ 1875051 w 1881147"/>
                <a:gd name="connsiteY76" fmla="*/ 1405993 h 1703956"/>
                <a:gd name="connsiteX77" fmla="*/ 1853086 w 1881147"/>
                <a:gd name="connsiteY77" fmla="*/ 1315850 h 1703956"/>
                <a:gd name="connsiteX78" fmla="*/ 1853086 w 1881147"/>
                <a:gd name="connsiteY78" fmla="*/ 1258700 h 1703956"/>
                <a:gd name="connsiteX79" fmla="*/ 1810224 w 1881147"/>
                <a:gd name="connsiteY79" fmla="*/ 1249175 h 1703956"/>
                <a:gd name="connsiteX80" fmla="*/ 1734024 w 1881147"/>
                <a:gd name="connsiteY80" fmla="*/ 1168212 h 1703956"/>
                <a:gd name="connsiteX81" fmla="*/ 1695924 w 1881147"/>
                <a:gd name="connsiteY81" fmla="*/ 987237 h 1703956"/>
                <a:gd name="connsiteX82" fmla="*/ 1643536 w 1881147"/>
                <a:gd name="connsiteY82" fmla="*/ 953900 h 1703956"/>
                <a:gd name="connsiteX83" fmla="*/ 1605436 w 1881147"/>
                <a:gd name="connsiteY83" fmla="*/ 896750 h 1703956"/>
                <a:gd name="connsiteX84" fmla="*/ 1557811 w 1881147"/>
                <a:gd name="connsiteY84" fmla="*/ 849125 h 1703956"/>
                <a:gd name="connsiteX85" fmla="*/ 1505424 w 1881147"/>
                <a:gd name="connsiteY85" fmla="*/ 830075 h 1703956"/>
                <a:gd name="connsiteX86" fmla="*/ 1453036 w 1881147"/>
                <a:gd name="connsiteY86" fmla="*/ 825312 h 1703956"/>
                <a:gd name="connsiteX87" fmla="*/ 1510186 w 1881147"/>
                <a:gd name="connsiteY87" fmla="*/ 791975 h 1703956"/>
                <a:gd name="connsiteX88" fmla="*/ 1476849 w 1881147"/>
                <a:gd name="connsiteY88" fmla="*/ 758637 h 1703956"/>
                <a:gd name="connsiteX89" fmla="*/ 1481611 w 1881147"/>
                <a:gd name="connsiteY89" fmla="*/ 734825 h 1703956"/>
                <a:gd name="connsiteX90" fmla="*/ 1572099 w 1881147"/>
                <a:gd name="connsiteY90" fmla="*/ 772925 h 1703956"/>
                <a:gd name="connsiteX91" fmla="*/ 1624486 w 1881147"/>
                <a:gd name="connsiteY91" fmla="*/ 706250 h 1703956"/>
                <a:gd name="connsiteX92" fmla="*/ 1622283 w 1881147"/>
                <a:gd name="connsiteY92" fmla="*/ 563375 h 1703956"/>
                <a:gd name="connsiteX93" fmla="*/ 1639486 w 1881147"/>
                <a:gd name="connsiteY93" fmla="*/ 415049 h 1703956"/>
                <a:gd name="connsiteX0" fmla="*/ 1639486 w 1881147"/>
                <a:gd name="connsiteY0" fmla="*/ 410094 h 1699001"/>
                <a:gd name="connsiteX1" fmla="*/ 1567336 w 1881147"/>
                <a:gd name="connsiteY1" fmla="*/ 377445 h 1699001"/>
                <a:gd name="connsiteX2" fmla="*/ 1477087 w 1881147"/>
                <a:gd name="connsiteY2" fmla="*/ 353632 h 1699001"/>
                <a:gd name="connsiteX3" fmla="*/ 1423767 w 1881147"/>
                <a:gd name="connsiteY3" fmla="*/ 276548 h 1699001"/>
                <a:gd name="connsiteX4" fmla="*/ 1395785 w 1881147"/>
                <a:gd name="connsiteY4" fmla="*/ 174703 h 1699001"/>
                <a:gd name="connsiteX5" fmla="*/ 1364769 w 1881147"/>
                <a:gd name="connsiteY5" fmla="*/ 6641 h 1699001"/>
                <a:gd name="connsiteX6" fmla="*/ 1270553 w 1881147"/>
                <a:gd name="connsiteY6" fmla="*/ 40681 h 1699001"/>
                <a:gd name="connsiteX7" fmla="*/ 1247452 w 1881147"/>
                <a:gd name="connsiteY7" fmla="*/ 106014 h 1699001"/>
                <a:gd name="connsiteX8" fmla="*/ 1214911 w 1881147"/>
                <a:gd name="connsiteY8" fmla="*/ 163132 h 1699001"/>
                <a:gd name="connsiteX9" fmla="*/ 1186336 w 1881147"/>
                <a:gd name="connsiteY9" fmla="*/ 191707 h 1699001"/>
                <a:gd name="connsiteX10" fmla="*/ 1176811 w 1881147"/>
                <a:gd name="connsiteY10" fmla="*/ 263145 h 1699001"/>
                <a:gd name="connsiteX11" fmla="*/ 1114899 w 1881147"/>
                <a:gd name="connsiteY11" fmla="*/ 306007 h 1699001"/>
                <a:gd name="connsiteX12" fmla="*/ 1005361 w 1881147"/>
                <a:gd name="connsiteY12" fmla="*/ 320295 h 1699001"/>
                <a:gd name="connsiteX13" fmla="*/ 962499 w 1881147"/>
                <a:gd name="connsiteY13" fmla="*/ 363157 h 1699001"/>
                <a:gd name="connsiteX14" fmla="*/ 838674 w 1881147"/>
                <a:gd name="connsiteY14" fmla="*/ 363157 h 1699001"/>
                <a:gd name="connsiteX15" fmla="*/ 781524 w 1881147"/>
                <a:gd name="connsiteY15" fmla="*/ 434595 h 1699001"/>
                <a:gd name="connsiteX16" fmla="*/ 781524 w 1881147"/>
                <a:gd name="connsiteY16" fmla="*/ 467932 h 1699001"/>
                <a:gd name="connsiteX17" fmla="*/ 743424 w 1881147"/>
                <a:gd name="connsiteY17" fmla="*/ 491745 h 1699001"/>
                <a:gd name="connsiteX18" fmla="*/ 671986 w 1881147"/>
                <a:gd name="connsiteY18" fmla="*/ 425070 h 1699001"/>
                <a:gd name="connsiteX19" fmla="*/ 519586 w 1881147"/>
                <a:gd name="connsiteY19" fmla="*/ 420307 h 1699001"/>
                <a:gd name="connsiteX20" fmla="*/ 457674 w 1881147"/>
                <a:gd name="connsiteY20" fmla="*/ 439357 h 1699001"/>
                <a:gd name="connsiteX21" fmla="*/ 419574 w 1881147"/>
                <a:gd name="connsiteY21" fmla="*/ 425070 h 1699001"/>
                <a:gd name="connsiteX22" fmla="*/ 400524 w 1881147"/>
                <a:gd name="connsiteY22" fmla="*/ 363157 h 1699001"/>
                <a:gd name="connsiteX23" fmla="*/ 333849 w 1881147"/>
                <a:gd name="connsiteY23" fmla="*/ 310770 h 1699001"/>
                <a:gd name="connsiteX24" fmla="*/ 286224 w 1881147"/>
                <a:gd name="connsiteY24" fmla="*/ 244095 h 1699001"/>
                <a:gd name="connsiteX25" fmla="*/ 143349 w 1881147"/>
                <a:gd name="connsiteY25" fmla="*/ 263145 h 1699001"/>
                <a:gd name="connsiteX26" fmla="*/ 124299 w 1881147"/>
                <a:gd name="connsiteY26" fmla="*/ 339345 h 1699001"/>
                <a:gd name="connsiteX27" fmla="*/ 110011 w 1881147"/>
                <a:gd name="connsiteY27" fmla="*/ 372682 h 1699001"/>
                <a:gd name="connsiteX28" fmla="*/ 133824 w 1881147"/>
                <a:gd name="connsiteY28" fmla="*/ 420307 h 1699001"/>
                <a:gd name="connsiteX29" fmla="*/ 81436 w 1881147"/>
                <a:gd name="connsiteY29" fmla="*/ 458407 h 1699001"/>
                <a:gd name="connsiteX30" fmla="*/ 33811 w 1881147"/>
                <a:gd name="connsiteY30" fmla="*/ 453645 h 1699001"/>
                <a:gd name="connsiteX31" fmla="*/ 33811 w 1881147"/>
                <a:gd name="connsiteY31" fmla="*/ 525082 h 1699001"/>
                <a:gd name="connsiteX32" fmla="*/ 474 w 1881147"/>
                <a:gd name="connsiteY32" fmla="*/ 629857 h 1699001"/>
                <a:gd name="connsiteX33" fmla="*/ 62386 w 1881147"/>
                <a:gd name="connsiteY33" fmla="*/ 706057 h 1699001"/>
                <a:gd name="connsiteX34" fmla="*/ 111977 w 1881147"/>
                <a:gd name="connsiteY34" fmla="*/ 686319 h 1699001"/>
                <a:gd name="connsiteX35" fmla="*/ 112334 w 1881147"/>
                <a:gd name="connsiteY35" fmla="*/ 756578 h 1699001"/>
                <a:gd name="connsiteX36" fmla="*/ 167161 w 1881147"/>
                <a:gd name="connsiteY36" fmla="*/ 787020 h 1699001"/>
                <a:gd name="connsiteX37" fmla="*/ 236159 w 1881147"/>
                <a:gd name="connsiteY37" fmla="*/ 797232 h 1699001"/>
                <a:gd name="connsiteX38" fmla="*/ 271462 w 1881147"/>
                <a:gd name="connsiteY38" fmla="*/ 853203 h 1699001"/>
                <a:gd name="connsiteX39" fmla="*/ 270869 w 1881147"/>
                <a:gd name="connsiteY39" fmla="*/ 898275 h 1699001"/>
                <a:gd name="connsiteX40" fmla="*/ 295393 w 1881147"/>
                <a:gd name="connsiteY40" fmla="*/ 937750 h 1699001"/>
                <a:gd name="connsiteX41" fmla="*/ 341051 w 1881147"/>
                <a:gd name="connsiteY41" fmla="*/ 976342 h 1699001"/>
                <a:gd name="connsiteX42" fmla="*/ 426184 w 1881147"/>
                <a:gd name="connsiteY42" fmla="*/ 1030594 h 1699001"/>
                <a:gd name="connsiteX43" fmla="*/ 461961 w 1881147"/>
                <a:gd name="connsiteY43" fmla="*/ 1101687 h 1699001"/>
                <a:gd name="connsiteX44" fmla="*/ 441064 w 1881147"/>
                <a:gd name="connsiteY44" fmla="*/ 1171260 h 1699001"/>
                <a:gd name="connsiteX45" fmla="*/ 519111 w 1881147"/>
                <a:gd name="connsiteY45" fmla="*/ 1227723 h 1699001"/>
                <a:gd name="connsiteX46" fmla="*/ 591143 w 1881147"/>
                <a:gd name="connsiteY46" fmla="*/ 1260717 h 1699001"/>
                <a:gd name="connsiteX47" fmla="*/ 571974 w 1881147"/>
                <a:gd name="connsiteY47" fmla="*/ 1320420 h 1699001"/>
                <a:gd name="connsiteX48" fmla="*/ 662461 w 1881147"/>
                <a:gd name="connsiteY48" fmla="*/ 1472820 h 1699001"/>
                <a:gd name="connsiteX49" fmla="*/ 755271 w 1881147"/>
                <a:gd name="connsiteY49" fmla="*/ 1545974 h 1699001"/>
                <a:gd name="connsiteX50" fmla="*/ 805336 w 1881147"/>
                <a:gd name="connsiteY50" fmla="*/ 1496632 h 1699001"/>
                <a:gd name="connsiteX51" fmla="*/ 869926 w 1881147"/>
                <a:gd name="connsiteY51" fmla="*/ 1524029 h 1699001"/>
                <a:gd name="connsiteX52" fmla="*/ 924399 w 1881147"/>
                <a:gd name="connsiteY52" fmla="*/ 1491870 h 1699001"/>
                <a:gd name="connsiteX53" fmla="*/ 941246 w 1881147"/>
                <a:gd name="connsiteY53" fmla="*/ 1449694 h 1699001"/>
                <a:gd name="connsiteX54" fmla="*/ 1005123 w 1881147"/>
                <a:gd name="connsiteY54" fmla="*/ 1536106 h 1699001"/>
                <a:gd name="connsiteX55" fmla="*/ 1050190 w 1881147"/>
                <a:gd name="connsiteY55" fmla="*/ 1607200 h 1699001"/>
                <a:gd name="connsiteX56" fmla="*/ 1120136 w 1881147"/>
                <a:gd name="connsiteY56" fmla="*/ 1698719 h 1699001"/>
                <a:gd name="connsiteX57" fmla="*/ 1151034 w 1881147"/>
                <a:gd name="connsiteY57" fmla="*/ 1635628 h 1699001"/>
                <a:gd name="connsiteX58" fmla="*/ 1181693 w 1881147"/>
                <a:gd name="connsiteY58" fmla="*/ 1629148 h 1699001"/>
                <a:gd name="connsiteX59" fmla="*/ 1224792 w 1881147"/>
                <a:gd name="connsiteY59" fmla="*/ 1658411 h 1699001"/>
                <a:gd name="connsiteX60" fmla="*/ 1258367 w 1881147"/>
                <a:gd name="connsiteY60" fmla="*/ 1617757 h 1699001"/>
                <a:gd name="connsiteX61" fmla="*/ 1277188 w 1881147"/>
                <a:gd name="connsiteY61" fmla="*/ 1622374 h 1699001"/>
                <a:gd name="connsiteX62" fmla="*/ 1311230 w 1881147"/>
                <a:gd name="connsiteY62" fmla="*/ 1688851 h 1699001"/>
                <a:gd name="connsiteX63" fmla="*/ 1367786 w 1881147"/>
                <a:gd name="connsiteY63" fmla="*/ 1665382 h 1699001"/>
                <a:gd name="connsiteX64" fmla="*/ 1419818 w 1881147"/>
                <a:gd name="connsiteY64" fmla="*/ 1609261 h 1699001"/>
                <a:gd name="connsiteX65" fmla="*/ 1470595 w 1881147"/>
                <a:gd name="connsiteY65" fmla="*/ 1592718 h 1699001"/>
                <a:gd name="connsiteX66" fmla="*/ 1488274 w 1881147"/>
                <a:gd name="connsiteY66" fmla="*/ 1648540 h 1699001"/>
                <a:gd name="connsiteX67" fmla="*/ 1558169 w 1881147"/>
                <a:gd name="connsiteY67" fmla="*/ 1622862 h 1699001"/>
                <a:gd name="connsiteX68" fmla="*/ 1588947 w 1881147"/>
                <a:gd name="connsiteY68" fmla="*/ 1536106 h 1699001"/>
                <a:gd name="connsiteX69" fmla="*/ 1670383 w 1881147"/>
                <a:gd name="connsiteY69" fmla="*/ 1445964 h 1699001"/>
                <a:gd name="connsiteX70" fmla="*/ 1714974 w 1881147"/>
                <a:gd name="connsiteY70" fmla="*/ 1414834 h 1699001"/>
                <a:gd name="connsiteX71" fmla="*/ 1743343 w 1881147"/>
                <a:gd name="connsiteY71" fmla="*/ 1418129 h 1699001"/>
                <a:gd name="connsiteX72" fmla="*/ 1820935 w 1881147"/>
                <a:gd name="connsiteY72" fmla="*/ 1407521 h 1699001"/>
                <a:gd name="connsiteX73" fmla="*/ 1816054 w 1881147"/>
                <a:gd name="connsiteY73" fmla="*/ 1461085 h 1699001"/>
                <a:gd name="connsiteX74" fmla="*/ 1874221 w 1881147"/>
                <a:gd name="connsiteY74" fmla="*/ 1484406 h 1699001"/>
                <a:gd name="connsiteX75" fmla="*/ 1875829 w 1881147"/>
                <a:gd name="connsiteY75" fmla="*/ 1461772 h 1699001"/>
                <a:gd name="connsiteX76" fmla="*/ 1875051 w 1881147"/>
                <a:gd name="connsiteY76" fmla="*/ 1401038 h 1699001"/>
                <a:gd name="connsiteX77" fmla="*/ 1853086 w 1881147"/>
                <a:gd name="connsiteY77" fmla="*/ 1310895 h 1699001"/>
                <a:gd name="connsiteX78" fmla="*/ 1853086 w 1881147"/>
                <a:gd name="connsiteY78" fmla="*/ 1253745 h 1699001"/>
                <a:gd name="connsiteX79" fmla="*/ 1810224 w 1881147"/>
                <a:gd name="connsiteY79" fmla="*/ 1244220 h 1699001"/>
                <a:gd name="connsiteX80" fmla="*/ 1734024 w 1881147"/>
                <a:gd name="connsiteY80" fmla="*/ 1163257 h 1699001"/>
                <a:gd name="connsiteX81" fmla="*/ 1695924 w 1881147"/>
                <a:gd name="connsiteY81" fmla="*/ 982282 h 1699001"/>
                <a:gd name="connsiteX82" fmla="*/ 1643536 w 1881147"/>
                <a:gd name="connsiteY82" fmla="*/ 948945 h 1699001"/>
                <a:gd name="connsiteX83" fmla="*/ 1605436 w 1881147"/>
                <a:gd name="connsiteY83" fmla="*/ 891795 h 1699001"/>
                <a:gd name="connsiteX84" fmla="*/ 1557811 w 1881147"/>
                <a:gd name="connsiteY84" fmla="*/ 844170 h 1699001"/>
                <a:gd name="connsiteX85" fmla="*/ 1505424 w 1881147"/>
                <a:gd name="connsiteY85" fmla="*/ 825120 h 1699001"/>
                <a:gd name="connsiteX86" fmla="*/ 1453036 w 1881147"/>
                <a:gd name="connsiteY86" fmla="*/ 820357 h 1699001"/>
                <a:gd name="connsiteX87" fmla="*/ 1510186 w 1881147"/>
                <a:gd name="connsiteY87" fmla="*/ 787020 h 1699001"/>
                <a:gd name="connsiteX88" fmla="*/ 1476849 w 1881147"/>
                <a:gd name="connsiteY88" fmla="*/ 753682 h 1699001"/>
                <a:gd name="connsiteX89" fmla="*/ 1481611 w 1881147"/>
                <a:gd name="connsiteY89" fmla="*/ 729870 h 1699001"/>
                <a:gd name="connsiteX90" fmla="*/ 1572099 w 1881147"/>
                <a:gd name="connsiteY90" fmla="*/ 767970 h 1699001"/>
                <a:gd name="connsiteX91" fmla="*/ 1624486 w 1881147"/>
                <a:gd name="connsiteY91" fmla="*/ 701295 h 1699001"/>
                <a:gd name="connsiteX92" fmla="*/ 1622283 w 1881147"/>
                <a:gd name="connsiteY92" fmla="*/ 558420 h 1699001"/>
                <a:gd name="connsiteX93" fmla="*/ 1639486 w 1881147"/>
                <a:gd name="connsiteY93" fmla="*/ 410094 h 1699001"/>
                <a:gd name="connsiteX0" fmla="*/ 1639486 w 1881147"/>
                <a:gd name="connsiteY0" fmla="*/ 410466 h 1699373"/>
                <a:gd name="connsiteX1" fmla="*/ 1567336 w 1881147"/>
                <a:gd name="connsiteY1" fmla="*/ 377817 h 1699373"/>
                <a:gd name="connsiteX2" fmla="*/ 1477087 w 1881147"/>
                <a:gd name="connsiteY2" fmla="*/ 354004 h 1699373"/>
                <a:gd name="connsiteX3" fmla="*/ 1423767 w 1881147"/>
                <a:gd name="connsiteY3" fmla="*/ 276920 h 1699373"/>
                <a:gd name="connsiteX4" fmla="*/ 1395785 w 1881147"/>
                <a:gd name="connsiteY4" fmla="*/ 175075 h 1699373"/>
                <a:gd name="connsiteX5" fmla="*/ 1364769 w 1881147"/>
                <a:gd name="connsiteY5" fmla="*/ 7013 h 1699373"/>
                <a:gd name="connsiteX6" fmla="*/ 1270553 w 1881147"/>
                <a:gd name="connsiteY6" fmla="*/ 41053 h 1699373"/>
                <a:gd name="connsiteX7" fmla="*/ 1244198 w 1881147"/>
                <a:gd name="connsiteY7" fmla="*/ 126810 h 1699373"/>
                <a:gd name="connsiteX8" fmla="*/ 1214911 w 1881147"/>
                <a:gd name="connsiteY8" fmla="*/ 163504 h 1699373"/>
                <a:gd name="connsiteX9" fmla="*/ 1186336 w 1881147"/>
                <a:gd name="connsiteY9" fmla="*/ 192079 h 1699373"/>
                <a:gd name="connsiteX10" fmla="*/ 1176811 w 1881147"/>
                <a:gd name="connsiteY10" fmla="*/ 263517 h 1699373"/>
                <a:gd name="connsiteX11" fmla="*/ 1114899 w 1881147"/>
                <a:gd name="connsiteY11" fmla="*/ 306379 h 1699373"/>
                <a:gd name="connsiteX12" fmla="*/ 1005361 w 1881147"/>
                <a:gd name="connsiteY12" fmla="*/ 320667 h 1699373"/>
                <a:gd name="connsiteX13" fmla="*/ 962499 w 1881147"/>
                <a:gd name="connsiteY13" fmla="*/ 363529 h 1699373"/>
                <a:gd name="connsiteX14" fmla="*/ 838674 w 1881147"/>
                <a:gd name="connsiteY14" fmla="*/ 363529 h 1699373"/>
                <a:gd name="connsiteX15" fmla="*/ 781524 w 1881147"/>
                <a:gd name="connsiteY15" fmla="*/ 434967 h 1699373"/>
                <a:gd name="connsiteX16" fmla="*/ 781524 w 1881147"/>
                <a:gd name="connsiteY16" fmla="*/ 468304 h 1699373"/>
                <a:gd name="connsiteX17" fmla="*/ 743424 w 1881147"/>
                <a:gd name="connsiteY17" fmla="*/ 492117 h 1699373"/>
                <a:gd name="connsiteX18" fmla="*/ 671986 w 1881147"/>
                <a:gd name="connsiteY18" fmla="*/ 425442 h 1699373"/>
                <a:gd name="connsiteX19" fmla="*/ 519586 w 1881147"/>
                <a:gd name="connsiteY19" fmla="*/ 420679 h 1699373"/>
                <a:gd name="connsiteX20" fmla="*/ 457674 w 1881147"/>
                <a:gd name="connsiteY20" fmla="*/ 439729 h 1699373"/>
                <a:gd name="connsiteX21" fmla="*/ 419574 w 1881147"/>
                <a:gd name="connsiteY21" fmla="*/ 425442 h 1699373"/>
                <a:gd name="connsiteX22" fmla="*/ 400524 w 1881147"/>
                <a:gd name="connsiteY22" fmla="*/ 363529 h 1699373"/>
                <a:gd name="connsiteX23" fmla="*/ 333849 w 1881147"/>
                <a:gd name="connsiteY23" fmla="*/ 311142 h 1699373"/>
                <a:gd name="connsiteX24" fmla="*/ 286224 w 1881147"/>
                <a:gd name="connsiteY24" fmla="*/ 244467 h 1699373"/>
                <a:gd name="connsiteX25" fmla="*/ 143349 w 1881147"/>
                <a:gd name="connsiteY25" fmla="*/ 263517 h 1699373"/>
                <a:gd name="connsiteX26" fmla="*/ 124299 w 1881147"/>
                <a:gd name="connsiteY26" fmla="*/ 339717 h 1699373"/>
                <a:gd name="connsiteX27" fmla="*/ 110011 w 1881147"/>
                <a:gd name="connsiteY27" fmla="*/ 373054 h 1699373"/>
                <a:gd name="connsiteX28" fmla="*/ 133824 w 1881147"/>
                <a:gd name="connsiteY28" fmla="*/ 420679 h 1699373"/>
                <a:gd name="connsiteX29" fmla="*/ 81436 w 1881147"/>
                <a:gd name="connsiteY29" fmla="*/ 458779 h 1699373"/>
                <a:gd name="connsiteX30" fmla="*/ 33811 w 1881147"/>
                <a:gd name="connsiteY30" fmla="*/ 454017 h 1699373"/>
                <a:gd name="connsiteX31" fmla="*/ 33811 w 1881147"/>
                <a:gd name="connsiteY31" fmla="*/ 525454 h 1699373"/>
                <a:gd name="connsiteX32" fmla="*/ 474 w 1881147"/>
                <a:gd name="connsiteY32" fmla="*/ 630229 h 1699373"/>
                <a:gd name="connsiteX33" fmla="*/ 62386 w 1881147"/>
                <a:gd name="connsiteY33" fmla="*/ 706429 h 1699373"/>
                <a:gd name="connsiteX34" fmla="*/ 111977 w 1881147"/>
                <a:gd name="connsiteY34" fmla="*/ 686691 h 1699373"/>
                <a:gd name="connsiteX35" fmla="*/ 112334 w 1881147"/>
                <a:gd name="connsiteY35" fmla="*/ 756950 h 1699373"/>
                <a:gd name="connsiteX36" fmla="*/ 167161 w 1881147"/>
                <a:gd name="connsiteY36" fmla="*/ 787392 h 1699373"/>
                <a:gd name="connsiteX37" fmla="*/ 236159 w 1881147"/>
                <a:gd name="connsiteY37" fmla="*/ 797604 h 1699373"/>
                <a:gd name="connsiteX38" fmla="*/ 271462 w 1881147"/>
                <a:gd name="connsiteY38" fmla="*/ 853575 h 1699373"/>
                <a:gd name="connsiteX39" fmla="*/ 270869 w 1881147"/>
                <a:gd name="connsiteY39" fmla="*/ 898647 h 1699373"/>
                <a:gd name="connsiteX40" fmla="*/ 295393 w 1881147"/>
                <a:gd name="connsiteY40" fmla="*/ 938122 h 1699373"/>
                <a:gd name="connsiteX41" fmla="*/ 341051 w 1881147"/>
                <a:gd name="connsiteY41" fmla="*/ 976714 h 1699373"/>
                <a:gd name="connsiteX42" fmla="*/ 426184 w 1881147"/>
                <a:gd name="connsiteY42" fmla="*/ 1030966 h 1699373"/>
                <a:gd name="connsiteX43" fmla="*/ 461961 w 1881147"/>
                <a:gd name="connsiteY43" fmla="*/ 1102059 h 1699373"/>
                <a:gd name="connsiteX44" fmla="*/ 441064 w 1881147"/>
                <a:gd name="connsiteY44" fmla="*/ 1171632 h 1699373"/>
                <a:gd name="connsiteX45" fmla="*/ 519111 w 1881147"/>
                <a:gd name="connsiteY45" fmla="*/ 1228095 h 1699373"/>
                <a:gd name="connsiteX46" fmla="*/ 591143 w 1881147"/>
                <a:gd name="connsiteY46" fmla="*/ 1261089 h 1699373"/>
                <a:gd name="connsiteX47" fmla="*/ 571974 w 1881147"/>
                <a:gd name="connsiteY47" fmla="*/ 1320792 h 1699373"/>
                <a:gd name="connsiteX48" fmla="*/ 662461 w 1881147"/>
                <a:gd name="connsiteY48" fmla="*/ 1473192 h 1699373"/>
                <a:gd name="connsiteX49" fmla="*/ 755271 w 1881147"/>
                <a:gd name="connsiteY49" fmla="*/ 1546346 h 1699373"/>
                <a:gd name="connsiteX50" fmla="*/ 805336 w 1881147"/>
                <a:gd name="connsiteY50" fmla="*/ 1497004 h 1699373"/>
                <a:gd name="connsiteX51" fmla="*/ 869926 w 1881147"/>
                <a:gd name="connsiteY51" fmla="*/ 1524401 h 1699373"/>
                <a:gd name="connsiteX52" fmla="*/ 924399 w 1881147"/>
                <a:gd name="connsiteY52" fmla="*/ 1492242 h 1699373"/>
                <a:gd name="connsiteX53" fmla="*/ 941246 w 1881147"/>
                <a:gd name="connsiteY53" fmla="*/ 1450066 h 1699373"/>
                <a:gd name="connsiteX54" fmla="*/ 1005123 w 1881147"/>
                <a:gd name="connsiteY54" fmla="*/ 1536478 h 1699373"/>
                <a:gd name="connsiteX55" fmla="*/ 1050190 w 1881147"/>
                <a:gd name="connsiteY55" fmla="*/ 1607572 h 1699373"/>
                <a:gd name="connsiteX56" fmla="*/ 1120136 w 1881147"/>
                <a:gd name="connsiteY56" fmla="*/ 1699091 h 1699373"/>
                <a:gd name="connsiteX57" fmla="*/ 1151034 w 1881147"/>
                <a:gd name="connsiteY57" fmla="*/ 1636000 h 1699373"/>
                <a:gd name="connsiteX58" fmla="*/ 1181693 w 1881147"/>
                <a:gd name="connsiteY58" fmla="*/ 1629520 h 1699373"/>
                <a:gd name="connsiteX59" fmla="*/ 1224792 w 1881147"/>
                <a:gd name="connsiteY59" fmla="*/ 1658783 h 1699373"/>
                <a:gd name="connsiteX60" fmla="*/ 1258367 w 1881147"/>
                <a:gd name="connsiteY60" fmla="*/ 1618129 h 1699373"/>
                <a:gd name="connsiteX61" fmla="*/ 1277188 w 1881147"/>
                <a:gd name="connsiteY61" fmla="*/ 1622746 h 1699373"/>
                <a:gd name="connsiteX62" fmla="*/ 1311230 w 1881147"/>
                <a:gd name="connsiteY62" fmla="*/ 1689223 h 1699373"/>
                <a:gd name="connsiteX63" fmla="*/ 1367786 w 1881147"/>
                <a:gd name="connsiteY63" fmla="*/ 1665754 h 1699373"/>
                <a:gd name="connsiteX64" fmla="*/ 1419818 w 1881147"/>
                <a:gd name="connsiteY64" fmla="*/ 1609633 h 1699373"/>
                <a:gd name="connsiteX65" fmla="*/ 1470595 w 1881147"/>
                <a:gd name="connsiteY65" fmla="*/ 1593090 h 1699373"/>
                <a:gd name="connsiteX66" fmla="*/ 1488274 w 1881147"/>
                <a:gd name="connsiteY66" fmla="*/ 1648912 h 1699373"/>
                <a:gd name="connsiteX67" fmla="*/ 1558169 w 1881147"/>
                <a:gd name="connsiteY67" fmla="*/ 1623234 h 1699373"/>
                <a:gd name="connsiteX68" fmla="*/ 1588947 w 1881147"/>
                <a:gd name="connsiteY68" fmla="*/ 1536478 h 1699373"/>
                <a:gd name="connsiteX69" fmla="*/ 1670383 w 1881147"/>
                <a:gd name="connsiteY69" fmla="*/ 1446336 h 1699373"/>
                <a:gd name="connsiteX70" fmla="*/ 1714974 w 1881147"/>
                <a:gd name="connsiteY70" fmla="*/ 1415206 h 1699373"/>
                <a:gd name="connsiteX71" fmla="*/ 1743343 w 1881147"/>
                <a:gd name="connsiteY71" fmla="*/ 1418501 h 1699373"/>
                <a:gd name="connsiteX72" fmla="*/ 1820935 w 1881147"/>
                <a:gd name="connsiteY72" fmla="*/ 1407893 h 1699373"/>
                <a:gd name="connsiteX73" fmla="*/ 1816054 w 1881147"/>
                <a:gd name="connsiteY73" fmla="*/ 1461457 h 1699373"/>
                <a:gd name="connsiteX74" fmla="*/ 1874221 w 1881147"/>
                <a:gd name="connsiteY74" fmla="*/ 1484778 h 1699373"/>
                <a:gd name="connsiteX75" fmla="*/ 1875829 w 1881147"/>
                <a:gd name="connsiteY75" fmla="*/ 1462144 h 1699373"/>
                <a:gd name="connsiteX76" fmla="*/ 1875051 w 1881147"/>
                <a:gd name="connsiteY76" fmla="*/ 1401410 h 1699373"/>
                <a:gd name="connsiteX77" fmla="*/ 1853086 w 1881147"/>
                <a:gd name="connsiteY77" fmla="*/ 1311267 h 1699373"/>
                <a:gd name="connsiteX78" fmla="*/ 1853086 w 1881147"/>
                <a:gd name="connsiteY78" fmla="*/ 1254117 h 1699373"/>
                <a:gd name="connsiteX79" fmla="*/ 1810224 w 1881147"/>
                <a:gd name="connsiteY79" fmla="*/ 1244592 h 1699373"/>
                <a:gd name="connsiteX80" fmla="*/ 1734024 w 1881147"/>
                <a:gd name="connsiteY80" fmla="*/ 1163629 h 1699373"/>
                <a:gd name="connsiteX81" fmla="*/ 1695924 w 1881147"/>
                <a:gd name="connsiteY81" fmla="*/ 982654 h 1699373"/>
                <a:gd name="connsiteX82" fmla="*/ 1643536 w 1881147"/>
                <a:gd name="connsiteY82" fmla="*/ 949317 h 1699373"/>
                <a:gd name="connsiteX83" fmla="*/ 1605436 w 1881147"/>
                <a:gd name="connsiteY83" fmla="*/ 892167 h 1699373"/>
                <a:gd name="connsiteX84" fmla="*/ 1557811 w 1881147"/>
                <a:gd name="connsiteY84" fmla="*/ 844542 h 1699373"/>
                <a:gd name="connsiteX85" fmla="*/ 1505424 w 1881147"/>
                <a:gd name="connsiteY85" fmla="*/ 825492 h 1699373"/>
                <a:gd name="connsiteX86" fmla="*/ 1453036 w 1881147"/>
                <a:gd name="connsiteY86" fmla="*/ 820729 h 1699373"/>
                <a:gd name="connsiteX87" fmla="*/ 1510186 w 1881147"/>
                <a:gd name="connsiteY87" fmla="*/ 787392 h 1699373"/>
                <a:gd name="connsiteX88" fmla="*/ 1476849 w 1881147"/>
                <a:gd name="connsiteY88" fmla="*/ 754054 h 1699373"/>
                <a:gd name="connsiteX89" fmla="*/ 1481611 w 1881147"/>
                <a:gd name="connsiteY89" fmla="*/ 730242 h 1699373"/>
                <a:gd name="connsiteX90" fmla="*/ 1572099 w 1881147"/>
                <a:gd name="connsiteY90" fmla="*/ 768342 h 1699373"/>
                <a:gd name="connsiteX91" fmla="*/ 1624486 w 1881147"/>
                <a:gd name="connsiteY91" fmla="*/ 701667 h 1699373"/>
                <a:gd name="connsiteX92" fmla="*/ 1622283 w 1881147"/>
                <a:gd name="connsiteY92" fmla="*/ 558792 h 1699373"/>
                <a:gd name="connsiteX93" fmla="*/ 1639486 w 1881147"/>
                <a:gd name="connsiteY93" fmla="*/ 410466 h 1699373"/>
                <a:gd name="connsiteX0" fmla="*/ 1639486 w 1881147"/>
                <a:gd name="connsiteY0" fmla="*/ 409992 h 1698899"/>
                <a:gd name="connsiteX1" fmla="*/ 1567336 w 1881147"/>
                <a:gd name="connsiteY1" fmla="*/ 377343 h 1698899"/>
                <a:gd name="connsiteX2" fmla="*/ 1477087 w 1881147"/>
                <a:gd name="connsiteY2" fmla="*/ 353530 h 1698899"/>
                <a:gd name="connsiteX3" fmla="*/ 1423767 w 1881147"/>
                <a:gd name="connsiteY3" fmla="*/ 276446 h 1698899"/>
                <a:gd name="connsiteX4" fmla="*/ 1395785 w 1881147"/>
                <a:gd name="connsiteY4" fmla="*/ 174601 h 1698899"/>
                <a:gd name="connsiteX5" fmla="*/ 1364769 w 1881147"/>
                <a:gd name="connsiteY5" fmla="*/ 6539 h 1698899"/>
                <a:gd name="connsiteX6" fmla="*/ 1282757 w 1881147"/>
                <a:gd name="connsiteY6" fmla="*/ 43131 h 1698899"/>
                <a:gd name="connsiteX7" fmla="*/ 1244198 w 1881147"/>
                <a:gd name="connsiteY7" fmla="*/ 126336 h 1698899"/>
                <a:gd name="connsiteX8" fmla="*/ 1214911 w 1881147"/>
                <a:gd name="connsiteY8" fmla="*/ 163030 h 1698899"/>
                <a:gd name="connsiteX9" fmla="*/ 1186336 w 1881147"/>
                <a:gd name="connsiteY9" fmla="*/ 191605 h 1698899"/>
                <a:gd name="connsiteX10" fmla="*/ 1176811 w 1881147"/>
                <a:gd name="connsiteY10" fmla="*/ 263043 h 1698899"/>
                <a:gd name="connsiteX11" fmla="*/ 1114899 w 1881147"/>
                <a:gd name="connsiteY11" fmla="*/ 305905 h 1698899"/>
                <a:gd name="connsiteX12" fmla="*/ 1005361 w 1881147"/>
                <a:gd name="connsiteY12" fmla="*/ 320193 h 1698899"/>
                <a:gd name="connsiteX13" fmla="*/ 962499 w 1881147"/>
                <a:gd name="connsiteY13" fmla="*/ 363055 h 1698899"/>
                <a:gd name="connsiteX14" fmla="*/ 838674 w 1881147"/>
                <a:gd name="connsiteY14" fmla="*/ 363055 h 1698899"/>
                <a:gd name="connsiteX15" fmla="*/ 781524 w 1881147"/>
                <a:gd name="connsiteY15" fmla="*/ 434493 h 1698899"/>
                <a:gd name="connsiteX16" fmla="*/ 781524 w 1881147"/>
                <a:gd name="connsiteY16" fmla="*/ 467830 h 1698899"/>
                <a:gd name="connsiteX17" fmla="*/ 743424 w 1881147"/>
                <a:gd name="connsiteY17" fmla="*/ 491643 h 1698899"/>
                <a:gd name="connsiteX18" fmla="*/ 671986 w 1881147"/>
                <a:gd name="connsiteY18" fmla="*/ 424968 h 1698899"/>
                <a:gd name="connsiteX19" fmla="*/ 519586 w 1881147"/>
                <a:gd name="connsiteY19" fmla="*/ 420205 h 1698899"/>
                <a:gd name="connsiteX20" fmla="*/ 457674 w 1881147"/>
                <a:gd name="connsiteY20" fmla="*/ 439255 h 1698899"/>
                <a:gd name="connsiteX21" fmla="*/ 419574 w 1881147"/>
                <a:gd name="connsiteY21" fmla="*/ 424968 h 1698899"/>
                <a:gd name="connsiteX22" fmla="*/ 400524 w 1881147"/>
                <a:gd name="connsiteY22" fmla="*/ 363055 h 1698899"/>
                <a:gd name="connsiteX23" fmla="*/ 333849 w 1881147"/>
                <a:gd name="connsiteY23" fmla="*/ 310668 h 1698899"/>
                <a:gd name="connsiteX24" fmla="*/ 286224 w 1881147"/>
                <a:gd name="connsiteY24" fmla="*/ 243993 h 1698899"/>
                <a:gd name="connsiteX25" fmla="*/ 143349 w 1881147"/>
                <a:gd name="connsiteY25" fmla="*/ 263043 h 1698899"/>
                <a:gd name="connsiteX26" fmla="*/ 124299 w 1881147"/>
                <a:gd name="connsiteY26" fmla="*/ 339243 h 1698899"/>
                <a:gd name="connsiteX27" fmla="*/ 110011 w 1881147"/>
                <a:gd name="connsiteY27" fmla="*/ 372580 h 1698899"/>
                <a:gd name="connsiteX28" fmla="*/ 133824 w 1881147"/>
                <a:gd name="connsiteY28" fmla="*/ 420205 h 1698899"/>
                <a:gd name="connsiteX29" fmla="*/ 81436 w 1881147"/>
                <a:gd name="connsiteY29" fmla="*/ 458305 h 1698899"/>
                <a:gd name="connsiteX30" fmla="*/ 33811 w 1881147"/>
                <a:gd name="connsiteY30" fmla="*/ 453543 h 1698899"/>
                <a:gd name="connsiteX31" fmla="*/ 33811 w 1881147"/>
                <a:gd name="connsiteY31" fmla="*/ 524980 h 1698899"/>
                <a:gd name="connsiteX32" fmla="*/ 474 w 1881147"/>
                <a:gd name="connsiteY32" fmla="*/ 629755 h 1698899"/>
                <a:gd name="connsiteX33" fmla="*/ 62386 w 1881147"/>
                <a:gd name="connsiteY33" fmla="*/ 705955 h 1698899"/>
                <a:gd name="connsiteX34" fmla="*/ 111977 w 1881147"/>
                <a:gd name="connsiteY34" fmla="*/ 686217 h 1698899"/>
                <a:gd name="connsiteX35" fmla="*/ 112334 w 1881147"/>
                <a:gd name="connsiteY35" fmla="*/ 756476 h 1698899"/>
                <a:gd name="connsiteX36" fmla="*/ 167161 w 1881147"/>
                <a:gd name="connsiteY36" fmla="*/ 786918 h 1698899"/>
                <a:gd name="connsiteX37" fmla="*/ 236159 w 1881147"/>
                <a:gd name="connsiteY37" fmla="*/ 797130 h 1698899"/>
                <a:gd name="connsiteX38" fmla="*/ 271462 w 1881147"/>
                <a:gd name="connsiteY38" fmla="*/ 853101 h 1698899"/>
                <a:gd name="connsiteX39" fmla="*/ 270869 w 1881147"/>
                <a:gd name="connsiteY39" fmla="*/ 898173 h 1698899"/>
                <a:gd name="connsiteX40" fmla="*/ 295393 w 1881147"/>
                <a:gd name="connsiteY40" fmla="*/ 937648 h 1698899"/>
                <a:gd name="connsiteX41" fmla="*/ 341051 w 1881147"/>
                <a:gd name="connsiteY41" fmla="*/ 976240 h 1698899"/>
                <a:gd name="connsiteX42" fmla="*/ 426184 w 1881147"/>
                <a:gd name="connsiteY42" fmla="*/ 1030492 h 1698899"/>
                <a:gd name="connsiteX43" fmla="*/ 461961 w 1881147"/>
                <a:gd name="connsiteY43" fmla="*/ 1101585 h 1698899"/>
                <a:gd name="connsiteX44" fmla="*/ 441064 w 1881147"/>
                <a:gd name="connsiteY44" fmla="*/ 1171158 h 1698899"/>
                <a:gd name="connsiteX45" fmla="*/ 519111 w 1881147"/>
                <a:gd name="connsiteY45" fmla="*/ 1227621 h 1698899"/>
                <a:gd name="connsiteX46" fmla="*/ 591143 w 1881147"/>
                <a:gd name="connsiteY46" fmla="*/ 1260615 h 1698899"/>
                <a:gd name="connsiteX47" fmla="*/ 571974 w 1881147"/>
                <a:gd name="connsiteY47" fmla="*/ 1320318 h 1698899"/>
                <a:gd name="connsiteX48" fmla="*/ 662461 w 1881147"/>
                <a:gd name="connsiteY48" fmla="*/ 1472718 h 1698899"/>
                <a:gd name="connsiteX49" fmla="*/ 755271 w 1881147"/>
                <a:gd name="connsiteY49" fmla="*/ 1545872 h 1698899"/>
                <a:gd name="connsiteX50" fmla="*/ 805336 w 1881147"/>
                <a:gd name="connsiteY50" fmla="*/ 1496530 h 1698899"/>
                <a:gd name="connsiteX51" fmla="*/ 869926 w 1881147"/>
                <a:gd name="connsiteY51" fmla="*/ 1523927 h 1698899"/>
                <a:gd name="connsiteX52" fmla="*/ 924399 w 1881147"/>
                <a:gd name="connsiteY52" fmla="*/ 1491768 h 1698899"/>
                <a:gd name="connsiteX53" fmla="*/ 941246 w 1881147"/>
                <a:gd name="connsiteY53" fmla="*/ 1449592 h 1698899"/>
                <a:gd name="connsiteX54" fmla="*/ 1005123 w 1881147"/>
                <a:gd name="connsiteY54" fmla="*/ 1536004 h 1698899"/>
                <a:gd name="connsiteX55" fmla="*/ 1050190 w 1881147"/>
                <a:gd name="connsiteY55" fmla="*/ 1607098 h 1698899"/>
                <a:gd name="connsiteX56" fmla="*/ 1120136 w 1881147"/>
                <a:gd name="connsiteY56" fmla="*/ 1698617 h 1698899"/>
                <a:gd name="connsiteX57" fmla="*/ 1151034 w 1881147"/>
                <a:gd name="connsiteY57" fmla="*/ 1635526 h 1698899"/>
                <a:gd name="connsiteX58" fmla="*/ 1181693 w 1881147"/>
                <a:gd name="connsiteY58" fmla="*/ 1629046 h 1698899"/>
                <a:gd name="connsiteX59" fmla="*/ 1224792 w 1881147"/>
                <a:gd name="connsiteY59" fmla="*/ 1658309 h 1698899"/>
                <a:gd name="connsiteX60" fmla="*/ 1258367 w 1881147"/>
                <a:gd name="connsiteY60" fmla="*/ 1617655 h 1698899"/>
                <a:gd name="connsiteX61" fmla="*/ 1277188 w 1881147"/>
                <a:gd name="connsiteY61" fmla="*/ 1622272 h 1698899"/>
                <a:gd name="connsiteX62" fmla="*/ 1311230 w 1881147"/>
                <a:gd name="connsiteY62" fmla="*/ 1688749 h 1698899"/>
                <a:gd name="connsiteX63" fmla="*/ 1367786 w 1881147"/>
                <a:gd name="connsiteY63" fmla="*/ 1665280 h 1698899"/>
                <a:gd name="connsiteX64" fmla="*/ 1419818 w 1881147"/>
                <a:gd name="connsiteY64" fmla="*/ 1609159 h 1698899"/>
                <a:gd name="connsiteX65" fmla="*/ 1470595 w 1881147"/>
                <a:gd name="connsiteY65" fmla="*/ 1592616 h 1698899"/>
                <a:gd name="connsiteX66" fmla="*/ 1488274 w 1881147"/>
                <a:gd name="connsiteY66" fmla="*/ 1648438 h 1698899"/>
                <a:gd name="connsiteX67" fmla="*/ 1558169 w 1881147"/>
                <a:gd name="connsiteY67" fmla="*/ 1622760 h 1698899"/>
                <a:gd name="connsiteX68" fmla="*/ 1588947 w 1881147"/>
                <a:gd name="connsiteY68" fmla="*/ 1536004 h 1698899"/>
                <a:gd name="connsiteX69" fmla="*/ 1670383 w 1881147"/>
                <a:gd name="connsiteY69" fmla="*/ 1445862 h 1698899"/>
                <a:gd name="connsiteX70" fmla="*/ 1714974 w 1881147"/>
                <a:gd name="connsiteY70" fmla="*/ 1414732 h 1698899"/>
                <a:gd name="connsiteX71" fmla="*/ 1743343 w 1881147"/>
                <a:gd name="connsiteY71" fmla="*/ 1418027 h 1698899"/>
                <a:gd name="connsiteX72" fmla="*/ 1820935 w 1881147"/>
                <a:gd name="connsiteY72" fmla="*/ 1407419 h 1698899"/>
                <a:gd name="connsiteX73" fmla="*/ 1816054 w 1881147"/>
                <a:gd name="connsiteY73" fmla="*/ 1460983 h 1698899"/>
                <a:gd name="connsiteX74" fmla="*/ 1874221 w 1881147"/>
                <a:gd name="connsiteY74" fmla="*/ 1484304 h 1698899"/>
                <a:gd name="connsiteX75" fmla="*/ 1875829 w 1881147"/>
                <a:gd name="connsiteY75" fmla="*/ 1461670 h 1698899"/>
                <a:gd name="connsiteX76" fmla="*/ 1875051 w 1881147"/>
                <a:gd name="connsiteY76" fmla="*/ 1400936 h 1698899"/>
                <a:gd name="connsiteX77" fmla="*/ 1853086 w 1881147"/>
                <a:gd name="connsiteY77" fmla="*/ 1310793 h 1698899"/>
                <a:gd name="connsiteX78" fmla="*/ 1853086 w 1881147"/>
                <a:gd name="connsiteY78" fmla="*/ 1253643 h 1698899"/>
                <a:gd name="connsiteX79" fmla="*/ 1810224 w 1881147"/>
                <a:gd name="connsiteY79" fmla="*/ 1244118 h 1698899"/>
                <a:gd name="connsiteX80" fmla="*/ 1734024 w 1881147"/>
                <a:gd name="connsiteY80" fmla="*/ 1163155 h 1698899"/>
                <a:gd name="connsiteX81" fmla="*/ 1695924 w 1881147"/>
                <a:gd name="connsiteY81" fmla="*/ 982180 h 1698899"/>
                <a:gd name="connsiteX82" fmla="*/ 1643536 w 1881147"/>
                <a:gd name="connsiteY82" fmla="*/ 948843 h 1698899"/>
                <a:gd name="connsiteX83" fmla="*/ 1605436 w 1881147"/>
                <a:gd name="connsiteY83" fmla="*/ 891693 h 1698899"/>
                <a:gd name="connsiteX84" fmla="*/ 1557811 w 1881147"/>
                <a:gd name="connsiteY84" fmla="*/ 844068 h 1698899"/>
                <a:gd name="connsiteX85" fmla="*/ 1505424 w 1881147"/>
                <a:gd name="connsiteY85" fmla="*/ 825018 h 1698899"/>
                <a:gd name="connsiteX86" fmla="*/ 1453036 w 1881147"/>
                <a:gd name="connsiteY86" fmla="*/ 820255 h 1698899"/>
                <a:gd name="connsiteX87" fmla="*/ 1510186 w 1881147"/>
                <a:gd name="connsiteY87" fmla="*/ 786918 h 1698899"/>
                <a:gd name="connsiteX88" fmla="*/ 1476849 w 1881147"/>
                <a:gd name="connsiteY88" fmla="*/ 753580 h 1698899"/>
                <a:gd name="connsiteX89" fmla="*/ 1481611 w 1881147"/>
                <a:gd name="connsiteY89" fmla="*/ 729768 h 1698899"/>
                <a:gd name="connsiteX90" fmla="*/ 1572099 w 1881147"/>
                <a:gd name="connsiteY90" fmla="*/ 767868 h 1698899"/>
                <a:gd name="connsiteX91" fmla="*/ 1624486 w 1881147"/>
                <a:gd name="connsiteY91" fmla="*/ 701193 h 1698899"/>
                <a:gd name="connsiteX92" fmla="*/ 1622283 w 1881147"/>
                <a:gd name="connsiteY92" fmla="*/ 558318 h 1698899"/>
                <a:gd name="connsiteX93" fmla="*/ 1639486 w 1881147"/>
                <a:gd name="connsiteY93" fmla="*/ 409992 h 1698899"/>
                <a:gd name="connsiteX0" fmla="*/ 1639486 w 1881147"/>
                <a:gd name="connsiteY0" fmla="*/ 410565 h 1699472"/>
                <a:gd name="connsiteX1" fmla="*/ 1567336 w 1881147"/>
                <a:gd name="connsiteY1" fmla="*/ 377916 h 1699472"/>
                <a:gd name="connsiteX2" fmla="*/ 1477087 w 1881147"/>
                <a:gd name="connsiteY2" fmla="*/ 354103 h 1699472"/>
                <a:gd name="connsiteX3" fmla="*/ 1423767 w 1881147"/>
                <a:gd name="connsiteY3" fmla="*/ 277019 h 1699472"/>
                <a:gd name="connsiteX4" fmla="*/ 1395785 w 1881147"/>
                <a:gd name="connsiteY4" fmla="*/ 175174 h 1699472"/>
                <a:gd name="connsiteX5" fmla="*/ 1364769 w 1881147"/>
                <a:gd name="connsiteY5" fmla="*/ 7112 h 1699472"/>
                <a:gd name="connsiteX6" fmla="*/ 1282757 w 1881147"/>
                <a:gd name="connsiteY6" fmla="*/ 43704 h 1699472"/>
                <a:gd name="connsiteX7" fmla="*/ 1275927 w 1881147"/>
                <a:gd name="connsiteY7" fmla="*/ 157546 h 1699472"/>
                <a:gd name="connsiteX8" fmla="*/ 1214911 w 1881147"/>
                <a:gd name="connsiteY8" fmla="*/ 163603 h 1699472"/>
                <a:gd name="connsiteX9" fmla="*/ 1186336 w 1881147"/>
                <a:gd name="connsiteY9" fmla="*/ 192178 h 1699472"/>
                <a:gd name="connsiteX10" fmla="*/ 1176811 w 1881147"/>
                <a:gd name="connsiteY10" fmla="*/ 263616 h 1699472"/>
                <a:gd name="connsiteX11" fmla="*/ 1114899 w 1881147"/>
                <a:gd name="connsiteY11" fmla="*/ 306478 h 1699472"/>
                <a:gd name="connsiteX12" fmla="*/ 1005361 w 1881147"/>
                <a:gd name="connsiteY12" fmla="*/ 320766 h 1699472"/>
                <a:gd name="connsiteX13" fmla="*/ 962499 w 1881147"/>
                <a:gd name="connsiteY13" fmla="*/ 363628 h 1699472"/>
                <a:gd name="connsiteX14" fmla="*/ 838674 w 1881147"/>
                <a:gd name="connsiteY14" fmla="*/ 363628 h 1699472"/>
                <a:gd name="connsiteX15" fmla="*/ 781524 w 1881147"/>
                <a:gd name="connsiteY15" fmla="*/ 435066 h 1699472"/>
                <a:gd name="connsiteX16" fmla="*/ 781524 w 1881147"/>
                <a:gd name="connsiteY16" fmla="*/ 468403 h 1699472"/>
                <a:gd name="connsiteX17" fmla="*/ 743424 w 1881147"/>
                <a:gd name="connsiteY17" fmla="*/ 492216 h 1699472"/>
                <a:gd name="connsiteX18" fmla="*/ 671986 w 1881147"/>
                <a:gd name="connsiteY18" fmla="*/ 425541 h 1699472"/>
                <a:gd name="connsiteX19" fmla="*/ 519586 w 1881147"/>
                <a:gd name="connsiteY19" fmla="*/ 420778 h 1699472"/>
                <a:gd name="connsiteX20" fmla="*/ 457674 w 1881147"/>
                <a:gd name="connsiteY20" fmla="*/ 439828 h 1699472"/>
                <a:gd name="connsiteX21" fmla="*/ 419574 w 1881147"/>
                <a:gd name="connsiteY21" fmla="*/ 425541 h 1699472"/>
                <a:gd name="connsiteX22" fmla="*/ 400524 w 1881147"/>
                <a:gd name="connsiteY22" fmla="*/ 363628 h 1699472"/>
                <a:gd name="connsiteX23" fmla="*/ 333849 w 1881147"/>
                <a:gd name="connsiteY23" fmla="*/ 311241 h 1699472"/>
                <a:gd name="connsiteX24" fmla="*/ 286224 w 1881147"/>
                <a:gd name="connsiteY24" fmla="*/ 244566 h 1699472"/>
                <a:gd name="connsiteX25" fmla="*/ 143349 w 1881147"/>
                <a:gd name="connsiteY25" fmla="*/ 263616 h 1699472"/>
                <a:gd name="connsiteX26" fmla="*/ 124299 w 1881147"/>
                <a:gd name="connsiteY26" fmla="*/ 339816 h 1699472"/>
                <a:gd name="connsiteX27" fmla="*/ 110011 w 1881147"/>
                <a:gd name="connsiteY27" fmla="*/ 373153 h 1699472"/>
                <a:gd name="connsiteX28" fmla="*/ 133824 w 1881147"/>
                <a:gd name="connsiteY28" fmla="*/ 420778 h 1699472"/>
                <a:gd name="connsiteX29" fmla="*/ 81436 w 1881147"/>
                <a:gd name="connsiteY29" fmla="*/ 458878 h 1699472"/>
                <a:gd name="connsiteX30" fmla="*/ 33811 w 1881147"/>
                <a:gd name="connsiteY30" fmla="*/ 454116 h 1699472"/>
                <a:gd name="connsiteX31" fmla="*/ 33811 w 1881147"/>
                <a:gd name="connsiteY31" fmla="*/ 525553 h 1699472"/>
                <a:gd name="connsiteX32" fmla="*/ 474 w 1881147"/>
                <a:gd name="connsiteY32" fmla="*/ 630328 h 1699472"/>
                <a:gd name="connsiteX33" fmla="*/ 62386 w 1881147"/>
                <a:gd name="connsiteY33" fmla="*/ 706528 h 1699472"/>
                <a:gd name="connsiteX34" fmla="*/ 111977 w 1881147"/>
                <a:gd name="connsiteY34" fmla="*/ 686790 h 1699472"/>
                <a:gd name="connsiteX35" fmla="*/ 112334 w 1881147"/>
                <a:gd name="connsiteY35" fmla="*/ 757049 h 1699472"/>
                <a:gd name="connsiteX36" fmla="*/ 167161 w 1881147"/>
                <a:gd name="connsiteY36" fmla="*/ 787491 h 1699472"/>
                <a:gd name="connsiteX37" fmla="*/ 236159 w 1881147"/>
                <a:gd name="connsiteY37" fmla="*/ 797703 h 1699472"/>
                <a:gd name="connsiteX38" fmla="*/ 271462 w 1881147"/>
                <a:gd name="connsiteY38" fmla="*/ 853674 h 1699472"/>
                <a:gd name="connsiteX39" fmla="*/ 270869 w 1881147"/>
                <a:gd name="connsiteY39" fmla="*/ 898746 h 1699472"/>
                <a:gd name="connsiteX40" fmla="*/ 295393 w 1881147"/>
                <a:gd name="connsiteY40" fmla="*/ 938221 h 1699472"/>
                <a:gd name="connsiteX41" fmla="*/ 341051 w 1881147"/>
                <a:gd name="connsiteY41" fmla="*/ 976813 h 1699472"/>
                <a:gd name="connsiteX42" fmla="*/ 426184 w 1881147"/>
                <a:gd name="connsiteY42" fmla="*/ 1031065 h 1699472"/>
                <a:gd name="connsiteX43" fmla="*/ 461961 w 1881147"/>
                <a:gd name="connsiteY43" fmla="*/ 1102158 h 1699472"/>
                <a:gd name="connsiteX44" fmla="*/ 441064 w 1881147"/>
                <a:gd name="connsiteY44" fmla="*/ 1171731 h 1699472"/>
                <a:gd name="connsiteX45" fmla="*/ 519111 w 1881147"/>
                <a:gd name="connsiteY45" fmla="*/ 1228194 h 1699472"/>
                <a:gd name="connsiteX46" fmla="*/ 591143 w 1881147"/>
                <a:gd name="connsiteY46" fmla="*/ 1261188 h 1699472"/>
                <a:gd name="connsiteX47" fmla="*/ 571974 w 1881147"/>
                <a:gd name="connsiteY47" fmla="*/ 1320891 h 1699472"/>
                <a:gd name="connsiteX48" fmla="*/ 662461 w 1881147"/>
                <a:gd name="connsiteY48" fmla="*/ 1473291 h 1699472"/>
                <a:gd name="connsiteX49" fmla="*/ 755271 w 1881147"/>
                <a:gd name="connsiteY49" fmla="*/ 1546445 h 1699472"/>
                <a:gd name="connsiteX50" fmla="*/ 805336 w 1881147"/>
                <a:gd name="connsiteY50" fmla="*/ 1497103 h 1699472"/>
                <a:gd name="connsiteX51" fmla="*/ 869926 w 1881147"/>
                <a:gd name="connsiteY51" fmla="*/ 1524500 h 1699472"/>
                <a:gd name="connsiteX52" fmla="*/ 924399 w 1881147"/>
                <a:gd name="connsiteY52" fmla="*/ 1492341 h 1699472"/>
                <a:gd name="connsiteX53" fmla="*/ 941246 w 1881147"/>
                <a:gd name="connsiteY53" fmla="*/ 1450165 h 1699472"/>
                <a:gd name="connsiteX54" fmla="*/ 1005123 w 1881147"/>
                <a:gd name="connsiteY54" fmla="*/ 1536577 h 1699472"/>
                <a:gd name="connsiteX55" fmla="*/ 1050190 w 1881147"/>
                <a:gd name="connsiteY55" fmla="*/ 1607671 h 1699472"/>
                <a:gd name="connsiteX56" fmla="*/ 1120136 w 1881147"/>
                <a:gd name="connsiteY56" fmla="*/ 1699190 h 1699472"/>
                <a:gd name="connsiteX57" fmla="*/ 1151034 w 1881147"/>
                <a:gd name="connsiteY57" fmla="*/ 1636099 h 1699472"/>
                <a:gd name="connsiteX58" fmla="*/ 1181693 w 1881147"/>
                <a:gd name="connsiteY58" fmla="*/ 1629619 h 1699472"/>
                <a:gd name="connsiteX59" fmla="*/ 1224792 w 1881147"/>
                <a:gd name="connsiteY59" fmla="*/ 1658882 h 1699472"/>
                <a:gd name="connsiteX60" fmla="*/ 1258367 w 1881147"/>
                <a:gd name="connsiteY60" fmla="*/ 1618228 h 1699472"/>
                <a:gd name="connsiteX61" fmla="*/ 1277188 w 1881147"/>
                <a:gd name="connsiteY61" fmla="*/ 1622845 h 1699472"/>
                <a:gd name="connsiteX62" fmla="*/ 1311230 w 1881147"/>
                <a:gd name="connsiteY62" fmla="*/ 1689322 h 1699472"/>
                <a:gd name="connsiteX63" fmla="*/ 1367786 w 1881147"/>
                <a:gd name="connsiteY63" fmla="*/ 1665853 h 1699472"/>
                <a:gd name="connsiteX64" fmla="*/ 1419818 w 1881147"/>
                <a:gd name="connsiteY64" fmla="*/ 1609732 h 1699472"/>
                <a:gd name="connsiteX65" fmla="*/ 1470595 w 1881147"/>
                <a:gd name="connsiteY65" fmla="*/ 1593189 h 1699472"/>
                <a:gd name="connsiteX66" fmla="*/ 1488274 w 1881147"/>
                <a:gd name="connsiteY66" fmla="*/ 1649011 h 1699472"/>
                <a:gd name="connsiteX67" fmla="*/ 1558169 w 1881147"/>
                <a:gd name="connsiteY67" fmla="*/ 1623333 h 1699472"/>
                <a:gd name="connsiteX68" fmla="*/ 1588947 w 1881147"/>
                <a:gd name="connsiteY68" fmla="*/ 1536577 h 1699472"/>
                <a:gd name="connsiteX69" fmla="*/ 1670383 w 1881147"/>
                <a:gd name="connsiteY69" fmla="*/ 1446435 h 1699472"/>
                <a:gd name="connsiteX70" fmla="*/ 1714974 w 1881147"/>
                <a:gd name="connsiteY70" fmla="*/ 1415305 h 1699472"/>
                <a:gd name="connsiteX71" fmla="*/ 1743343 w 1881147"/>
                <a:gd name="connsiteY71" fmla="*/ 1418600 h 1699472"/>
                <a:gd name="connsiteX72" fmla="*/ 1820935 w 1881147"/>
                <a:gd name="connsiteY72" fmla="*/ 1407992 h 1699472"/>
                <a:gd name="connsiteX73" fmla="*/ 1816054 w 1881147"/>
                <a:gd name="connsiteY73" fmla="*/ 1461556 h 1699472"/>
                <a:gd name="connsiteX74" fmla="*/ 1874221 w 1881147"/>
                <a:gd name="connsiteY74" fmla="*/ 1484877 h 1699472"/>
                <a:gd name="connsiteX75" fmla="*/ 1875829 w 1881147"/>
                <a:gd name="connsiteY75" fmla="*/ 1462243 h 1699472"/>
                <a:gd name="connsiteX76" fmla="*/ 1875051 w 1881147"/>
                <a:gd name="connsiteY76" fmla="*/ 1401509 h 1699472"/>
                <a:gd name="connsiteX77" fmla="*/ 1853086 w 1881147"/>
                <a:gd name="connsiteY77" fmla="*/ 1311366 h 1699472"/>
                <a:gd name="connsiteX78" fmla="*/ 1853086 w 1881147"/>
                <a:gd name="connsiteY78" fmla="*/ 1254216 h 1699472"/>
                <a:gd name="connsiteX79" fmla="*/ 1810224 w 1881147"/>
                <a:gd name="connsiteY79" fmla="*/ 1244691 h 1699472"/>
                <a:gd name="connsiteX80" fmla="*/ 1734024 w 1881147"/>
                <a:gd name="connsiteY80" fmla="*/ 1163728 h 1699472"/>
                <a:gd name="connsiteX81" fmla="*/ 1695924 w 1881147"/>
                <a:gd name="connsiteY81" fmla="*/ 982753 h 1699472"/>
                <a:gd name="connsiteX82" fmla="*/ 1643536 w 1881147"/>
                <a:gd name="connsiteY82" fmla="*/ 949416 h 1699472"/>
                <a:gd name="connsiteX83" fmla="*/ 1605436 w 1881147"/>
                <a:gd name="connsiteY83" fmla="*/ 892266 h 1699472"/>
                <a:gd name="connsiteX84" fmla="*/ 1557811 w 1881147"/>
                <a:gd name="connsiteY84" fmla="*/ 844641 h 1699472"/>
                <a:gd name="connsiteX85" fmla="*/ 1505424 w 1881147"/>
                <a:gd name="connsiteY85" fmla="*/ 825591 h 1699472"/>
                <a:gd name="connsiteX86" fmla="*/ 1453036 w 1881147"/>
                <a:gd name="connsiteY86" fmla="*/ 820828 h 1699472"/>
                <a:gd name="connsiteX87" fmla="*/ 1510186 w 1881147"/>
                <a:gd name="connsiteY87" fmla="*/ 787491 h 1699472"/>
                <a:gd name="connsiteX88" fmla="*/ 1476849 w 1881147"/>
                <a:gd name="connsiteY88" fmla="*/ 754153 h 1699472"/>
                <a:gd name="connsiteX89" fmla="*/ 1481611 w 1881147"/>
                <a:gd name="connsiteY89" fmla="*/ 730341 h 1699472"/>
                <a:gd name="connsiteX90" fmla="*/ 1572099 w 1881147"/>
                <a:gd name="connsiteY90" fmla="*/ 768441 h 1699472"/>
                <a:gd name="connsiteX91" fmla="*/ 1624486 w 1881147"/>
                <a:gd name="connsiteY91" fmla="*/ 701766 h 1699472"/>
                <a:gd name="connsiteX92" fmla="*/ 1622283 w 1881147"/>
                <a:gd name="connsiteY92" fmla="*/ 558891 h 1699472"/>
                <a:gd name="connsiteX93" fmla="*/ 1639486 w 1881147"/>
                <a:gd name="connsiteY93" fmla="*/ 410565 h 1699472"/>
                <a:gd name="connsiteX0" fmla="*/ 1639486 w 1881147"/>
                <a:gd name="connsiteY0" fmla="*/ 408922 h 1697829"/>
                <a:gd name="connsiteX1" fmla="*/ 1567336 w 1881147"/>
                <a:gd name="connsiteY1" fmla="*/ 376273 h 1697829"/>
                <a:gd name="connsiteX2" fmla="*/ 1477087 w 1881147"/>
                <a:gd name="connsiteY2" fmla="*/ 352460 h 1697829"/>
                <a:gd name="connsiteX3" fmla="*/ 1423767 w 1881147"/>
                <a:gd name="connsiteY3" fmla="*/ 275376 h 1697829"/>
                <a:gd name="connsiteX4" fmla="*/ 1395785 w 1881147"/>
                <a:gd name="connsiteY4" fmla="*/ 173531 h 1697829"/>
                <a:gd name="connsiteX5" fmla="*/ 1364769 w 1881147"/>
                <a:gd name="connsiteY5" fmla="*/ 5469 h 1697829"/>
                <a:gd name="connsiteX6" fmla="*/ 1282757 w 1881147"/>
                <a:gd name="connsiteY6" fmla="*/ 42061 h 1697829"/>
                <a:gd name="connsiteX7" fmla="*/ 1294272 w 1881147"/>
                <a:gd name="connsiteY7" fmla="*/ 53629 h 1697829"/>
                <a:gd name="connsiteX8" fmla="*/ 1275927 w 1881147"/>
                <a:gd name="connsiteY8" fmla="*/ 155903 h 1697829"/>
                <a:gd name="connsiteX9" fmla="*/ 1214911 w 1881147"/>
                <a:gd name="connsiteY9" fmla="*/ 161960 h 1697829"/>
                <a:gd name="connsiteX10" fmla="*/ 1186336 w 1881147"/>
                <a:gd name="connsiteY10" fmla="*/ 190535 h 1697829"/>
                <a:gd name="connsiteX11" fmla="*/ 1176811 w 1881147"/>
                <a:gd name="connsiteY11" fmla="*/ 261973 h 1697829"/>
                <a:gd name="connsiteX12" fmla="*/ 1114899 w 1881147"/>
                <a:gd name="connsiteY12" fmla="*/ 304835 h 1697829"/>
                <a:gd name="connsiteX13" fmla="*/ 1005361 w 1881147"/>
                <a:gd name="connsiteY13" fmla="*/ 319123 h 1697829"/>
                <a:gd name="connsiteX14" fmla="*/ 962499 w 1881147"/>
                <a:gd name="connsiteY14" fmla="*/ 361985 h 1697829"/>
                <a:gd name="connsiteX15" fmla="*/ 838674 w 1881147"/>
                <a:gd name="connsiteY15" fmla="*/ 361985 h 1697829"/>
                <a:gd name="connsiteX16" fmla="*/ 781524 w 1881147"/>
                <a:gd name="connsiteY16" fmla="*/ 433423 h 1697829"/>
                <a:gd name="connsiteX17" fmla="*/ 781524 w 1881147"/>
                <a:gd name="connsiteY17" fmla="*/ 466760 h 1697829"/>
                <a:gd name="connsiteX18" fmla="*/ 743424 w 1881147"/>
                <a:gd name="connsiteY18" fmla="*/ 490573 h 1697829"/>
                <a:gd name="connsiteX19" fmla="*/ 671986 w 1881147"/>
                <a:gd name="connsiteY19" fmla="*/ 423898 h 1697829"/>
                <a:gd name="connsiteX20" fmla="*/ 519586 w 1881147"/>
                <a:gd name="connsiteY20" fmla="*/ 419135 h 1697829"/>
                <a:gd name="connsiteX21" fmla="*/ 457674 w 1881147"/>
                <a:gd name="connsiteY21" fmla="*/ 438185 h 1697829"/>
                <a:gd name="connsiteX22" fmla="*/ 419574 w 1881147"/>
                <a:gd name="connsiteY22" fmla="*/ 423898 h 1697829"/>
                <a:gd name="connsiteX23" fmla="*/ 400524 w 1881147"/>
                <a:gd name="connsiteY23" fmla="*/ 361985 h 1697829"/>
                <a:gd name="connsiteX24" fmla="*/ 333849 w 1881147"/>
                <a:gd name="connsiteY24" fmla="*/ 309598 h 1697829"/>
                <a:gd name="connsiteX25" fmla="*/ 286224 w 1881147"/>
                <a:gd name="connsiteY25" fmla="*/ 242923 h 1697829"/>
                <a:gd name="connsiteX26" fmla="*/ 143349 w 1881147"/>
                <a:gd name="connsiteY26" fmla="*/ 261973 h 1697829"/>
                <a:gd name="connsiteX27" fmla="*/ 124299 w 1881147"/>
                <a:gd name="connsiteY27" fmla="*/ 338173 h 1697829"/>
                <a:gd name="connsiteX28" fmla="*/ 110011 w 1881147"/>
                <a:gd name="connsiteY28" fmla="*/ 371510 h 1697829"/>
                <a:gd name="connsiteX29" fmla="*/ 133824 w 1881147"/>
                <a:gd name="connsiteY29" fmla="*/ 419135 h 1697829"/>
                <a:gd name="connsiteX30" fmla="*/ 81436 w 1881147"/>
                <a:gd name="connsiteY30" fmla="*/ 457235 h 1697829"/>
                <a:gd name="connsiteX31" fmla="*/ 33811 w 1881147"/>
                <a:gd name="connsiteY31" fmla="*/ 452473 h 1697829"/>
                <a:gd name="connsiteX32" fmla="*/ 33811 w 1881147"/>
                <a:gd name="connsiteY32" fmla="*/ 523910 h 1697829"/>
                <a:gd name="connsiteX33" fmla="*/ 474 w 1881147"/>
                <a:gd name="connsiteY33" fmla="*/ 628685 h 1697829"/>
                <a:gd name="connsiteX34" fmla="*/ 62386 w 1881147"/>
                <a:gd name="connsiteY34" fmla="*/ 704885 h 1697829"/>
                <a:gd name="connsiteX35" fmla="*/ 111977 w 1881147"/>
                <a:gd name="connsiteY35" fmla="*/ 685147 h 1697829"/>
                <a:gd name="connsiteX36" fmla="*/ 112334 w 1881147"/>
                <a:gd name="connsiteY36" fmla="*/ 755406 h 1697829"/>
                <a:gd name="connsiteX37" fmla="*/ 167161 w 1881147"/>
                <a:gd name="connsiteY37" fmla="*/ 785848 h 1697829"/>
                <a:gd name="connsiteX38" fmla="*/ 236159 w 1881147"/>
                <a:gd name="connsiteY38" fmla="*/ 796060 h 1697829"/>
                <a:gd name="connsiteX39" fmla="*/ 271462 w 1881147"/>
                <a:gd name="connsiteY39" fmla="*/ 852031 h 1697829"/>
                <a:gd name="connsiteX40" fmla="*/ 270869 w 1881147"/>
                <a:gd name="connsiteY40" fmla="*/ 897103 h 1697829"/>
                <a:gd name="connsiteX41" fmla="*/ 295393 w 1881147"/>
                <a:gd name="connsiteY41" fmla="*/ 936578 h 1697829"/>
                <a:gd name="connsiteX42" fmla="*/ 341051 w 1881147"/>
                <a:gd name="connsiteY42" fmla="*/ 975170 h 1697829"/>
                <a:gd name="connsiteX43" fmla="*/ 426184 w 1881147"/>
                <a:gd name="connsiteY43" fmla="*/ 1029422 h 1697829"/>
                <a:gd name="connsiteX44" fmla="*/ 461961 w 1881147"/>
                <a:gd name="connsiteY44" fmla="*/ 1100515 h 1697829"/>
                <a:gd name="connsiteX45" fmla="*/ 441064 w 1881147"/>
                <a:gd name="connsiteY45" fmla="*/ 1170088 h 1697829"/>
                <a:gd name="connsiteX46" fmla="*/ 519111 w 1881147"/>
                <a:gd name="connsiteY46" fmla="*/ 1226551 h 1697829"/>
                <a:gd name="connsiteX47" fmla="*/ 591143 w 1881147"/>
                <a:gd name="connsiteY47" fmla="*/ 1259545 h 1697829"/>
                <a:gd name="connsiteX48" fmla="*/ 571974 w 1881147"/>
                <a:gd name="connsiteY48" fmla="*/ 1319248 h 1697829"/>
                <a:gd name="connsiteX49" fmla="*/ 662461 w 1881147"/>
                <a:gd name="connsiteY49" fmla="*/ 1471648 h 1697829"/>
                <a:gd name="connsiteX50" fmla="*/ 755271 w 1881147"/>
                <a:gd name="connsiteY50" fmla="*/ 1544802 h 1697829"/>
                <a:gd name="connsiteX51" fmla="*/ 805336 w 1881147"/>
                <a:gd name="connsiteY51" fmla="*/ 1495460 h 1697829"/>
                <a:gd name="connsiteX52" fmla="*/ 869926 w 1881147"/>
                <a:gd name="connsiteY52" fmla="*/ 1522857 h 1697829"/>
                <a:gd name="connsiteX53" fmla="*/ 924399 w 1881147"/>
                <a:gd name="connsiteY53" fmla="*/ 1490698 h 1697829"/>
                <a:gd name="connsiteX54" fmla="*/ 941246 w 1881147"/>
                <a:gd name="connsiteY54" fmla="*/ 1448522 h 1697829"/>
                <a:gd name="connsiteX55" fmla="*/ 1005123 w 1881147"/>
                <a:gd name="connsiteY55" fmla="*/ 1534934 h 1697829"/>
                <a:gd name="connsiteX56" fmla="*/ 1050190 w 1881147"/>
                <a:gd name="connsiteY56" fmla="*/ 1606028 h 1697829"/>
                <a:gd name="connsiteX57" fmla="*/ 1120136 w 1881147"/>
                <a:gd name="connsiteY57" fmla="*/ 1697547 h 1697829"/>
                <a:gd name="connsiteX58" fmla="*/ 1151034 w 1881147"/>
                <a:gd name="connsiteY58" fmla="*/ 1634456 h 1697829"/>
                <a:gd name="connsiteX59" fmla="*/ 1181693 w 1881147"/>
                <a:gd name="connsiteY59" fmla="*/ 1627976 h 1697829"/>
                <a:gd name="connsiteX60" fmla="*/ 1224792 w 1881147"/>
                <a:gd name="connsiteY60" fmla="*/ 1657239 h 1697829"/>
                <a:gd name="connsiteX61" fmla="*/ 1258367 w 1881147"/>
                <a:gd name="connsiteY61" fmla="*/ 1616585 h 1697829"/>
                <a:gd name="connsiteX62" fmla="*/ 1277188 w 1881147"/>
                <a:gd name="connsiteY62" fmla="*/ 1621202 h 1697829"/>
                <a:gd name="connsiteX63" fmla="*/ 1311230 w 1881147"/>
                <a:gd name="connsiteY63" fmla="*/ 1687679 h 1697829"/>
                <a:gd name="connsiteX64" fmla="*/ 1367786 w 1881147"/>
                <a:gd name="connsiteY64" fmla="*/ 1664210 h 1697829"/>
                <a:gd name="connsiteX65" fmla="*/ 1419818 w 1881147"/>
                <a:gd name="connsiteY65" fmla="*/ 1608089 h 1697829"/>
                <a:gd name="connsiteX66" fmla="*/ 1470595 w 1881147"/>
                <a:gd name="connsiteY66" fmla="*/ 1591546 h 1697829"/>
                <a:gd name="connsiteX67" fmla="*/ 1488274 w 1881147"/>
                <a:gd name="connsiteY67" fmla="*/ 1647368 h 1697829"/>
                <a:gd name="connsiteX68" fmla="*/ 1558169 w 1881147"/>
                <a:gd name="connsiteY68" fmla="*/ 1621690 h 1697829"/>
                <a:gd name="connsiteX69" fmla="*/ 1588947 w 1881147"/>
                <a:gd name="connsiteY69" fmla="*/ 1534934 h 1697829"/>
                <a:gd name="connsiteX70" fmla="*/ 1670383 w 1881147"/>
                <a:gd name="connsiteY70" fmla="*/ 1444792 h 1697829"/>
                <a:gd name="connsiteX71" fmla="*/ 1714974 w 1881147"/>
                <a:gd name="connsiteY71" fmla="*/ 1413662 h 1697829"/>
                <a:gd name="connsiteX72" fmla="*/ 1743343 w 1881147"/>
                <a:gd name="connsiteY72" fmla="*/ 1416957 h 1697829"/>
                <a:gd name="connsiteX73" fmla="*/ 1820935 w 1881147"/>
                <a:gd name="connsiteY73" fmla="*/ 1406349 h 1697829"/>
                <a:gd name="connsiteX74" fmla="*/ 1816054 w 1881147"/>
                <a:gd name="connsiteY74" fmla="*/ 1459913 h 1697829"/>
                <a:gd name="connsiteX75" fmla="*/ 1874221 w 1881147"/>
                <a:gd name="connsiteY75" fmla="*/ 1483234 h 1697829"/>
                <a:gd name="connsiteX76" fmla="*/ 1875829 w 1881147"/>
                <a:gd name="connsiteY76" fmla="*/ 1460600 h 1697829"/>
                <a:gd name="connsiteX77" fmla="*/ 1875051 w 1881147"/>
                <a:gd name="connsiteY77" fmla="*/ 1399866 h 1697829"/>
                <a:gd name="connsiteX78" fmla="*/ 1853086 w 1881147"/>
                <a:gd name="connsiteY78" fmla="*/ 1309723 h 1697829"/>
                <a:gd name="connsiteX79" fmla="*/ 1853086 w 1881147"/>
                <a:gd name="connsiteY79" fmla="*/ 1252573 h 1697829"/>
                <a:gd name="connsiteX80" fmla="*/ 1810224 w 1881147"/>
                <a:gd name="connsiteY80" fmla="*/ 1243048 h 1697829"/>
                <a:gd name="connsiteX81" fmla="*/ 1734024 w 1881147"/>
                <a:gd name="connsiteY81" fmla="*/ 1162085 h 1697829"/>
                <a:gd name="connsiteX82" fmla="*/ 1695924 w 1881147"/>
                <a:gd name="connsiteY82" fmla="*/ 981110 h 1697829"/>
                <a:gd name="connsiteX83" fmla="*/ 1643536 w 1881147"/>
                <a:gd name="connsiteY83" fmla="*/ 947773 h 1697829"/>
                <a:gd name="connsiteX84" fmla="*/ 1605436 w 1881147"/>
                <a:gd name="connsiteY84" fmla="*/ 890623 h 1697829"/>
                <a:gd name="connsiteX85" fmla="*/ 1557811 w 1881147"/>
                <a:gd name="connsiteY85" fmla="*/ 842998 h 1697829"/>
                <a:gd name="connsiteX86" fmla="*/ 1505424 w 1881147"/>
                <a:gd name="connsiteY86" fmla="*/ 823948 h 1697829"/>
                <a:gd name="connsiteX87" fmla="*/ 1453036 w 1881147"/>
                <a:gd name="connsiteY87" fmla="*/ 819185 h 1697829"/>
                <a:gd name="connsiteX88" fmla="*/ 1510186 w 1881147"/>
                <a:gd name="connsiteY88" fmla="*/ 785848 h 1697829"/>
                <a:gd name="connsiteX89" fmla="*/ 1476849 w 1881147"/>
                <a:gd name="connsiteY89" fmla="*/ 752510 h 1697829"/>
                <a:gd name="connsiteX90" fmla="*/ 1481611 w 1881147"/>
                <a:gd name="connsiteY90" fmla="*/ 728698 h 1697829"/>
                <a:gd name="connsiteX91" fmla="*/ 1572099 w 1881147"/>
                <a:gd name="connsiteY91" fmla="*/ 766798 h 1697829"/>
                <a:gd name="connsiteX92" fmla="*/ 1624486 w 1881147"/>
                <a:gd name="connsiteY92" fmla="*/ 700123 h 1697829"/>
                <a:gd name="connsiteX93" fmla="*/ 1622283 w 1881147"/>
                <a:gd name="connsiteY93" fmla="*/ 557248 h 1697829"/>
                <a:gd name="connsiteX94" fmla="*/ 1639486 w 1881147"/>
                <a:gd name="connsiteY94" fmla="*/ 408922 h 1697829"/>
                <a:gd name="connsiteX0" fmla="*/ 1639486 w 1881147"/>
                <a:gd name="connsiteY0" fmla="*/ 408922 h 1697829"/>
                <a:gd name="connsiteX1" fmla="*/ 1567336 w 1881147"/>
                <a:gd name="connsiteY1" fmla="*/ 376273 h 1697829"/>
                <a:gd name="connsiteX2" fmla="*/ 1477087 w 1881147"/>
                <a:gd name="connsiteY2" fmla="*/ 352460 h 1697829"/>
                <a:gd name="connsiteX3" fmla="*/ 1423767 w 1881147"/>
                <a:gd name="connsiteY3" fmla="*/ 275376 h 1697829"/>
                <a:gd name="connsiteX4" fmla="*/ 1395785 w 1881147"/>
                <a:gd name="connsiteY4" fmla="*/ 173531 h 1697829"/>
                <a:gd name="connsiteX5" fmla="*/ 1364769 w 1881147"/>
                <a:gd name="connsiteY5" fmla="*/ 5469 h 1697829"/>
                <a:gd name="connsiteX6" fmla="*/ 1282757 w 1881147"/>
                <a:gd name="connsiteY6" fmla="*/ 42061 h 1697829"/>
                <a:gd name="connsiteX7" fmla="*/ 1294272 w 1881147"/>
                <a:gd name="connsiteY7" fmla="*/ 53629 h 1697829"/>
                <a:gd name="connsiteX8" fmla="*/ 1275927 w 1881147"/>
                <a:gd name="connsiteY8" fmla="*/ 155903 h 1697829"/>
                <a:gd name="connsiteX9" fmla="*/ 1214911 w 1881147"/>
                <a:gd name="connsiteY9" fmla="*/ 161960 h 1697829"/>
                <a:gd name="connsiteX10" fmla="*/ 1186336 w 1881147"/>
                <a:gd name="connsiteY10" fmla="*/ 190535 h 1697829"/>
                <a:gd name="connsiteX11" fmla="*/ 1176811 w 1881147"/>
                <a:gd name="connsiteY11" fmla="*/ 261973 h 1697829"/>
                <a:gd name="connsiteX12" fmla="*/ 1114899 w 1881147"/>
                <a:gd name="connsiteY12" fmla="*/ 304835 h 1697829"/>
                <a:gd name="connsiteX13" fmla="*/ 1005361 w 1881147"/>
                <a:gd name="connsiteY13" fmla="*/ 319123 h 1697829"/>
                <a:gd name="connsiteX14" fmla="*/ 962499 w 1881147"/>
                <a:gd name="connsiteY14" fmla="*/ 361985 h 1697829"/>
                <a:gd name="connsiteX15" fmla="*/ 838674 w 1881147"/>
                <a:gd name="connsiteY15" fmla="*/ 361985 h 1697829"/>
                <a:gd name="connsiteX16" fmla="*/ 781524 w 1881147"/>
                <a:gd name="connsiteY16" fmla="*/ 433423 h 1697829"/>
                <a:gd name="connsiteX17" fmla="*/ 781524 w 1881147"/>
                <a:gd name="connsiteY17" fmla="*/ 466760 h 1697829"/>
                <a:gd name="connsiteX18" fmla="*/ 743424 w 1881147"/>
                <a:gd name="connsiteY18" fmla="*/ 490573 h 1697829"/>
                <a:gd name="connsiteX19" fmla="*/ 671986 w 1881147"/>
                <a:gd name="connsiteY19" fmla="*/ 423898 h 1697829"/>
                <a:gd name="connsiteX20" fmla="*/ 519586 w 1881147"/>
                <a:gd name="connsiteY20" fmla="*/ 419135 h 1697829"/>
                <a:gd name="connsiteX21" fmla="*/ 457674 w 1881147"/>
                <a:gd name="connsiteY21" fmla="*/ 438185 h 1697829"/>
                <a:gd name="connsiteX22" fmla="*/ 419574 w 1881147"/>
                <a:gd name="connsiteY22" fmla="*/ 423898 h 1697829"/>
                <a:gd name="connsiteX23" fmla="*/ 400524 w 1881147"/>
                <a:gd name="connsiteY23" fmla="*/ 361985 h 1697829"/>
                <a:gd name="connsiteX24" fmla="*/ 333849 w 1881147"/>
                <a:gd name="connsiteY24" fmla="*/ 309598 h 1697829"/>
                <a:gd name="connsiteX25" fmla="*/ 286224 w 1881147"/>
                <a:gd name="connsiteY25" fmla="*/ 242923 h 1697829"/>
                <a:gd name="connsiteX26" fmla="*/ 143349 w 1881147"/>
                <a:gd name="connsiteY26" fmla="*/ 261973 h 1697829"/>
                <a:gd name="connsiteX27" fmla="*/ 124299 w 1881147"/>
                <a:gd name="connsiteY27" fmla="*/ 338173 h 1697829"/>
                <a:gd name="connsiteX28" fmla="*/ 110011 w 1881147"/>
                <a:gd name="connsiteY28" fmla="*/ 371510 h 1697829"/>
                <a:gd name="connsiteX29" fmla="*/ 133824 w 1881147"/>
                <a:gd name="connsiteY29" fmla="*/ 419135 h 1697829"/>
                <a:gd name="connsiteX30" fmla="*/ 81436 w 1881147"/>
                <a:gd name="connsiteY30" fmla="*/ 457235 h 1697829"/>
                <a:gd name="connsiteX31" fmla="*/ 33811 w 1881147"/>
                <a:gd name="connsiteY31" fmla="*/ 452473 h 1697829"/>
                <a:gd name="connsiteX32" fmla="*/ 33811 w 1881147"/>
                <a:gd name="connsiteY32" fmla="*/ 523910 h 1697829"/>
                <a:gd name="connsiteX33" fmla="*/ 474 w 1881147"/>
                <a:gd name="connsiteY33" fmla="*/ 628685 h 1697829"/>
                <a:gd name="connsiteX34" fmla="*/ 62386 w 1881147"/>
                <a:gd name="connsiteY34" fmla="*/ 704885 h 1697829"/>
                <a:gd name="connsiteX35" fmla="*/ 111977 w 1881147"/>
                <a:gd name="connsiteY35" fmla="*/ 685147 h 1697829"/>
                <a:gd name="connsiteX36" fmla="*/ 112334 w 1881147"/>
                <a:gd name="connsiteY36" fmla="*/ 755406 h 1697829"/>
                <a:gd name="connsiteX37" fmla="*/ 167161 w 1881147"/>
                <a:gd name="connsiteY37" fmla="*/ 785848 h 1697829"/>
                <a:gd name="connsiteX38" fmla="*/ 236159 w 1881147"/>
                <a:gd name="connsiteY38" fmla="*/ 796060 h 1697829"/>
                <a:gd name="connsiteX39" fmla="*/ 271462 w 1881147"/>
                <a:gd name="connsiteY39" fmla="*/ 852031 h 1697829"/>
                <a:gd name="connsiteX40" fmla="*/ 270869 w 1881147"/>
                <a:gd name="connsiteY40" fmla="*/ 897103 h 1697829"/>
                <a:gd name="connsiteX41" fmla="*/ 295393 w 1881147"/>
                <a:gd name="connsiteY41" fmla="*/ 936578 h 1697829"/>
                <a:gd name="connsiteX42" fmla="*/ 341051 w 1881147"/>
                <a:gd name="connsiteY42" fmla="*/ 975170 h 1697829"/>
                <a:gd name="connsiteX43" fmla="*/ 426184 w 1881147"/>
                <a:gd name="connsiteY43" fmla="*/ 1029422 h 1697829"/>
                <a:gd name="connsiteX44" fmla="*/ 461961 w 1881147"/>
                <a:gd name="connsiteY44" fmla="*/ 1100515 h 1697829"/>
                <a:gd name="connsiteX45" fmla="*/ 441064 w 1881147"/>
                <a:gd name="connsiteY45" fmla="*/ 1170088 h 1697829"/>
                <a:gd name="connsiteX46" fmla="*/ 519111 w 1881147"/>
                <a:gd name="connsiteY46" fmla="*/ 1226551 h 1697829"/>
                <a:gd name="connsiteX47" fmla="*/ 591143 w 1881147"/>
                <a:gd name="connsiteY47" fmla="*/ 1259545 h 1697829"/>
                <a:gd name="connsiteX48" fmla="*/ 571974 w 1881147"/>
                <a:gd name="connsiteY48" fmla="*/ 1319248 h 1697829"/>
                <a:gd name="connsiteX49" fmla="*/ 662461 w 1881147"/>
                <a:gd name="connsiteY49" fmla="*/ 1471648 h 1697829"/>
                <a:gd name="connsiteX50" fmla="*/ 755271 w 1881147"/>
                <a:gd name="connsiteY50" fmla="*/ 1544802 h 1697829"/>
                <a:gd name="connsiteX51" fmla="*/ 805336 w 1881147"/>
                <a:gd name="connsiteY51" fmla="*/ 1495460 h 1697829"/>
                <a:gd name="connsiteX52" fmla="*/ 869926 w 1881147"/>
                <a:gd name="connsiteY52" fmla="*/ 1522857 h 1697829"/>
                <a:gd name="connsiteX53" fmla="*/ 924399 w 1881147"/>
                <a:gd name="connsiteY53" fmla="*/ 1490698 h 1697829"/>
                <a:gd name="connsiteX54" fmla="*/ 941246 w 1881147"/>
                <a:gd name="connsiteY54" fmla="*/ 1448522 h 1697829"/>
                <a:gd name="connsiteX55" fmla="*/ 1005123 w 1881147"/>
                <a:gd name="connsiteY55" fmla="*/ 1534934 h 1697829"/>
                <a:gd name="connsiteX56" fmla="*/ 1050190 w 1881147"/>
                <a:gd name="connsiteY56" fmla="*/ 1606028 h 1697829"/>
                <a:gd name="connsiteX57" fmla="*/ 1120136 w 1881147"/>
                <a:gd name="connsiteY57" fmla="*/ 1697547 h 1697829"/>
                <a:gd name="connsiteX58" fmla="*/ 1151034 w 1881147"/>
                <a:gd name="connsiteY58" fmla="*/ 1634456 h 1697829"/>
                <a:gd name="connsiteX59" fmla="*/ 1181693 w 1881147"/>
                <a:gd name="connsiteY59" fmla="*/ 1627976 h 1697829"/>
                <a:gd name="connsiteX60" fmla="*/ 1224792 w 1881147"/>
                <a:gd name="connsiteY60" fmla="*/ 1657239 h 1697829"/>
                <a:gd name="connsiteX61" fmla="*/ 1258367 w 1881147"/>
                <a:gd name="connsiteY61" fmla="*/ 1616585 h 1697829"/>
                <a:gd name="connsiteX62" fmla="*/ 1277188 w 1881147"/>
                <a:gd name="connsiteY62" fmla="*/ 1621202 h 1697829"/>
                <a:gd name="connsiteX63" fmla="*/ 1311230 w 1881147"/>
                <a:gd name="connsiteY63" fmla="*/ 1687679 h 1697829"/>
                <a:gd name="connsiteX64" fmla="*/ 1367786 w 1881147"/>
                <a:gd name="connsiteY64" fmla="*/ 1664210 h 1697829"/>
                <a:gd name="connsiteX65" fmla="*/ 1419818 w 1881147"/>
                <a:gd name="connsiteY65" fmla="*/ 1608089 h 1697829"/>
                <a:gd name="connsiteX66" fmla="*/ 1470595 w 1881147"/>
                <a:gd name="connsiteY66" fmla="*/ 1591546 h 1697829"/>
                <a:gd name="connsiteX67" fmla="*/ 1488274 w 1881147"/>
                <a:gd name="connsiteY67" fmla="*/ 1647368 h 1697829"/>
                <a:gd name="connsiteX68" fmla="*/ 1558169 w 1881147"/>
                <a:gd name="connsiteY68" fmla="*/ 1621690 h 1697829"/>
                <a:gd name="connsiteX69" fmla="*/ 1588947 w 1881147"/>
                <a:gd name="connsiteY69" fmla="*/ 1534934 h 1697829"/>
                <a:gd name="connsiteX70" fmla="*/ 1670383 w 1881147"/>
                <a:gd name="connsiteY70" fmla="*/ 1444792 h 1697829"/>
                <a:gd name="connsiteX71" fmla="*/ 1714974 w 1881147"/>
                <a:gd name="connsiteY71" fmla="*/ 1413662 h 1697829"/>
                <a:gd name="connsiteX72" fmla="*/ 1743343 w 1881147"/>
                <a:gd name="connsiteY72" fmla="*/ 1416957 h 1697829"/>
                <a:gd name="connsiteX73" fmla="*/ 1820935 w 1881147"/>
                <a:gd name="connsiteY73" fmla="*/ 1406349 h 1697829"/>
                <a:gd name="connsiteX74" fmla="*/ 1816054 w 1881147"/>
                <a:gd name="connsiteY74" fmla="*/ 1459913 h 1697829"/>
                <a:gd name="connsiteX75" fmla="*/ 1874221 w 1881147"/>
                <a:gd name="connsiteY75" fmla="*/ 1483234 h 1697829"/>
                <a:gd name="connsiteX76" fmla="*/ 1875829 w 1881147"/>
                <a:gd name="connsiteY76" fmla="*/ 1460600 h 1697829"/>
                <a:gd name="connsiteX77" fmla="*/ 1875051 w 1881147"/>
                <a:gd name="connsiteY77" fmla="*/ 1399866 h 1697829"/>
                <a:gd name="connsiteX78" fmla="*/ 1853086 w 1881147"/>
                <a:gd name="connsiteY78" fmla="*/ 1309723 h 1697829"/>
                <a:gd name="connsiteX79" fmla="*/ 1853086 w 1881147"/>
                <a:gd name="connsiteY79" fmla="*/ 1252573 h 1697829"/>
                <a:gd name="connsiteX80" fmla="*/ 1810224 w 1881147"/>
                <a:gd name="connsiteY80" fmla="*/ 1243048 h 1697829"/>
                <a:gd name="connsiteX81" fmla="*/ 1734024 w 1881147"/>
                <a:gd name="connsiteY81" fmla="*/ 1162085 h 1697829"/>
                <a:gd name="connsiteX82" fmla="*/ 1695924 w 1881147"/>
                <a:gd name="connsiteY82" fmla="*/ 981110 h 1697829"/>
                <a:gd name="connsiteX83" fmla="*/ 1643536 w 1881147"/>
                <a:gd name="connsiteY83" fmla="*/ 947773 h 1697829"/>
                <a:gd name="connsiteX84" fmla="*/ 1605436 w 1881147"/>
                <a:gd name="connsiteY84" fmla="*/ 890623 h 1697829"/>
                <a:gd name="connsiteX85" fmla="*/ 1557811 w 1881147"/>
                <a:gd name="connsiteY85" fmla="*/ 842998 h 1697829"/>
                <a:gd name="connsiteX86" fmla="*/ 1505424 w 1881147"/>
                <a:gd name="connsiteY86" fmla="*/ 823948 h 1697829"/>
                <a:gd name="connsiteX87" fmla="*/ 1453036 w 1881147"/>
                <a:gd name="connsiteY87" fmla="*/ 819185 h 1697829"/>
                <a:gd name="connsiteX88" fmla="*/ 1510186 w 1881147"/>
                <a:gd name="connsiteY88" fmla="*/ 785848 h 1697829"/>
                <a:gd name="connsiteX89" fmla="*/ 1476849 w 1881147"/>
                <a:gd name="connsiteY89" fmla="*/ 752510 h 1697829"/>
                <a:gd name="connsiteX90" fmla="*/ 1481611 w 1881147"/>
                <a:gd name="connsiteY90" fmla="*/ 728698 h 1697829"/>
                <a:gd name="connsiteX91" fmla="*/ 1572099 w 1881147"/>
                <a:gd name="connsiteY91" fmla="*/ 766798 h 1697829"/>
                <a:gd name="connsiteX92" fmla="*/ 1624486 w 1881147"/>
                <a:gd name="connsiteY92" fmla="*/ 700123 h 1697829"/>
                <a:gd name="connsiteX93" fmla="*/ 1622283 w 1881147"/>
                <a:gd name="connsiteY93" fmla="*/ 557248 h 1697829"/>
                <a:gd name="connsiteX94" fmla="*/ 1639486 w 1881147"/>
                <a:gd name="connsiteY94" fmla="*/ 408922 h 1697829"/>
                <a:gd name="connsiteX0" fmla="*/ 1639486 w 1881147"/>
                <a:gd name="connsiteY0" fmla="*/ 409649 h 1698556"/>
                <a:gd name="connsiteX1" fmla="*/ 1567336 w 1881147"/>
                <a:gd name="connsiteY1" fmla="*/ 377000 h 1698556"/>
                <a:gd name="connsiteX2" fmla="*/ 1477087 w 1881147"/>
                <a:gd name="connsiteY2" fmla="*/ 353187 h 1698556"/>
                <a:gd name="connsiteX3" fmla="*/ 1423767 w 1881147"/>
                <a:gd name="connsiteY3" fmla="*/ 276103 h 1698556"/>
                <a:gd name="connsiteX4" fmla="*/ 1395785 w 1881147"/>
                <a:gd name="connsiteY4" fmla="*/ 174258 h 1698556"/>
                <a:gd name="connsiteX5" fmla="*/ 1364769 w 1881147"/>
                <a:gd name="connsiteY5" fmla="*/ 6196 h 1698556"/>
                <a:gd name="connsiteX6" fmla="*/ 1282757 w 1881147"/>
                <a:gd name="connsiteY6" fmla="*/ 42788 h 1698556"/>
                <a:gd name="connsiteX7" fmla="*/ 1291832 w 1881147"/>
                <a:gd name="connsiteY7" fmla="*/ 105417 h 1698556"/>
                <a:gd name="connsiteX8" fmla="*/ 1275927 w 1881147"/>
                <a:gd name="connsiteY8" fmla="*/ 156630 h 1698556"/>
                <a:gd name="connsiteX9" fmla="*/ 1214911 w 1881147"/>
                <a:gd name="connsiteY9" fmla="*/ 162687 h 1698556"/>
                <a:gd name="connsiteX10" fmla="*/ 1186336 w 1881147"/>
                <a:gd name="connsiteY10" fmla="*/ 191262 h 1698556"/>
                <a:gd name="connsiteX11" fmla="*/ 1176811 w 1881147"/>
                <a:gd name="connsiteY11" fmla="*/ 262700 h 1698556"/>
                <a:gd name="connsiteX12" fmla="*/ 1114899 w 1881147"/>
                <a:gd name="connsiteY12" fmla="*/ 305562 h 1698556"/>
                <a:gd name="connsiteX13" fmla="*/ 1005361 w 1881147"/>
                <a:gd name="connsiteY13" fmla="*/ 319850 h 1698556"/>
                <a:gd name="connsiteX14" fmla="*/ 962499 w 1881147"/>
                <a:gd name="connsiteY14" fmla="*/ 362712 h 1698556"/>
                <a:gd name="connsiteX15" fmla="*/ 838674 w 1881147"/>
                <a:gd name="connsiteY15" fmla="*/ 362712 h 1698556"/>
                <a:gd name="connsiteX16" fmla="*/ 781524 w 1881147"/>
                <a:gd name="connsiteY16" fmla="*/ 434150 h 1698556"/>
                <a:gd name="connsiteX17" fmla="*/ 781524 w 1881147"/>
                <a:gd name="connsiteY17" fmla="*/ 467487 h 1698556"/>
                <a:gd name="connsiteX18" fmla="*/ 743424 w 1881147"/>
                <a:gd name="connsiteY18" fmla="*/ 491300 h 1698556"/>
                <a:gd name="connsiteX19" fmla="*/ 671986 w 1881147"/>
                <a:gd name="connsiteY19" fmla="*/ 424625 h 1698556"/>
                <a:gd name="connsiteX20" fmla="*/ 519586 w 1881147"/>
                <a:gd name="connsiteY20" fmla="*/ 419862 h 1698556"/>
                <a:gd name="connsiteX21" fmla="*/ 457674 w 1881147"/>
                <a:gd name="connsiteY21" fmla="*/ 438912 h 1698556"/>
                <a:gd name="connsiteX22" fmla="*/ 419574 w 1881147"/>
                <a:gd name="connsiteY22" fmla="*/ 424625 h 1698556"/>
                <a:gd name="connsiteX23" fmla="*/ 400524 w 1881147"/>
                <a:gd name="connsiteY23" fmla="*/ 362712 h 1698556"/>
                <a:gd name="connsiteX24" fmla="*/ 333849 w 1881147"/>
                <a:gd name="connsiteY24" fmla="*/ 310325 h 1698556"/>
                <a:gd name="connsiteX25" fmla="*/ 286224 w 1881147"/>
                <a:gd name="connsiteY25" fmla="*/ 243650 h 1698556"/>
                <a:gd name="connsiteX26" fmla="*/ 143349 w 1881147"/>
                <a:gd name="connsiteY26" fmla="*/ 262700 h 1698556"/>
                <a:gd name="connsiteX27" fmla="*/ 124299 w 1881147"/>
                <a:gd name="connsiteY27" fmla="*/ 338900 h 1698556"/>
                <a:gd name="connsiteX28" fmla="*/ 110011 w 1881147"/>
                <a:gd name="connsiteY28" fmla="*/ 372237 h 1698556"/>
                <a:gd name="connsiteX29" fmla="*/ 133824 w 1881147"/>
                <a:gd name="connsiteY29" fmla="*/ 419862 h 1698556"/>
                <a:gd name="connsiteX30" fmla="*/ 81436 w 1881147"/>
                <a:gd name="connsiteY30" fmla="*/ 457962 h 1698556"/>
                <a:gd name="connsiteX31" fmla="*/ 33811 w 1881147"/>
                <a:gd name="connsiteY31" fmla="*/ 453200 h 1698556"/>
                <a:gd name="connsiteX32" fmla="*/ 33811 w 1881147"/>
                <a:gd name="connsiteY32" fmla="*/ 524637 h 1698556"/>
                <a:gd name="connsiteX33" fmla="*/ 474 w 1881147"/>
                <a:gd name="connsiteY33" fmla="*/ 629412 h 1698556"/>
                <a:gd name="connsiteX34" fmla="*/ 62386 w 1881147"/>
                <a:gd name="connsiteY34" fmla="*/ 705612 h 1698556"/>
                <a:gd name="connsiteX35" fmla="*/ 111977 w 1881147"/>
                <a:gd name="connsiteY35" fmla="*/ 685874 h 1698556"/>
                <a:gd name="connsiteX36" fmla="*/ 112334 w 1881147"/>
                <a:gd name="connsiteY36" fmla="*/ 756133 h 1698556"/>
                <a:gd name="connsiteX37" fmla="*/ 167161 w 1881147"/>
                <a:gd name="connsiteY37" fmla="*/ 786575 h 1698556"/>
                <a:gd name="connsiteX38" fmla="*/ 236159 w 1881147"/>
                <a:gd name="connsiteY38" fmla="*/ 796787 h 1698556"/>
                <a:gd name="connsiteX39" fmla="*/ 271462 w 1881147"/>
                <a:gd name="connsiteY39" fmla="*/ 852758 h 1698556"/>
                <a:gd name="connsiteX40" fmla="*/ 270869 w 1881147"/>
                <a:gd name="connsiteY40" fmla="*/ 897830 h 1698556"/>
                <a:gd name="connsiteX41" fmla="*/ 295393 w 1881147"/>
                <a:gd name="connsiteY41" fmla="*/ 937305 h 1698556"/>
                <a:gd name="connsiteX42" fmla="*/ 341051 w 1881147"/>
                <a:gd name="connsiteY42" fmla="*/ 975897 h 1698556"/>
                <a:gd name="connsiteX43" fmla="*/ 426184 w 1881147"/>
                <a:gd name="connsiteY43" fmla="*/ 1030149 h 1698556"/>
                <a:gd name="connsiteX44" fmla="*/ 461961 w 1881147"/>
                <a:gd name="connsiteY44" fmla="*/ 1101242 h 1698556"/>
                <a:gd name="connsiteX45" fmla="*/ 441064 w 1881147"/>
                <a:gd name="connsiteY45" fmla="*/ 1170815 h 1698556"/>
                <a:gd name="connsiteX46" fmla="*/ 519111 w 1881147"/>
                <a:gd name="connsiteY46" fmla="*/ 1227278 h 1698556"/>
                <a:gd name="connsiteX47" fmla="*/ 591143 w 1881147"/>
                <a:gd name="connsiteY47" fmla="*/ 1260272 h 1698556"/>
                <a:gd name="connsiteX48" fmla="*/ 571974 w 1881147"/>
                <a:gd name="connsiteY48" fmla="*/ 1319975 h 1698556"/>
                <a:gd name="connsiteX49" fmla="*/ 662461 w 1881147"/>
                <a:gd name="connsiteY49" fmla="*/ 1472375 h 1698556"/>
                <a:gd name="connsiteX50" fmla="*/ 755271 w 1881147"/>
                <a:gd name="connsiteY50" fmla="*/ 1545529 h 1698556"/>
                <a:gd name="connsiteX51" fmla="*/ 805336 w 1881147"/>
                <a:gd name="connsiteY51" fmla="*/ 1496187 h 1698556"/>
                <a:gd name="connsiteX52" fmla="*/ 869926 w 1881147"/>
                <a:gd name="connsiteY52" fmla="*/ 1523584 h 1698556"/>
                <a:gd name="connsiteX53" fmla="*/ 924399 w 1881147"/>
                <a:gd name="connsiteY53" fmla="*/ 1491425 h 1698556"/>
                <a:gd name="connsiteX54" fmla="*/ 941246 w 1881147"/>
                <a:gd name="connsiteY54" fmla="*/ 1449249 h 1698556"/>
                <a:gd name="connsiteX55" fmla="*/ 1005123 w 1881147"/>
                <a:gd name="connsiteY55" fmla="*/ 1535661 h 1698556"/>
                <a:gd name="connsiteX56" fmla="*/ 1050190 w 1881147"/>
                <a:gd name="connsiteY56" fmla="*/ 1606755 h 1698556"/>
                <a:gd name="connsiteX57" fmla="*/ 1120136 w 1881147"/>
                <a:gd name="connsiteY57" fmla="*/ 1698274 h 1698556"/>
                <a:gd name="connsiteX58" fmla="*/ 1151034 w 1881147"/>
                <a:gd name="connsiteY58" fmla="*/ 1635183 h 1698556"/>
                <a:gd name="connsiteX59" fmla="*/ 1181693 w 1881147"/>
                <a:gd name="connsiteY59" fmla="*/ 1628703 h 1698556"/>
                <a:gd name="connsiteX60" fmla="*/ 1224792 w 1881147"/>
                <a:gd name="connsiteY60" fmla="*/ 1657966 h 1698556"/>
                <a:gd name="connsiteX61" fmla="*/ 1258367 w 1881147"/>
                <a:gd name="connsiteY61" fmla="*/ 1617312 h 1698556"/>
                <a:gd name="connsiteX62" fmla="*/ 1277188 w 1881147"/>
                <a:gd name="connsiteY62" fmla="*/ 1621929 h 1698556"/>
                <a:gd name="connsiteX63" fmla="*/ 1311230 w 1881147"/>
                <a:gd name="connsiteY63" fmla="*/ 1688406 h 1698556"/>
                <a:gd name="connsiteX64" fmla="*/ 1367786 w 1881147"/>
                <a:gd name="connsiteY64" fmla="*/ 1664937 h 1698556"/>
                <a:gd name="connsiteX65" fmla="*/ 1419818 w 1881147"/>
                <a:gd name="connsiteY65" fmla="*/ 1608816 h 1698556"/>
                <a:gd name="connsiteX66" fmla="*/ 1470595 w 1881147"/>
                <a:gd name="connsiteY66" fmla="*/ 1592273 h 1698556"/>
                <a:gd name="connsiteX67" fmla="*/ 1488274 w 1881147"/>
                <a:gd name="connsiteY67" fmla="*/ 1648095 h 1698556"/>
                <a:gd name="connsiteX68" fmla="*/ 1558169 w 1881147"/>
                <a:gd name="connsiteY68" fmla="*/ 1622417 h 1698556"/>
                <a:gd name="connsiteX69" fmla="*/ 1588947 w 1881147"/>
                <a:gd name="connsiteY69" fmla="*/ 1535661 h 1698556"/>
                <a:gd name="connsiteX70" fmla="*/ 1670383 w 1881147"/>
                <a:gd name="connsiteY70" fmla="*/ 1445519 h 1698556"/>
                <a:gd name="connsiteX71" fmla="*/ 1714974 w 1881147"/>
                <a:gd name="connsiteY71" fmla="*/ 1414389 h 1698556"/>
                <a:gd name="connsiteX72" fmla="*/ 1743343 w 1881147"/>
                <a:gd name="connsiteY72" fmla="*/ 1417684 h 1698556"/>
                <a:gd name="connsiteX73" fmla="*/ 1820935 w 1881147"/>
                <a:gd name="connsiteY73" fmla="*/ 1407076 h 1698556"/>
                <a:gd name="connsiteX74" fmla="*/ 1816054 w 1881147"/>
                <a:gd name="connsiteY74" fmla="*/ 1460640 h 1698556"/>
                <a:gd name="connsiteX75" fmla="*/ 1874221 w 1881147"/>
                <a:gd name="connsiteY75" fmla="*/ 1483961 h 1698556"/>
                <a:gd name="connsiteX76" fmla="*/ 1875829 w 1881147"/>
                <a:gd name="connsiteY76" fmla="*/ 1461327 h 1698556"/>
                <a:gd name="connsiteX77" fmla="*/ 1875051 w 1881147"/>
                <a:gd name="connsiteY77" fmla="*/ 1400593 h 1698556"/>
                <a:gd name="connsiteX78" fmla="*/ 1853086 w 1881147"/>
                <a:gd name="connsiteY78" fmla="*/ 1310450 h 1698556"/>
                <a:gd name="connsiteX79" fmla="*/ 1853086 w 1881147"/>
                <a:gd name="connsiteY79" fmla="*/ 1253300 h 1698556"/>
                <a:gd name="connsiteX80" fmla="*/ 1810224 w 1881147"/>
                <a:gd name="connsiteY80" fmla="*/ 1243775 h 1698556"/>
                <a:gd name="connsiteX81" fmla="*/ 1734024 w 1881147"/>
                <a:gd name="connsiteY81" fmla="*/ 1162812 h 1698556"/>
                <a:gd name="connsiteX82" fmla="*/ 1695924 w 1881147"/>
                <a:gd name="connsiteY82" fmla="*/ 981837 h 1698556"/>
                <a:gd name="connsiteX83" fmla="*/ 1643536 w 1881147"/>
                <a:gd name="connsiteY83" fmla="*/ 948500 h 1698556"/>
                <a:gd name="connsiteX84" fmla="*/ 1605436 w 1881147"/>
                <a:gd name="connsiteY84" fmla="*/ 891350 h 1698556"/>
                <a:gd name="connsiteX85" fmla="*/ 1557811 w 1881147"/>
                <a:gd name="connsiteY85" fmla="*/ 843725 h 1698556"/>
                <a:gd name="connsiteX86" fmla="*/ 1505424 w 1881147"/>
                <a:gd name="connsiteY86" fmla="*/ 824675 h 1698556"/>
                <a:gd name="connsiteX87" fmla="*/ 1453036 w 1881147"/>
                <a:gd name="connsiteY87" fmla="*/ 819912 h 1698556"/>
                <a:gd name="connsiteX88" fmla="*/ 1510186 w 1881147"/>
                <a:gd name="connsiteY88" fmla="*/ 786575 h 1698556"/>
                <a:gd name="connsiteX89" fmla="*/ 1476849 w 1881147"/>
                <a:gd name="connsiteY89" fmla="*/ 753237 h 1698556"/>
                <a:gd name="connsiteX90" fmla="*/ 1481611 w 1881147"/>
                <a:gd name="connsiteY90" fmla="*/ 729425 h 1698556"/>
                <a:gd name="connsiteX91" fmla="*/ 1572099 w 1881147"/>
                <a:gd name="connsiteY91" fmla="*/ 767525 h 1698556"/>
                <a:gd name="connsiteX92" fmla="*/ 1624486 w 1881147"/>
                <a:gd name="connsiteY92" fmla="*/ 700850 h 1698556"/>
                <a:gd name="connsiteX93" fmla="*/ 1622283 w 1881147"/>
                <a:gd name="connsiteY93" fmla="*/ 557975 h 1698556"/>
                <a:gd name="connsiteX94" fmla="*/ 1639486 w 1881147"/>
                <a:gd name="connsiteY94" fmla="*/ 409649 h 1698556"/>
                <a:gd name="connsiteX0" fmla="*/ 1639486 w 1881147"/>
                <a:gd name="connsiteY0" fmla="*/ 411844 h 1700751"/>
                <a:gd name="connsiteX1" fmla="*/ 1567336 w 1881147"/>
                <a:gd name="connsiteY1" fmla="*/ 379195 h 1700751"/>
                <a:gd name="connsiteX2" fmla="*/ 1477087 w 1881147"/>
                <a:gd name="connsiteY2" fmla="*/ 355382 h 1700751"/>
                <a:gd name="connsiteX3" fmla="*/ 1423767 w 1881147"/>
                <a:gd name="connsiteY3" fmla="*/ 278298 h 1700751"/>
                <a:gd name="connsiteX4" fmla="*/ 1395785 w 1881147"/>
                <a:gd name="connsiteY4" fmla="*/ 176453 h 1700751"/>
                <a:gd name="connsiteX5" fmla="*/ 1364769 w 1881147"/>
                <a:gd name="connsiteY5" fmla="*/ 8391 h 1700751"/>
                <a:gd name="connsiteX6" fmla="*/ 1282757 w 1881147"/>
                <a:gd name="connsiteY6" fmla="*/ 44983 h 1700751"/>
                <a:gd name="connsiteX7" fmla="*/ 1291832 w 1881147"/>
                <a:gd name="connsiteY7" fmla="*/ 107612 h 1700751"/>
                <a:gd name="connsiteX8" fmla="*/ 1275927 w 1881147"/>
                <a:gd name="connsiteY8" fmla="*/ 158825 h 1700751"/>
                <a:gd name="connsiteX9" fmla="*/ 1214911 w 1881147"/>
                <a:gd name="connsiteY9" fmla="*/ 164882 h 1700751"/>
                <a:gd name="connsiteX10" fmla="*/ 1186336 w 1881147"/>
                <a:gd name="connsiteY10" fmla="*/ 193457 h 1700751"/>
                <a:gd name="connsiteX11" fmla="*/ 1176811 w 1881147"/>
                <a:gd name="connsiteY11" fmla="*/ 264895 h 1700751"/>
                <a:gd name="connsiteX12" fmla="*/ 1114899 w 1881147"/>
                <a:gd name="connsiteY12" fmla="*/ 307757 h 1700751"/>
                <a:gd name="connsiteX13" fmla="*/ 1005361 w 1881147"/>
                <a:gd name="connsiteY13" fmla="*/ 322045 h 1700751"/>
                <a:gd name="connsiteX14" fmla="*/ 962499 w 1881147"/>
                <a:gd name="connsiteY14" fmla="*/ 364907 h 1700751"/>
                <a:gd name="connsiteX15" fmla="*/ 838674 w 1881147"/>
                <a:gd name="connsiteY15" fmla="*/ 364907 h 1700751"/>
                <a:gd name="connsiteX16" fmla="*/ 781524 w 1881147"/>
                <a:gd name="connsiteY16" fmla="*/ 436345 h 1700751"/>
                <a:gd name="connsiteX17" fmla="*/ 781524 w 1881147"/>
                <a:gd name="connsiteY17" fmla="*/ 469682 h 1700751"/>
                <a:gd name="connsiteX18" fmla="*/ 743424 w 1881147"/>
                <a:gd name="connsiteY18" fmla="*/ 493495 h 1700751"/>
                <a:gd name="connsiteX19" fmla="*/ 671986 w 1881147"/>
                <a:gd name="connsiteY19" fmla="*/ 426820 h 1700751"/>
                <a:gd name="connsiteX20" fmla="*/ 519586 w 1881147"/>
                <a:gd name="connsiteY20" fmla="*/ 422057 h 1700751"/>
                <a:gd name="connsiteX21" fmla="*/ 457674 w 1881147"/>
                <a:gd name="connsiteY21" fmla="*/ 441107 h 1700751"/>
                <a:gd name="connsiteX22" fmla="*/ 419574 w 1881147"/>
                <a:gd name="connsiteY22" fmla="*/ 426820 h 1700751"/>
                <a:gd name="connsiteX23" fmla="*/ 400524 w 1881147"/>
                <a:gd name="connsiteY23" fmla="*/ 364907 h 1700751"/>
                <a:gd name="connsiteX24" fmla="*/ 333849 w 1881147"/>
                <a:gd name="connsiteY24" fmla="*/ 312520 h 1700751"/>
                <a:gd name="connsiteX25" fmla="*/ 286224 w 1881147"/>
                <a:gd name="connsiteY25" fmla="*/ 245845 h 1700751"/>
                <a:gd name="connsiteX26" fmla="*/ 143349 w 1881147"/>
                <a:gd name="connsiteY26" fmla="*/ 264895 h 1700751"/>
                <a:gd name="connsiteX27" fmla="*/ 124299 w 1881147"/>
                <a:gd name="connsiteY27" fmla="*/ 341095 h 1700751"/>
                <a:gd name="connsiteX28" fmla="*/ 110011 w 1881147"/>
                <a:gd name="connsiteY28" fmla="*/ 374432 h 1700751"/>
                <a:gd name="connsiteX29" fmla="*/ 133824 w 1881147"/>
                <a:gd name="connsiteY29" fmla="*/ 422057 h 1700751"/>
                <a:gd name="connsiteX30" fmla="*/ 81436 w 1881147"/>
                <a:gd name="connsiteY30" fmla="*/ 460157 h 1700751"/>
                <a:gd name="connsiteX31" fmla="*/ 33811 w 1881147"/>
                <a:gd name="connsiteY31" fmla="*/ 455395 h 1700751"/>
                <a:gd name="connsiteX32" fmla="*/ 33811 w 1881147"/>
                <a:gd name="connsiteY32" fmla="*/ 526832 h 1700751"/>
                <a:gd name="connsiteX33" fmla="*/ 474 w 1881147"/>
                <a:gd name="connsiteY33" fmla="*/ 631607 h 1700751"/>
                <a:gd name="connsiteX34" fmla="*/ 62386 w 1881147"/>
                <a:gd name="connsiteY34" fmla="*/ 707807 h 1700751"/>
                <a:gd name="connsiteX35" fmla="*/ 111977 w 1881147"/>
                <a:gd name="connsiteY35" fmla="*/ 688069 h 1700751"/>
                <a:gd name="connsiteX36" fmla="*/ 112334 w 1881147"/>
                <a:gd name="connsiteY36" fmla="*/ 758328 h 1700751"/>
                <a:gd name="connsiteX37" fmla="*/ 167161 w 1881147"/>
                <a:gd name="connsiteY37" fmla="*/ 788770 h 1700751"/>
                <a:gd name="connsiteX38" fmla="*/ 236159 w 1881147"/>
                <a:gd name="connsiteY38" fmla="*/ 798982 h 1700751"/>
                <a:gd name="connsiteX39" fmla="*/ 271462 w 1881147"/>
                <a:gd name="connsiteY39" fmla="*/ 854953 h 1700751"/>
                <a:gd name="connsiteX40" fmla="*/ 270869 w 1881147"/>
                <a:gd name="connsiteY40" fmla="*/ 900025 h 1700751"/>
                <a:gd name="connsiteX41" fmla="*/ 295393 w 1881147"/>
                <a:gd name="connsiteY41" fmla="*/ 939500 h 1700751"/>
                <a:gd name="connsiteX42" fmla="*/ 341051 w 1881147"/>
                <a:gd name="connsiteY42" fmla="*/ 978092 h 1700751"/>
                <a:gd name="connsiteX43" fmla="*/ 426184 w 1881147"/>
                <a:gd name="connsiteY43" fmla="*/ 1032344 h 1700751"/>
                <a:gd name="connsiteX44" fmla="*/ 461961 w 1881147"/>
                <a:gd name="connsiteY44" fmla="*/ 1103437 h 1700751"/>
                <a:gd name="connsiteX45" fmla="*/ 441064 w 1881147"/>
                <a:gd name="connsiteY45" fmla="*/ 1173010 h 1700751"/>
                <a:gd name="connsiteX46" fmla="*/ 519111 w 1881147"/>
                <a:gd name="connsiteY46" fmla="*/ 1229473 h 1700751"/>
                <a:gd name="connsiteX47" fmla="*/ 591143 w 1881147"/>
                <a:gd name="connsiteY47" fmla="*/ 1262467 h 1700751"/>
                <a:gd name="connsiteX48" fmla="*/ 571974 w 1881147"/>
                <a:gd name="connsiteY48" fmla="*/ 1322170 h 1700751"/>
                <a:gd name="connsiteX49" fmla="*/ 662461 w 1881147"/>
                <a:gd name="connsiteY49" fmla="*/ 1474570 h 1700751"/>
                <a:gd name="connsiteX50" fmla="*/ 755271 w 1881147"/>
                <a:gd name="connsiteY50" fmla="*/ 1547724 h 1700751"/>
                <a:gd name="connsiteX51" fmla="*/ 805336 w 1881147"/>
                <a:gd name="connsiteY51" fmla="*/ 1498382 h 1700751"/>
                <a:gd name="connsiteX52" fmla="*/ 869926 w 1881147"/>
                <a:gd name="connsiteY52" fmla="*/ 1525779 h 1700751"/>
                <a:gd name="connsiteX53" fmla="*/ 924399 w 1881147"/>
                <a:gd name="connsiteY53" fmla="*/ 1493620 h 1700751"/>
                <a:gd name="connsiteX54" fmla="*/ 941246 w 1881147"/>
                <a:gd name="connsiteY54" fmla="*/ 1451444 h 1700751"/>
                <a:gd name="connsiteX55" fmla="*/ 1005123 w 1881147"/>
                <a:gd name="connsiteY55" fmla="*/ 1537856 h 1700751"/>
                <a:gd name="connsiteX56" fmla="*/ 1050190 w 1881147"/>
                <a:gd name="connsiteY56" fmla="*/ 1608950 h 1700751"/>
                <a:gd name="connsiteX57" fmla="*/ 1120136 w 1881147"/>
                <a:gd name="connsiteY57" fmla="*/ 1700469 h 1700751"/>
                <a:gd name="connsiteX58" fmla="*/ 1151034 w 1881147"/>
                <a:gd name="connsiteY58" fmla="*/ 1637378 h 1700751"/>
                <a:gd name="connsiteX59" fmla="*/ 1181693 w 1881147"/>
                <a:gd name="connsiteY59" fmla="*/ 1630898 h 1700751"/>
                <a:gd name="connsiteX60" fmla="*/ 1224792 w 1881147"/>
                <a:gd name="connsiteY60" fmla="*/ 1660161 h 1700751"/>
                <a:gd name="connsiteX61" fmla="*/ 1258367 w 1881147"/>
                <a:gd name="connsiteY61" fmla="*/ 1619507 h 1700751"/>
                <a:gd name="connsiteX62" fmla="*/ 1277188 w 1881147"/>
                <a:gd name="connsiteY62" fmla="*/ 1624124 h 1700751"/>
                <a:gd name="connsiteX63" fmla="*/ 1311230 w 1881147"/>
                <a:gd name="connsiteY63" fmla="*/ 1690601 h 1700751"/>
                <a:gd name="connsiteX64" fmla="*/ 1367786 w 1881147"/>
                <a:gd name="connsiteY64" fmla="*/ 1667132 h 1700751"/>
                <a:gd name="connsiteX65" fmla="*/ 1419818 w 1881147"/>
                <a:gd name="connsiteY65" fmla="*/ 1611011 h 1700751"/>
                <a:gd name="connsiteX66" fmla="*/ 1470595 w 1881147"/>
                <a:gd name="connsiteY66" fmla="*/ 1594468 h 1700751"/>
                <a:gd name="connsiteX67" fmla="*/ 1488274 w 1881147"/>
                <a:gd name="connsiteY67" fmla="*/ 1650290 h 1700751"/>
                <a:gd name="connsiteX68" fmla="*/ 1558169 w 1881147"/>
                <a:gd name="connsiteY68" fmla="*/ 1624612 h 1700751"/>
                <a:gd name="connsiteX69" fmla="*/ 1588947 w 1881147"/>
                <a:gd name="connsiteY69" fmla="*/ 1537856 h 1700751"/>
                <a:gd name="connsiteX70" fmla="*/ 1670383 w 1881147"/>
                <a:gd name="connsiteY70" fmla="*/ 1447714 h 1700751"/>
                <a:gd name="connsiteX71" fmla="*/ 1714974 w 1881147"/>
                <a:gd name="connsiteY71" fmla="*/ 1416584 h 1700751"/>
                <a:gd name="connsiteX72" fmla="*/ 1743343 w 1881147"/>
                <a:gd name="connsiteY72" fmla="*/ 1419879 h 1700751"/>
                <a:gd name="connsiteX73" fmla="*/ 1820935 w 1881147"/>
                <a:gd name="connsiteY73" fmla="*/ 1409271 h 1700751"/>
                <a:gd name="connsiteX74" fmla="*/ 1816054 w 1881147"/>
                <a:gd name="connsiteY74" fmla="*/ 1462835 h 1700751"/>
                <a:gd name="connsiteX75" fmla="*/ 1874221 w 1881147"/>
                <a:gd name="connsiteY75" fmla="*/ 1486156 h 1700751"/>
                <a:gd name="connsiteX76" fmla="*/ 1875829 w 1881147"/>
                <a:gd name="connsiteY76" fmla="*/ 1463522 h 1700751"/>
                <a:gd name="connsiteX77" fmla="*/ 1875051 w 1881147"/>
                <a:gd name="connsiteY77" fmla="*/ 1402788 h 1700751"/>
                <a:gd name="connsiteX78" fmla="*/ 1853086 w 1881147"/>
                <a:gd name="connsiteY78" fmla="*/ 1312645 h 1700751"/>
                <a:gd name="connsiteX79" fmla="*/ 1853086 w 1881147"/>
                <a:gd name="connsiteY79" fmla="*/ 1255495 h 1700751"/>
                <a:gd name="connsiteX80" fmla="*/ 1810224 w 1881147"/>
                <a:gd name="connsiteY80" fmla="*/ 1245970 h 1700751"/>
                <a:gd name="connsiteX81" fmla="*/ 1734024 w 1881147"/>
                <a:gd name="connsiteY81" fmla="*/ 1165007 h 1700751"/>
                <a:gd name="connsiteX82" fmla="*/ 1695924 w 1881147"/>
                <a:gd name="connsiteY82" fmla="*/ 984032 h 1700751"/>
                <a:gd name="connsiteX83" fmla="*/ 1643536 w 1881147"/>
                <a:gd name="connsiteY83" fmla="*/ 950695 h 1700751"/>
                <a:gd name="connsiteX84" fmla="*/ 1605436 w 1881147"/>
                <a:gd name="connsiteY84" fmla="*/ 893545 h 1700751"/>
                <a:gd name="connsiteX85" fmla="*/ 1557811 w 1881147"/>
                <a:gd name="connsiteY85" fmla="*/ 845920 h 1700751"/>
                <a:gd name="connsiteX86" fmla="*/ 1505424 w 1881147"/>
                <a:gd name="connsiteY86" fmla="*/ 826870 h 1700751"/>
                <a:gd name="connsiteX87" fmla="*/ 1453036 w 1881147"/>
                <a:gd name="connsiteY87" fmla="*/ 822107 h 1700751"/>
                <a:gd name="connsiteX88" fmla="*/ 1510186 w 1881147"/>
                <a:gd name="connsiteY88" fmla="*/ 788770 h 1700751"/>
                <a:gd name="connsiteX89" fmla="*/ 1476849 w 1881147"/>
                <a:gd name="connsiteY89" fmla="*/ 755432 h 1700751"/>
                <a:gd name="connsiteX90" fmla="*/ 1481611 w 1881147"/>
                <a:gd name="connsiteY90" fmla="*/ 731620 h 1700751"/>
                <a:gd name="connsiteX91" fmla="*/ 1572099 w 1881147"/>
                <a:gd name="connsiteY91" fmla="*/ 769720 h 1700751"/>
                <a:gd name="connsiteX92" fmla="*/ 1624486 w 1881147"/>
                <a:gd name="connsiteY92" fmla="*/ 703045 h 1700751"/>
                <a:gd name="connsiteX93" fmla="*/ 1622283 w 1881147"/>
                <a:gd name="connsiteY93" fmla="*/ 560170 h 1700751"/>
                <a:gd name="connsiteX94" fmla="*/ 1639486 w 1881147"/>
                <a:gd name="connsiteY94" fmla="*/ 411844 h 1700751"/>
                <a:gd name="connsiteX0" fmla="*/ 1639486 w 1881147"/>
                <a:gd name="connsiteY0" fmla="*/ 410679 h 1699586"/>
                <a:gd name="connsiteX1" fmla="*/ 1567336 w 1881147"/>
                <a:gd name="connsiteY1" fmla="*/ 378030 h 1699586"/>
                <a:gd name="connsiteX2" fmla="*/ 1477087 w 1881147"/>
                <a:gd name="connsiteY2" fmla="*/ 354217 h 1699586"/>
                <a:gd name="connsiteX3" fmla="*/ 1423767 w 1881147"/>
                <a:gd name="connsiteY3" fmla="*/ 277133 h 1699586"/>
                <a:gd name="connsiteX4" fmla="*/ 1395785 w 1881147"/>
                <a:gd name="connsiteY4" fmla="*/ 175288 h 1699586"/>
                <a:gd name="connsiteX5" fmla="*/ 1364769 w 1881147"/>
                <a:gd name="connsiteY5" fmla="*/ 7226 h 1699586"/>
                <a:gd name="connsiteX6" fmla="*/ 1297400 w 1881147"/>
                <a:gd name="connsiteY6" fmla="*/ 48924 h 1699586"/>
                <a:gd name="connsiteX7" fmla="*/ 1291832 w 1881147"/>
                <a:gd name="connsiteY7" fmla="*/ 106447 h 1699586"/>
                <a:gd name="connsiteX8" fmla="*/ 1275927 w 1881147"/>
                <a:gd name="connsiteY8" fmla="*/ 157660 h 1699586"/>
                <a:gd name="connsiteX9" fmla="*/ 1214911 w 1881147"/>
                <a:gd name="connsiteY9" fmla="*/ 163717 h 1699586"/>
                <a:gd name="connsiteX10" fmla="*/ 1186336 w 1881147"/>
                <a:gd name="connsiteY10" fmla="*/ 192292 h 1699586"/>
                <a:gd name="connsiteX11" fmla="*/ 1176811 w 1881147"/>
                <a:gd name="connsiteY11" fmla="*/ 263730 h 1699586"/>
                <a:gd name="connsiteX12" fmla="*/ 1114899 w 1881147"/>
                <a:gd name="connsiteY12" fmla="*/ 306592 h 1699586"/>
                <a:gd name="connsiteX13" fmla="*/ 1005361 w 1881147"/>
                <a:gd name="connsiteY13" fmla="*/ 320880 h 1699586"/>
                <a:gd name="connsiteX14" fmla="*/ 962499 w 1881147"/>
                <a:gd name="connsiteY14" fmla="*/ 363742 h 1699586"/>
                <a:gd name="connsiteX15" fmla="*/ 838674 w 1881147"/>
                <a:gd name="connsiteY15" fmla="*/ 363742 h 1699586"/>
                <a:gd name="connsiteX16" fmla="*/ 781524 w 1881147"/>
                <a:gd name="connsiteY16" fmla="*/ 435180 h 1699586"/>
                <a:gd name="connsiteX17" fmla="*/ 781524 w 1881147"/>
                <a:gd name="connsiteY17" fmla="*/ 468517 h 1699586"/>
                <a:gd name="connsiteX18" fmla="*/ 743424 w 1881147"/>
                <a:gd name="connsiteY18" fmla="*/ 492330 h 1699586"/>
                <a:gd name="connsiteX19" fmla="*/ 671986 w 1881147"/>
                <a:gd name="connsiteY19" fmla="*/ 425655 h 1699586"/>
                <a:gd name="connsiteX20" fmla="*/ 519586 w 1881147"/>
                <a:gd name="connsiteY20" fmla="*/ 420892 h 1699586"/>
                <a:gd name="connsiteX21" fmla="*/ 457674 w 1881147"/>
                <a:gd name="connsiteY21" fmla="*/ 439942 h 1699586"/>
                <a:gd name="connsiteX22" fmla="*/ 419574 w 1881147"/>
                <a:gd name="connsiteY22" fmla="*/ 425655 h 1699586"/>
                <a:gd name="connsiteX23" fmla="*/ 400524 w 1881147"/>
                <a:gd name="connsiteY23" fmla="*/ 363742 h 1699586"/>
                <a:gd name="connsiteX24" fmla="*/ 333849 w 1881147"/>
                <a:gd name="connsiteY24" fmla="*/ 311355 h 1699586"/>
                <a:gd name="connsiteX25" fmla="*/ 286224 w 1881147"/>
                <a:gd name="connsiteY25" fmla="*/ 244680 h 1699586"/>
                <a:gd name="connsiteX26" fmla="*/ 143349 w 1881147"/>
                <a:gd name="connsiteY26" fmla="*/ 263730 h 1699586"/>
                <a:gd name="connsiteX27" fmla="*/ 124299 w 1881147"/>
                <a:gd name="connsiteY27" fmla="*/ 339930 h 1699586"/>
                <a:gd name="connsiteX28" fmla="*/ 110011 w 1881147"/>
                <a:gd name="connsiteY28" fmla="*/ 373267 h 1699586"/>
                <a:gd name="connsiteX29" fmla="*/ 133824 w 1881147"/>
                <a:gd name="connsiteY29" fmla="*/ 420892 h 1699586"/>
                <a:gd name="connsiteX30" fmla="*/ 81436 w 1881147"/>
                <a:gd name="connsiteY30" fmla="*/ 458992 h 1699586"/>
                <a:gd name="connsiteX31" fmla="*/ 33811 w 1881147"/>
                <a:gd name="connsiteY31" fmla="*/ 454230 h 1699586"/>
                <a:gd name="connsiteX32" fmla="*/ 33811 w 1881147"/>
                <a:gd name="connsiteY32" fmla="*/ 525667 h 1699586"/>
                <a:gd name="connsiteX33" fmla="*/ 474 w 1881147"/>
                <a:gd name="connsiteY33" fmla="*/ 630442 h 1699586"/>
                <a:gd name="connsiteX34" fmla="*/ 62386 w 1881147"/>
                <a:gd name="connsiteY34" fmla="*/ 706642 h 1699586"/>
                <a:gd name="connsiteX35" fmla="*/ 111977 w 1881147"/>
                <a:gd name="connsiteY35" fmla="*/ 686904 h 1699586"/>
                <a:gd name="connsiteX36" fmla="*/ 112334 w 1881147"/>
                <a:gd name="connsiteY36" fmla="*/ 757163 h 1699586"/>
                <a:gd name="connsiteX37" fmla="*/ 167161 w 1881147"/>
                <a:gd name="connsiteY37" fmla="*/ 787605 h 1699586"/>
                <a:gd name="connsiteX38" fmla="*/ 236159 w 1881147"/>
                <a:gd name="connsiteY38" fmla="*/ 797817 h 1699586"/>
                <a:gd name="connsiteX39" fmla="*/ 271462 w 1881147"/>
                <a:gd name="connsiteY39" fmla="*/ 853788 h 1699586"/>
                <a:gd name="connsiteX40" fmla="*/ 270869 w 1881147"/>
                <a:gd name="connsiteY40" fmla="*/ 898860 h 1699586"/>
                <a:gd name="connsiteX41" fmla="*/ 295393 w 1881147"/>
                <a:gd name="connsiteY41" fmla="*/ 938335 h 1699586"/>
                <a:gd name="connsiteX42" fmla="*/ 341051 w 1881147"/>
                <a:gd name="connsiteY42" fmla="*/ 976927 h 1699586"/>
                <a:gd name="connsiteX43" fmla="*/ 426184 w 1881147"/>
                <a:gd name="connsiteY43" fmla="*/ 1031179 h 1699586"/>
                <a:gd name="connsiteX44" fmla="*/ 461961 w 1881147"/>
                <a:gd name="connsiteY44" fmla="*/ 1102272 h 1699586"/>
                <a:gd name="connsiteX45" fmla="*/ 441064 w 1881147"/>
                <a:gd name="connsiteY45" fmla="*/ 1171845 h 1699586"/>
                <a:gd name="connsiteX46" fmla="*/ 519111 w 1881147"/>
                <a:gd name="connsiteY46" fmla="*/ 1228308 h 1699586"/>
                <a:gd name="connsiteX47" fmla="*/ 591143 w 1881147"/>
                <a:gd name="connsiteY47" fmla="*/ 1261302 h 1699586"/>
                <a:gd name="connsiteX48" fmla="*/ 571974 w 1881147"/>
                <a:gd name="connsiteY48" fmla="*/ 1321005 h 1699586"/>
                <a:gd name="connsiteX49" fmla="*/ 662461 w 1881147"/>
                <a:gd name="connsiteY49" fmla="*/ 1473405 h 1699586"/>
                <a:gd name="connsiteX50" fmla="*/ 755271 w 1881147"/>
                <a:gd name="connsiteY50" fmla="*/ 1546559 h 1699586"/>
                <a:gd name="connsiteX51" fmla="*/ 805336 w 1881147"/>
                <a:gd name="connsiteY51" fmla="*/ 1497217 h 1699586"/>
                <a:gd name="connsiteX52" fmla="*/ 869926 w 1881147"/>
                <a:gd name="connsiteY52" fmla="*/ 1524614 h 1699586"/>
                <a:gd name="connsiteX53" fmla="*/ 924399 w 1881147"/>
                <a:gd name="connsiteY53" fmla="*/ 1492455 h 1699586"/>
                <a:gd name="connsiteX54" fmla="*/ 941246 w 1881147"/>
                <a:gd name="connsiteY54" fmla="*/ 1450279 h 1699586"/>
                <a:gd name="connsiteX55" fmla="*/ 1005123 w 1881147"/>
                <a:gd name="connsiteY55" fmla="*/ 1536691 h 1699586"/>
                <a:gd name="connsiteX56" fmla="*/ 1050190 w 1881147"/>
                <a:gd name="connsiteY56" fmla="*/ 1607785 h 1699586"/>
                <a:gd name="connsiteX57" fmla="*/ 1120136 w 1881147"/>
                <a:gd name="connsiteY57" fmla="*/ 1699304 h 1699586"/>
                <a:gd name="connsiteX58" fmla="*/ 1151034 w 1881147"/>
                <a:gd name="connsiteY58" fmla="*/ 1636213 h 1699586"/>
                <a:gd name="connsiteX59" fmla="*/ 1181693 w 1881147"/>
                <a:gd name="connsiteY59" fmla="*/ 1629733 h 1699586"/>
                <a:gd name="connsiteX60" fmla="*/ 1224792 w 1881147"/>
                <a:gd name="connsiteY60" fmla="*/ 1658996 h 1699586"/>
                <a:gd name="connsiteX61" fmla="*/ 1258367 w 1881147"/>
                <a:gd name="connsiteY61" fmla="*/ 1618342 h 1699586"/>
                <a:gd name="connsiteX62" fmla="*/ 1277188 w 1881147"/>
                <a:gd name="connsiteY62" fmla="*/ 1622959 h 1699586"/>
                <a:gd name="connsiteX63" fmla="*/ 1311230 w 1881147"/>
                <a:gd name="connsiteY63" fmla="*/ 1689436 h 1699586"/>
                <a:gd name="connsiteX64" fmla="*/ 1367786 w 1881147"/>
                <a:gd name="connsiteY64" fmla="*/ 1665967 h 1699586"/>
                <a:gd name="connsiteX65" fmla="*/ 1419818 w 1881147"/>
                <a:gd name="connsiteY65" fmla="*/ 1609846 h 1699586"/>
                <a:gd name="connsiteX66" fmla="*/ 1470595 w 1881147"/>
                <a:gd name="connsiteY66" fmla="*/ 1593303 h 1699586"/>
                <a:gd name="connsiteX67" fmla="*/ 1488274 w 1881147"/>
                <a:gd name="connsiteY67" fmla="*/ 1649125 h 1699586"/>
                <a:gd name="connsiteX68" fmla="*/ 1558169 w 1881147"/>
                <a:gd name="connsiteY68" fmla="*/ 1623447 h 1699586"/>
                <a:gd name="connsiteX69" fmla="*/ 1588947 w 1881147"/>
                <a:gd name="connsiteY69" fmla="*/ 1536691 h 1699586"/>
                <a:gd name="connsiteX70" fmla="*/ 1670383 w 1881147"/>
                <a:gd name="connsiteY70" fmla="*/ 1446549 h 1699586"/>
                <a:gd name="connsiteX71" fmla="*/ 1714974 w 1881147"/>
                <a:gd name="connsiteY71" fmla="*/ 1415419 h 1699586"/>
                <a:gd name="connsiteX72" fmla="*/ 1743343 w 1881147"/>
                <a:gd name="connsiteY72" fmla="*/ 1418714 h 1699586"/>
                <a:gd name="connsiteX73" fmla="*/ 1820935 w 1881147"/>
                <a:gd name="connsiteY73" fmla="*/ 1408106 h 1699586"/>
                <a:gd name="connsiteX74" fmla="*/ 1816054 w 1881147"/>
                <a:gd name="connsiteY74" fmla="*/ 1461670 h 1699586"/>
                <a:gd name="connsiteX75" fmla="*/ 1874221 w 1881147"/>
                <a:gd name="connsiteY75" fmla="*/ 1484991 h 1699586"/>
                <a:gd name="connsiteX76" fmla="*/ 1875829 w 1881147"/>
                <a:gd name="connsiteY76" fmla="*/ 1462357 h 1699586"/>
                <a:gd name="connsiteX77" fmla="*/ 1875051 w 1881147"/>
                <a:gd name="connsiteY77" fmla="*/ 1401623 h 1699586"/>
                <a:gd name="connsiteX78" fmla="*/ 1853086 w 1881147"/>
                <a:gd name="connsiteY78" fmla="*/ 1311480 h 1699586"/>
                <a:gd name="connsiteX79" fmla="*/ 1853086 w 1881147"/>
                <a:gd name="connsiteY79" fmla="*/ 1254330 h 1699586"/>
                <a:gd name="connsiteX80" fmla="*/ 1810224 w 1881147"/>
                <a:gd name="connsiteY80" fmla="*/ 1244805 h 1699586"/>
                <a:gd name="connsiteX81" fmla="*/ 1734024 w 1881147"/>
                <a:gd name="connsiteY81" fmla="*/ 1163842 h 1699586"/>
                <a:gd name="connsiteX82" fmla="*/ 1695924 w 1881147"/>
                <a:gd name="connsiteY82" fmla="*/ 982867 h 1699586"/>
                <a:gd name="connsiteX83" fmla="*/ 1643536 w 1881147"/>
                <a:gd name="connsiteY83" fmla="*/ 949530 h 1699586"/>
                <a:gd name="connsiteX84" fmla="*/ 1605436 w 1881147"/>
                <a:gd name="connsiteY84" fmla="*/ 892380 h 1699586"/>
                <a:gd name="connsiteX85" fmla="*/ 1557811 w 1881147"/>
                <a:gd name="connsiteY85" fmla="*/ 844755 h 1699586"/>
                <a:gd name="connsiteX86" fmla="*/ 1505424 w 1881147"/>
                <a:gd name="connsiteY86" fmla="*/ 825705 h 1699586"/>
                <a:gd name="connsiteX87" fmla="*/ 1453036 w 1881147"/>
                <a:gd name="connsiteY87" fmla="*/ 820942 h 1699586"/>
                <a:gd name="connsiteX88" fmla="*/ 1510186 w 1881147"/>
                <a:gd name="connsiteY88" fmla="*/ 787605 h 1699586"/>
                <a:gd name="connsiteX89" fmla="*/ 1476849 w 1881147"/>
                <a:gd name="connsiteY89" fmla="*/ 754267 h 1699586"/>
                <a:gd name="connsiteX90" fmla="*/ 1481611 w 1881147"/>
                <a:gd name="connsiteY90" fmla="*/ 730455 h 1699586"/>
                <a:gd name="connsiteX91" fmla="*/ 1572099 w 1881147"/>
                <a:gd name="connsiteY91" fmla="*/ 768555 h 1699586"/>
                <a:gd name="connsiteX92" fmla="*/ 1624486 w 1881147"/>
                <a:gd name="connsiteY92" fmla="*/ 701880 h 1699586"/>
                <a:gd name="connsiteX93" fmla="*/ 1622283 w 1881147"/>
                <a:gd name="connsiteY93" fmla="*/ 559005 h 1699586"/>
                <a:gd name="connsiteX94" fmla="*/ 1639486 w 1881147"/>
                <a:gd name="connsiteY94" fmla="*/ 410679 h 1699586"/>
                <a:gd name="connsiteX0" fmla="*/ 1639486 w 1881147"/>
                <a:gd name="connsiteY0" fmla="*/ 403727 h 1692634"/>
                <a:gd name="connsiteX1" fmla="*/ 1567336 w 1881147"/>
                <a:gd name="connsiteY1" fmla="*/ 371078 h 1692634"/>
                <a:gd name="connsiteX2" fmla="*/ 1477087 w 1881147"/>
                <a:gd name="connsiteY2" fmla="*/ 347265 h 1692634"/>
                <a:gd name="connsiteX3" fmla="*/ 1423767 w 1881147"/>
                <a:gd name="connsiteY3" fmla="*/ 270181 h 1692634"/>
                <a:gd name="connsiteX4" fmla="*/ 1395785 w 1881147"/>
                <a:gd name="connsiteY4" fmla="*/ 168336 h 1692634"/>
                <a:gd name="connsiteX5" fmla="*/ 1364769 w 1881147"/>
                <a:gd name="connsiteY5" fmla="*/ 274 h 1692634"/>
                <a:gd name="connsiteX6" fmla="*/ 1297400 w 1881147"/>
                <a:gd name="connsiteY6" fmla="*/ 41972 h 1692634"/>
                <a:gd name="connsiteX7" fmla="*/ 1291832 w 1881147"/>
                <a:gd name="connsiteY7" fmla="*/ 99495 h 1692634"/>
                <a:gd name="connsiteX8" fmla="*/ 1275927 w 1881147"/>
                <a:gd name="connsiteY8" fmla="*/ 150708 h 1692634"/>
                <a:gd name="connsiteX9" fmla="*/ 1214911 w 1881147"/>
                <a:gd name="connsiteY9" fmla="*/ 156765 h 1692634"/>
                <a:gd name="connsiteX10" fmla="*/ 1186336 w 1881147"/>
                <a:gd name="connsiteY10" fmla="*/ 185340 h 1692634"/>
                <a:gd name="connsiteX11" fmla="*/ 1176811 w 1881147"/>
                <a:gd name="connsiteY11" fmla="*/ 256778 h 1692634"/>
                <a:gd name="connsiteX12" fmla="*/ 1114899 w 1881147"/>
                <a:gd name="connsiteY12" fmla="*/ 299640 h 1692634"/>
                <a:gd name="connsiteX13" fmla="*/ 1005361 w 1881147"/>
                <a:gd name="connsiteY13" fmla="*/ 313928 h 1692634"/>
                <a:gd name="connsiteX14" fmla="*/ 962499 w 1881147"/>
                <a:gd name="connsiteY14" fmla="*/ 356790 h 1692634"/>
                <a:gd name="connsiteX15" fmla="*/ 838674 w 1881147"/>
                <a:gd name="connsiteY15" fmla="*/ 356790 h 1692634"/>
                <a:gd name="connsiteX16" fmla="*/ 781524 w 1881147"/>
                <a:gd name="connsiteY16" fmla="*/ 428228 h 1692634"/>
                <a:gd name="connsiteX17" fmla="*/ 781524 w 1881147"/>
                <a:gd name="connsiteY17" fmla="*/ 461565 h 1692634"/>
                <a:gd name="connsiteX18" fmla="*/ 743424 w 1881147"/>
                <a:gd name="connsiteY18" fmla="*/ 485378 h 1692634"/>
                <a:gd name="connsiteX19" fmla="*/ 671986 w 1881147"/>
                <a:gd name="connsiteY19" fmla="*/ 418703 h 1692634"/>
                <a:gd name="connsiteX20" fmla="*/ 519586 w 1881147"/>
                <a:gd name="connsiteY20" fmla="*/ 413940 h 1692634"/>
                <a:gd name="connsiteX21" fmla="*/ 457674 w 1881147"/>
                <a:gd name="connsiteY21" fmla="*/ 432990 h 1692634"/>
                <a:gd name="connsiteX22" fmla="*/ 419574 w 1881147"/>
                <a:gd name="connsiteY22" fmla="*/ 418703 h 1692634"/>
                <a:gd name="connsiteX23" fmla="*/ 400524 w 1881147"/>
                <a:gd name="connsiteY23" fmla="*/ 356790 h 1692634"/>
                <a:gd name="connsiteX24" fmla="*/ 333849 w 1881147"/>
                <a:gd name="connsiteY24" fmla="*/ 304403 h 1692634"/>
                <a:gd name="connsiteX25" fmla="*/ 286224 w 1881147"/>
                <a:gd name="connsiteY25" fmla="*/ 237728 h 1692634"/>
                <a:gd name="connsiteX26" fmla="*/ 143349 w 1881147"/>
                <a:gd name="connsiteY26" fmla="*/ 256778 h 1692634"/>
                <a:gd name="connsiteX27" fmla="*/ 124299 w 1881147"/>
                <a:gd name="connsiteY27" fmla="*/ 332978 h 1692634"/>
                <a:gd name="connsiteX28" fmla="*/ 110011 w 1881147"/>
                <a:gd name="connsiteY28" fmla="*/ 366315 h 1692634"/>
                <a:gd name="connsiteX29" fmla="*/ 133824 w 1881147"/>
                <a:gd name="connsiteY29" fmla="*/ 413940 h 1692634"/>
                <a:gd name="connsiteX30" fmla="*/ 81436 w 1881147"/>
                <a:gd name="connsiteY30" fmla="*/ 452040 h 1692634"/>
                <a:gd name="connsiteX31" fmla="*/ 33811 w 1881147"/>
                <a:gd name="connsiteY31" fmla="*/ 447278 h 1692634"/>
                <a:gd name="connsiteX32" fmla="*/ 33811 w 1881147"/>
                <a:gd name="connsiteY32" fmla="*/ 518715 h 1692634"/>
                <a:gd name="connsiteX33" fmla="*/ 474 w 1881147"/>
                <a:gd name="connsiteY33" fmla="*/ 623490 h 1692634"/>
                <a:gd name="connsiteX34" fmla="*/ 62386 w 1881147"/>
                <a:gd name="connsiteY34" fmla="*/ 699690 h 1692634"/>
                <a:gd name="connsiteX35" fmla="*/ 111977 w 1881147"/>
                <a:gd name="connsiteY35" fmla="*/ 679952 h 1692634"/>
                <a:gd name="connsiteX36" fmla="*/ 112334 w 1881147"/>
                <a:gd name="connsiteY36" fmla="*/ 750211 h 1692634"/>
                <a:gd name="connsiteX37" fmla="*/ 167161 w 1881147"/>
                <a:gd name="connsiteY37" fmla="*/ 780653 h 1692634"/>
                <a:gd name="connsiteX38" fmla="*/ 236159 w 1881147"/>
                <a:gd name="connsiteY38" fmla="*/ 790865 h 1692634"/>
                <a:gd name="connsiteX39" fmla="*/ 271462 w 1881147"/>
                <a:gd name="connsiteY39" fmla="*/ 846836 h 1692634"/>
                <a:gd name="connsiteX40" fmla="*/ 270869 w 1881147"/>
                <a:gd name="connsiteY40" fmla="*/ 891908 h 1692634"/>
                <a:gd name="connsiteX41" fmla="*/ 295393 w 1881147"/>
                <a:gd name="connsiteY41" fmla="*/ 931383 h 1692634"/>
                <a:gd name="connsiteX42" fmla="*/ 341051 w 1881147"/>
                <a:gd name="connsiteY42" fmla="*/ 969975 h 1692634"/>
                <a:gd name="connsiteX43" fmla="*/ 426184 w 1881147"/>
                <a:gd name="connsiteY43" fmla="*/ 1024227 h 1692634"/>
                <a:gd name="connsiteX44" fmla="*/ 461961 w 1881147"/>
                <a:gd name="connsiteY44" fmla="*/ 1095320 h 1692634"/>
                <a:gd name="connsiteX45" fmla="*/ 441064 w 1881147"/>
                <a:gd name="connsiteY45" fmla="*/ 1164893 h 1692634"/>
                <a:gd name="connsiteX46" fmla="*/ 519111 w 1881147"/>
                <a:gd name="connsiteY46" fmla="*/ 1221356 h 1692634"/>
                <a:gd name="connsiteX47" fmla="*/ 591143 w 1881147"/>
                <a:gd name="connsiteY47" fmla="*/ 1254350 h 1692634"/>
                <a:gd name="connsiteX48" fmla="*/ 571974 w 1881147"/>
                <a:gd name="connsiteY48" fmla="*/ 1314053 h 1692634"/>
                <a:gd name="connsiteX49" fmla="*/ 662461 w 1881147"/>
                <a:gd name="connsiteY49" fmla="*/ 1466453 h 1692634"/>
                <a:gd name="connsiteX50" fmla="*/ 755271 w 1881147"/>
                <a:gd name="connsiteY50" fmla="*/ 1539607 h 1692634"/>
                <a:gd name="connsiteX51" fmla="*/ 805336 w 1881147"/>
                <a:gd name="connsiteY51" fmla="*/ 1490265 h 1692634"/>
                <a:gd name="connsiteX52" fmla="*/ 869926 w 1881147"/>
                <a:gd name="connsiteY52" fmla="*/ 1517662 h 1692634"/>
                <a:gd name="connsiteX53" fmla="*/ 924399 w 1881147"/>
                <a:gd name="connsiteY53" fmla="*/ 1485503 h 1692634"/>
                <a:gd name="connsiteX54" fmla="*/ 941246 w 1881147"/>
                <a:gd name="connsiteY54" fmla="*/ 1443327 h 1692634"/>
                <a:gd name="connsiteX55" fmla="*/ 1005123 w 1881147"/>
                <a:gd name="connsiteY55" fmla="*/ 1529739 h 1692634"/>
                <a:gd name="connsiteX56" fmla="*/ 1050190 w 1881147"/>
                <a:gd name="connsiteY56" fmla="*/ 1600833 h 1692634"/>
                <a:gd name="connsiteX57" fmla="*/ 1120136 w 1881147"/>
                <a:gd name="connsiteY57" fmla="*/ 1692352 h 1692634"/>
                <a:gd name="connsiteX58" fmla="*/ 1151034 w 1881147"/>
                <a:gd name="connsiteY58" fmla="*/ 1629261 h 1692634"/>
                <a:gd name="connsiteX59" fmla="*/ 1181693 w 1881147"/>
                <a:gd name="connsiteY59" fmla="*/ 1622781 h 1692634"/>
                <a:gd name="connsiteX60" fmla="*/ 1224792 w 1881147"/>
                <a:gd name="connsiteY60" fmla="*/ 1652044 h 1692634"/>
                <a:gd name="connsiteX61" fmla="*/ 1258367 w 1881147"/>
                <a:gd name="connsiteY61" fmla="*/ 1611390 h 1692634"/>
                <a:gd name="connsiteX62" fmla="*/ 1277188 w 1881147"/>
                <a:gd name="connsiteY62" fmla="*/ 1616007 h 1692634"/>
                <a:gd name="connsiteX63" fmla="*/ 1311230 w 1881147"/>
                <a:gd name="connsiteY63" fmla="*/ 1682484 h 1692634"/>
                <a:gd name="connsiteX64" fmla="*/ 1367786 w 1881147"/>
                <a:gd name="connsiteY64" fmla="*/ 1659015 h 1692634"/>
                <a:gd name="connsiteX65" fmla="*/ 1419818 w 1881147"/>
                <a:gd name="connsiteY65" fmla="*/ 1602894 h 1692634"/>
                <a:gd name="connsiteX66" fmla="*/ 1470595 w 1881147"/>
                <a:gd name="connsiteY66" fmla="*/ 1586351 h 1692634"/>
                <a:gd name="connsiteX67" fmla="*/ 1488274 w 1881147"/>
                <a:gd name="connsiteY67" fmla="*/ 1642173 h 1692634"/>
                <a:gd name="connsiteX68" fmla="*/ 1558169 w 1881147"/>
                <a:gd name="connsiteY68" fmla="*/ 1616495 h 1692634"/>
                <a:gd name="connsiteX69" fmla="*/ 1588947 w 1881147"/>
                <a:gd name="connsiteY69" fmla="*/ 1529739 h 1692634"/>
                <a:gd name="connsiteX70" fmla="*/ 1670383 w 1881147"/>
                <a:gd name="connsiteY70" fmla="*/ 1439597 h 1692634"/>
                <a:gd name="connsiteX71" fmla="*/ 1714974 w 1881147"/>
                <a:gd name="connsiteY71" fmla="*/ 1408467 h 1692634"/>
                <a:gd name="connsiteX72" fmla="*/ 1743343 w 1881147"/>
                <a:gd name="connsiteY72" fmla="*/ 1411762 h 1692634"/>
                <a:gd name="connsiteX73" fmla="*/ 1820935 w 1881147"/>
                <a:gd name="connsiteY73" fmla="*/ 1401154 h 1692634"/>
                <a:gd name="connsiteX74" fmla="*/ 1816054 w 1881147"/>
                <a:gd name="connsiteY74" fmla="*/ 1454718 h 1692634"/>
                <a:gd name="connsiteX75" fmla="*/ 1874221 w 1881147"/>
                <a:gd name="connsiteY75" fmla="*/ 1478039 h 1692634"/>
                <a:gd name="connsiteX76" fmla="*/ 1875829 w 1881147"/>
                <a:gd name="connsiteY76" fmla="*/ 1455405 h 1692634"/>
                <a:gd name="connsiteX77" fmla="*/ 1875051 w 1881147"/>
                <a:gd name="connsiteY77" fmla="*/ 1394671 h 1692634"/>
                <a:gd name="connsiteX78" fmla="*/ 1853086 w 1881147"/>
                <a:gd name="connsiteY78" fmla="*/ 1304528 h 1692634"/>
                <a:gd name="connsiteX79" fmla="*/ 1853086 w 1881147"/>
                <a:gd name="connsiteY79" fmla="*/ 1247378 h 1692634"/>
                <a:gd name="connsiteX80" fmla="*/ 1810224 w 1881147"/>
                <a:gd name="connsiteY80" fmla="*/ 1237853 h 1692634"/>
                <a:gd name="connsiteX81" fmla="*/ 1734024 w 1881147"/>
                <a:gd name="connsiteY81" fmla="*/ 1156890 h 1692634"/>
                <a:gd name="connsiteX82" fmla="*/ 1695924 w 1881147"/>
                <a:gd name="connsiteY82" fmla="*/ 975915 h 1692634"/>
                <a:gd name="connsiteX83" fmla="*/ 1643536 w 1881147"/>
                <a:gd name="connsiteY83" fmla="*/ 942578 h 1692634"/>
                <a:gd name="connsiteX84" fmla="*/ 1605436 w 1881147"/>
                <a:gd name="connsiteY84" fmla="*/ 885428 h 1692634"/>
                <a:gd name="connsiteX85" fmla="*/ 1557811 w 1881147"/>
                <a:gd name="connsiteY85" fmla="*/ 837803 h 1692634"/>
                <a:gd name="connsiteX86" fmla="*/ 1505424 w 1881147"/>
                <a:gd name="connsiteY86" fmla="*/ 818753 h 1692634"/>
                <a:gd name="connsiteX87" fmla="*/ 1453036 w 1881147"/>
                <a:gd name="connsiteY87" fmla="*/ 813990 h 1692634"/>
                <a:gd name="connsiteX88" fmla="*/ 1510186 w 1881147"/>
                <a:gd name="connsiteY88" fmla="*/ 780653 h 1692634"/>
                <a:gd name="connsiteX89" fmla="*/ 1476849 w 1881147"/>
                <a:gd name="connsiteY89" fmla="*/ 747315 h 1692634"/>
                <a:gd name="connsiteX90" fmla="*/ 1481611 w 1881147"/>
                <a:gd name="connsiteY90" fmla="*/ 723503 h 1692634"/>
                <a:gd name="connsiteX91" fmla="*/ 1572099 w 1881147"/>
                <a:gd name="connsiteY91" fmla="*/ 761603 h 1692634"/>
                <a:gd name="connsiteX92" fmla="*/ 1624486 w 1881147"/>
                <a:gd name="connsiteY92" fmla="*/ 694928 h 1692634"/>
                <a:gd name="connsiteX93" fmla="*/ 1622283 w 1881147"/>
                <a:gd name="connsiteY93" fmla="*/ 552053 h 1692634"/>
                <a:gd name="connsiteX94" fmla="*/ 1639486 w 1881147"/>
                <a:gd name="connsiteY94" fmla="*/ 403727 h 1692634"/>
                <a:gd name="connsiteX0" fmla="*/ 1639486 w 1881147"/>
                <a:gd name="connsiteY0" fmla="*/ 403995 h 1692902"/>
                <a:gd name="connsiteX1" fmla="*/ 1567336 w 1881147"/>
                <a:gd name="connsiteY1" fmla="*/ 371346 h 1692902"/>
                <a:gd name="connsiteX2" fmla="*/ 1477087 w 1881147"/>
                <a:gd name="connsiteY2" fmla="*/ 347533 h 1692902"/>
                <a:gd name="connsiteX3" fmla="*/ 1423767 w 1881147"/>
                <a:gd name="connsiteY3" fmla="*/ 270449 h 1692902"/>
                <a:gd name="connsiteX4" fmla="*/ 1395785 w 1881147"/>
                <a:gd name="connsiteY4" fmla="*/ 168604 h 1692902"/>
                <a:gd name="connsiteX5" fmla="*/ 1364769 w 1881147"/>
                <a:gd name="connsiteY5" fmla="*/ 542 h 1692902"/>
                <a:gd name="connsiteX6" fmla="*/ 1297400 w 1881147"/>
                <a:gd name="connsiteY6" fmla="*/ 42240 h 1692902"/>
                <a:gd name="connsiteX7" fmla="*/ 1291832 w 1881147"/>
                <a:gd name="connsiteY7" fmla="*/ 99763 h 1692902"/>
                <a:gd name="connsiteX8" fmla="*/ 1275927 w 1881147"/>
                <a:gd name="connsiteY8" fmla="*/ 150976 h 1692902"/>
                <a:gd name="connsiteX9" fmla="*/ 1214911 w 1881147"/>
                <a:gd name="connsiteY9" fmla="*/ 157033 h 1692902"/>
                <a:gd name="connsiteX10" fmla="*/ 1186336 w 1881147"/>
                <a:gd name="connsiteY10" fmla="*/ 185608 h 1692902"/>
                <a:gd name="connsiteX11" fmla="*/ 1176811 w 1881147"/>
                <a:gd name="connsiteY11" fmla="*/ 257046 h 1692902"/>
                <a:gd name="connsiteX12" fmla="*/ 1114899 w 1881147"/>
                <a:gd name="connsiteY12" fmla="*/ 299908 h 1692902"/>
                <a:gd name="connsiteX13" fmla="*/ 1005361 w 1881147"/>
                <a:gd name="connsiteY13" fmla="*/ 314196 h 1692902"/>
                <a:gd name="connsiteX14" fmla="*/ 962499 w 1881147"/>
                <a:gd name="connsiteY14" fmla="*/ 357058 h 1692902"/>
                <a:gd name="connsiteX15" fmla="*/ 838674 w 1881147"/>
                <a:gd name="connsiteY15" fmla="*/ 357058 h 1692902"/>
                <a:gd name="connsiteX16" fmla="*/ 781524 w 1881147"/>
                <a:gd name="connsiteY16" fmla="*/ 428496 h 1692902"/>
                <a:gd name="connsiteX17" fmla="*/ 781524 w 1881147"/>
                <a:gd name="connsiteY17" fmla="*/ 461833 h 1692902"/>
                <a:gd name="connsiteX18" fmla="*/ 743424 w 1881147"/>
                <a:gd name="connsiteY18" fmla="*/ 485646 h 1692902"/>
                <a:gd name="connsiteX19" fmla="*/ 671986 w 1881147"/>
                <a:gd name="connsiteY19" fmla="*/ 418971 h 1692902"/>
                <a:gd name="connsiteX20" fmla="*/ 519586 w 1881147"/>
                <a:gd name="connsiteY20" fmla="*/ 414208 h 1692902"/>
                <a:gd name="connsiteX21" fmla="*/ 457674 w 1881147"/>
                <a:gd name="connsiteY21" fmla="*/ 433258 h 1692902"/>
                <a:gd name="connsiteX22" fmla="*/ 419574 w 1881147"/>
                <a:gd name="connsiteY22" fmla="*/ 418971 h 1692902"/>
                <a:gd name="connsiteX23" fmla="*/ 400524 w 1881147"/>
                <a:gd name="connsiteY23" fmla="*/ 357058 h 1692902"/>
                <a:gd name="connsiteX24" fmla="*/ 333849 w 1881147"/>
                <a:gd name="connsiteY24" fmla="*/ 304671 h 1692902"/>
                <a:gd name="connsiteX25" fmla="*/ 286224 w 1881147"/>
                <a:gd name="connsiteY25" fmla="*/ 237996 h 1692902"/>
                <a:gd name="connsiteX26" fmla="*/ 143349 w 1881147"/>
                <a:gd name="connsiteY26" fmla="*/ 257046 h 1692902"/>
                <a:gd name="connsiteX27" fmla="*/ 124299 w 1881147"/>
                <a:gd name="connsiteY27" fmla="*/ 333246 h 1692902"/>
                <a:gd name="connsiteX28" fmla="*/ 110011 w 1881147"/>
                <a:gd name="connsiteY28" fmla="*/ 366583 h 1692902"/>
                <a:gd name="connsiteX29" fmla="*/ 133824 w 1881147"/>
                <a:gd name="connsiteY29" fmla="*/ 414208 h 1692902"/>
                <a:gd name="connsiteX30" fmla="*/ 81436 w 1881147"/>
                <a:gd name="connsiteY30" fmla="*/ 452308 h 1692902"/>
                <a:gd name="connsiteX31" fmla="*/ 33811 w 1881147"/>
                <a:gd name="connsiteY31" fmla="*/ 447546 h 1692902"/>
                <a:gd name="connsiteX32" fmla="*/ 33811 w 1881147"/>
                <a:gd name="connsiteY32" fmla="*/ 518983 h 1692902"/>
                <a:gd name="connsiteX33" fmla="*/ 474 w 1881147"/>
                <a:gd name="connsiteY33" fmla="*/ 623758 h 1692902"/>
                <a:gd name="connsiteX34" fmla="*/ 62386 w 1881147"/>
                <a:gd name="connsiteY34" fmla="*/ 699958 h 1692902"/>
                <a:gd name="connsiteX35" fmla="*/ 111977 w 1881147"/>
                <a:gd name="connsiteY35" fmla="*/ 680220 h 1692902"/>
                <a:gd name="connsiteX36" fmla="*/ 112334 w 1881147"/>
                <a:gd name="connsiteY36" fmla="*/ 750479 h 1692902"/>
                <a:gd name="connsiteX37" fmla="*/ 167161 w 1881147"/>
                <a:gd name="connsiteY37" fmla="*/ 780921 h 1692902"/>
                <a:gd name="connsiteX38" fmla="*/ 236159 w 1881147"/>
                <a:gd name="connsiteY38" fmla="*/ 791133 h 1692902"/>
                <a:gd name="connsiteX39" fmla="*/ 271462 w 1881147"/>
                <a:gd name="connsiteY39" fmla="*/ 847104 h 1692902"/>
                <a:gd name="connsiteX40" fmla="*/ 270869 w 1881147"/>
                <a:gd name="connsiteY40" fmla="*/ 892176 h 1692902"/>
                <a:gd name="connsiteX41" fmla="*/ 295393 w 1881147"/>
                <a:gd name="connsiteY41" fmla="*/ 931651 h 1692902"/>
                <a:gd name="connsiteX42" fmla="*/ 341051 w 1881147"/>
                <a:gd name="connsiteY42" fmla="*/ 970243 h 1692902"/>
                <a:gd name="connsiteX43" fmla="*/ 426184 w 1881147"/>
                <a:gd name="connsiteY43" fmla="*/ 1024495 h 1692902"/>
                <a:gd name="connsiteX44" fmla="*/ 461961 w 1881147"/>
                <a:gd name="connsiteY44" fmla="*/ 1095588 h 1692902"/>
                <a:gd name="connsiteX45" fmla="*/ 441064 w 1881147"/>
                <a:gd name="connsiteY45" fmla="*/ 1165161 h 1692902"/>
                <a:gd name="connsiteX46" fmla="*/ 519111 w 1881147"/>
                <a:gd name="connsiteY46" fmla="*/ 1221624 h 1692902"/>
                <a:gd name="connsiteX47" fmla="*/ 591143 w 1881147"/>
                <a:gd name="connsiteY47" fmla="*/ 1254618 h 1692902"/>
                <a:gd name="connsiteX48" fmla="*/ 571974 w 1881147"/>
                <a:gd name="connsiteY48" fmla="*/ 1314321 h 1692902"/>
                <a:gd name="connsiteX49" fmla="*/ 662461 w 1881147"/>
                <a:gd name="connsiteY49" fmla="*/ 1466721 h 1692902"/>
                <a:gd name="connsiteX50" fmla="*/ 755271 w 1881147"/>
                <a:gd name="connsiteY50" fmla="*/ 1539875 h 1692902"/>
                <a:gd name="connsiteX51" fmla="*/ 805336 w 1881147"/>
                <a:gd name="connsiteY51" fmla="*/ 1490533 h 1692902"/>
                <a:gd name="connsiteX52" fmla="*/ 869926 w 1881147"/>
                <a:gd name="connsiteY52" fmla="*/ 1517930 h 1692902"/>
                <a:gd name="connsiteX53" fmla="*/ 924399 w 1881147"/>
                <a:gd name="connsiteY53" fmla="*/ 1485771 h 1692902"/>
                <a:gd name="connsiteX54" fmla="*/ 941246 w 1881147"/>
                <a:gd name="connsiteY54" fmla="*/ 1443595 h 1692902"/>
                <a:gd name="connsiteX55" fmla="*/ 1005123 w 1881147"/>
                <a:gd name="connsiteY55" fmla="*/ 1530007 h 1692902"/>
                <a:gd name="connsiteX56" fmla="*/ 1050190 w 1881147"/>
                <a:gd name="connsiteY56" fmla="*/ 1601101 h 1692902"/>
                <a:gd name="connsiteX57" fmla="*/ 1120136 w 1881147"/>
                <a:gd name="connsiteY57" fmla="*/ 1692620 h 1692902"/>
                <a:gd name="connsiteX58" fmla="*/ 1151034 w 1881147"/>
                <a:gd name="connsiteY58" fmla="*/ 1629529 h 1692902"/>
                <a:gd name="connsiteX59" fmla="*/ 1181693 w 1881147"/>
                <a:gd name="connsiteY59" fmla="*/ 1623049 h 1692902"/>
                <a:gd name="connsiteX60" fmla="*/ 1224792 w 1881147"/>
                <a:gd name="connsiteY60" fmla="*/ 1652312 h 1692902"/>
                <a:gd name="connsiteX61" fmla="*/ 1258367 w 1881147"/>
                <a:gd name="connsiteY61" fmla="*/ 1611658 h 1692902"/>
                <a:gd name="connsiteX62" fmla="*/ 1277188 w 1881147"/>
                <a:gd name="connsiteY62" fmla="*/ 1616275 h 1692902"/>
                <a:gd name="connsiteX63" fmla="*/ 1311230 w 1881147"/>
                <a:gd name="connsiteY63" fmla="*/ 1682752 h 1692902"/>
                <a:gd name="connsiteX64" fmla="*/ 1367786 w 1881147"/>
                <a:gd name="connsiteY64" fmla="*/ 1659283 h 1692902"/>
                <a:gd name="connsiteX65" fmla="*/ 1419818 w 1881147"/>
                <a:gd name="connsiteY65" fmla="*/ 1603162 h 1692902"/>
                <a:gd name="connsiteX66" fmla="*/ 1470595 w 1881147"/>
                <a:gd name="connsiteY66" fmla="*/ 1586619 h 1692902"/>
                <a:gd name="connsiteX67" fmla="*/ 1488274 w 1881147"/>
                <a:gd name="connsiteY67" fmla="*/ 1642441 h 1692902"/>
                <a:gd name="connsiteX68" fmla="*/ 1558169 w 1881147"/>
                <a:gd name="connsiteY68" fmla="*/ 1616763 h 1692902"/>
                <a:gd name="connsiteX69" fmla="*/ 1588947 w 1881147"/>
                <a:gd name="connsiteY69" fmla="*/ 1530007 h 1692902"/>
                <a:gd name="connsiteX70" fmla="*/ 1670383 w 1881147"/>
                <a:gd name="connsiteY70" fmla="*/ 1439865 h 1692902"/>
                <a:gd name="connsiteX71" fmla="*/ 1714974 w 1881147"/>
                <a:gd name="connsiteY71" fmla="*/ 1408735 h 1692902"/>
                <a:gd name="connsiteX72" fmla="*/ 1743343 w 1881147"/>
                <a:gd name="connsiteY72" fmla="*/ 1412030 h 1692902"/>
                <a:gd name="connsiteX73" fmla="*/ 1820935 w 1881147"/>
                <a:gd name="connsiteY73" fmla="*/ 1401422 h 1692902"/>
                <a:gd name="connsiteX74" fmla="*/ 1816054 w 1881147"/>
                <a:gd name="connsiteY74" fmla="*/ 1454986 h 1692902"/>
                <a:gd name="connsiteX75" fmla="*/ 1874221 w 1881147"/>
                <a:gd name="connsiteY75" fmla="*/ 1478307 h 1692902"/>
                <a:gd name="connsiteX76" fmla="*/ 1875829 w 1881147"/>
                <a:gd name="connsiteY76" fmla="*/ 1455673 h 1692902"/>
                <a:gd name="connsiteX77" fmla="*/ 1875051 w 1881147"/>
                <a:gd name="connsiteY77" fmla="*/ 1394939 h 1692902"/>
                <a:gd name="connsiteX78" fmla="*/ 1853086 w 1881147"/>
                <a:gd name="connsiteY78" fmla="*/ 1304796 h 1692902"/>
                <a:gd name="connsiteX79" fmla="*/ 1853086 w 1881147"/>
                <a:gd name="connsiteY79" fmla="*/ 1247646 h 1692902"/>
                <a:gd name="connsiteX80" fmla="*/ 1810224 w 1881147"/>
                <a:gd name="connsiteY80" fmla="*/ 1238121 h 1692902"/>
                <a:gd name="connsiteX81" fmla="*/ 1734024 w 1881147"/>
                <a:gd name="connsiteY81" fmla="*/ 1157158 h 1692902"/>
                <a:gd name="connsiteX82" fmla="*/ 1695924 w 1881147"/>
                <a:gd name="connsiteY82" fmla="*/ 976183 h 1692902"/>
                <a:gd name="connsiteX83" fmla="*/ 1643536 w 1881147"/>
                <a:gd name="connsiteY83" fmla="*/ 942846 h 1692902"/>
                <a:gd name="connsiteX84" fmla="*/ 1605436 w 1881147"/>
                <a:gd name="connsiteY84" fmla="*/ 885696 h 1692902"/>
                <a:gd name="connsiteX85" fmla="*/ 1557811 w 1881147"/>
                <a:gd name="connsiteY85" fmla="*/ 838071 h 1692902"/>
                <a:gd name="connsiteX86" fmla="*/ 1505424 w 1881147"/>
                <a:gd name="connsiteY86" fmla="*/ 819021 h 1692902"/>
                <a:gd name="connsiteX87" fmla="*/ 1453036 w 1881147"/>
                <a:gd name="connsiteY87" fmla="*/ 814258 h 1692902"/>
                <a:gd name="connsiteX88" fmla="*/ 1510186 w 1881147"/>
                <a:gd name="connsiteY88" fmla="*/ 780921 h 1692902"/>
                <a:gd name="connsiteX89" fmla="*/ 1476849 w 1881147"/>
                <a:gd name="connsiteY89" fmla="*/ 747583 h 1692902"/>
                <a:gd name="connsiteX90" fmla="*/ 1481611 w 1881147"/>
                <a:gd name="connsiteY90" fmla="*/ 723771 h 1692902"/>
                <a:gd name="connsiteX91" fmla="*/ 1572099 w 1881147"/>
                <a:gd name="connsiteY91" fmla="*/ 761871 h 1692902"/>
                <a:gd name="connsiteX92" fmla="*/ 1624486 w 1881147"/>
                <a:gd name="connsiteY92" fmla="*/ 695196 h 1692902"/>
                <a:gd name="connsiteX93" fmla="*/ 1622283 w 1881147"/>
                <a:gd name="connsiteY93" fmla="*/ 552321 h 1692902"/>
                <a:gd name="connsiteX94" fmla="*/ 1639486 w 1881147"/>
                <a:gd name="connsiteY94" fmla="*/ 403995 h 1692902"/>
                <a:gd name="connsiteX0" fmla="*/ 1639486 w 1881147"/>
                <a:gd name="connsiteY0" fmla="*/ 410678 h 1699585"/>
                <a:gd name="connsiteX1" fmla="*/ 1567336 w 1881147"/>
                <a:gd name="connsiteY1" fmla="*/ 378029 h 1699585"/>
                <a:gd name="connsiteX2" fmla="*/ 1477087 w 1881147"/>
                <a:gd name="connsiteY2" fmla="*/ 354216 h 1699585"/>
                <a:gd name="connsiteX3" fmla="*/ 1423767 w 1881147"/>
                <a:gd name="connsiteY3" fmla="*/ 277132 h 1699585"/>
                <a:gd name="connsiteX4" fmla="*/ 1400666 w 1881147"/>
                <a:gd name="connsiteY4" fmla="*/ 175287 h 1699585"/>
                <a:gd name="connsiteX5" fmla="*/ 1364769 w 1881147"/>
                <a:gd name="connsiteY5" fmla="*/ 7225 h 1699585"/>
                <a:gd name="connsiteX6" fmla="*/ 1297400 w 1881147"/>
                <a:gd name="connsiteY6" fmla="*/ 48923 h 1699585"/>
                <a:gd name="connsiteX7" fmla="*/ 1291832 w 1881147"/>
                <a:gd name="connsiteY7" fmla="*/ 106446 h 1699585"/>
                <a:gd name="connsiteX8" fmla="*/ 1275927 w 1881147"/>
                <a:gd name="connsiteY8" fmla="*/ 157659 h 1699585"/>
                <a:gd name="connsiteX9" fmla="*/ 1214911 w 1881147"/>
                <a:gd name="connsiteY9" fmla="*/ 163716 h 1699585"/>
                <a:gd name="connsiteX10" fmla="*/ 1186336 w 1881147"/>
                <a:gd name="connsiteY10" fmla="*/ 192291 h 1699585"/>
                <a:gd name="connsiteX11" fmla="*/ 1176811 w 1881147"/>
                <a:gd name="connsiteY11" fmla="*/ 263729 h 1699585"/>
                <a:gd name="connsiteX12" fmla="*/ 1114899 w 1881147"/>
                <a:gd name="connsiteY12" fmla="*/ 306591 h 1699585"/>
                <a:gd name="connsiteX13" fmla="*/ 1005361 w 1881147"/>
                <a:gd name="connsiteY13" fmla="*/ 320879 h 1699585"/>
                <a:gd name="connsiteX14" fmla="*/ 962499 w 1881147"/>
                <a:gd name="connsiteY14" fmla="*/ 363741 h 1699585"/>
                <a:gd name="connsiteX15" fmla="*/ 838674 w 1881147"/>
                <a:gd name="connsiteY15" fmla="*/ 363741 h 1699585"/>
                <a:gd name="connsiteX16" fmla="*/ 781524 w 1881147"/>
                <a:gd name="connsiteY16" fmla="*/ 435179 h 1699585"/>
                <a:gd name="connsiteX17" fmla="*/ 781524 w 1881147"/>
                <a:gd name="connsiteY17" fmla="*/ 468516 h 1699585"/>
                <a:gd name="connsiteX18" fmla="*/ 743424 w 1881147"/>
                <a:gd name="connsiteY18" fmla="*/ 492329 h 1699585"/>
                <a:gd name="connsiteX19" fmla="*/ 671986 w 1881147"/>
                <a:gd name="connsiteY19" fmla="*/ 425654 h 1699585"/>
                <a:gd name="connsiteX20" fmla="*/ 519586 w 1881147"/>
                <a:gd name="connsiteY20" fmla="*/ 420891 h 1699585"/>
                <a:gd name="connsiteX21" fmla="*/ 457674 w 1881147"/>
                <a:gd name="connsiteY21" fmla="*/ 439941 h 1699585"/>
                <a:gd name="connsiteX22" fmla="*/ 419574 w 1881147"/>
                <a:gd name="connsiteY22" fmla="*/ 425654 h 1699585"/>
                <a:gd name="connsiteX23" fmla="*/ 400524 w 1881147"/>
                <a:gd name="connsiteY23" fmla="*/ 363741 h 1699585"/>
                <a:gd name="connsiteX24" fmla="*/ 333849 w 1881147"/>
                <a:gd name="connsiteY24" fmla="*/ 311354 h 1699585"/>
                <a:gd name="connsiteX25" fmla="*/ 286224 w 1881147"/>
                <a:gd name="connsiteY25" fmla="*/ 244679 h 1699585"/>
                <a:gd name="connsiteX26" fmla="*/ 143349 w 1881147"/>
                <a:gd name="connsiteY26" fmla="*/ 263729 h 1699585"/>
                <a:gd name="connsiteX27" fmla="*/ 124299 w 1881147"/>
                <a:gd name="connsiteY27" fmla="*/ 339929 h 1699585"/>
                <a:gd name="connsiteX28" fmla="*/ 110011 w 1881147"/>
                <a:gd name="connsiteY28" fmla="*/ 373266 h 1699585"/>
                <a:gd name="connsiteX29" fmla="*/ 133824 w 1881147"/>
                <a:gd name="connsiteY29" fmla="*/ 420891 h 1699585"/>
                <a:gd name="connsiteX30" fmla="*/ 81436 w 1881147"/>
                <a:gd name="connsiteY30" fmla="*/ 458991 h 1699585"/>
                <a:gd name="connsiteX31" fmla="*/ 33811 w 1881147"/>
                <a:gd name="connsiteY31" fmla="*/ 454229 h 1699585"/>
                <a:gd name="connsiteX32" fmla="*/ 33811 w 1881147"/>
                <a:gd name="connsiteY32" fmla="*/ 525666 h 1699585"/>
                <a:gd name="connsiteX33" fmla="*/ 474 w 1881147"/>
                <a:gd name="connsiteY33" fmla="*/ 630441 h 1699585"/>
                <a:gd name="connsiteX34" fmla="*/ 62386 w 1881147"/>
                <a:gd name="connsiteY34" fmla="*/ 706641 h 1699585"/>
                <a:gd name="connsiteX35" fmla="*/ 111977 w 1881147"/>
                <a:gd name="connsiteY35" fmla="*/ 686903 h 1699585"/>
                <a:gd name="connsiteX36" fmla="*/ 112334 w 1881147"/>
                <a:gd name="connsiteY36" fmla="*/ 757162 h 1699585"/>
                <a:gd name="connsiteX37" fmla="*/ 167161 w 1881147"/>
                <a:gd name="connsiteY37" fmla="*/ 787604 h 1699585"/>
                <a:gd name="connsiteX38" fmla="*/ 236159 w 1881147"/>
                <a:gd name="connsiteY38" fmla="*/ 797816 h 1699585"/>
                <a:gd name="connsiteX39" fmla="*/ 271462 w 1881147"/>
                <a:gd name="connsiteY39" fmla="*/ 853787 h 1699585"/>
                <a:gd name="connsiteX40" fmla="*/ 270869 w 1881147"/>
                <a:gd name="connsiteY40" fmla="*/ 898859 h 1699585"/>
                <a:gd name="connsiteX41" fmla="*/ 295393 w 1881147"/>
                <a:gd name="connsiteY41" fmla="*/ 938334 h 1699585"/>
                <a:gd name="connsiteX42" fmla="*/ 341051 w 1881147"/>
                <a:gd name="connsiteY42" fmla="*/ 976926 h 1699585"/>
                <a:gd name="connsiteX43" fmla="*/ 426184 w 1881147"/>
                <a:gd name="connsiteY43" fmla="*/ 1031178 h 1699585"/>
                <a:gd name="connsiteX44" fmla="*/ 461961 w 1881147"/>
                <a:gd name="connsiteY44" fmla="*/ 1102271 h 1699585"/>
                <a:gd name="connsiteX45" fmla="*/ 441064 w 1881147"/>
                <a:gd name="connsiteY45" fmla="*/ 1171844 h 1699585"/>
                <a:gd name="connsiteX46" fmla="*/ 519111 w 1881147"/>
                <a:gd name="connsiteY46" fmla="*/ 1228307 h 1699585"/>
                <a:gd name="connsiteX47" fmla="*/ 591143 w 1881147"/>
                <a:gd name="connsiteY47" fmla="*/ 1261301 h 1699585"/>
                <a:gd name="connsiteX48" fmla="*/ 571974 w 1881147"/>
                <a:gd name="connsiteY48" fmla="*/ 1321004 h 1699585"/>
                <a:gd name="connsiteX49" fmla="*/ 662461 w 1881147"/>
                <a:gd name="connsiteY49" fmla="*/ 1473404 h 1699585"/>
                <a:gd name="connsiteX50" fmla="*/ 755271 w 1881147"/>
                <a:gd name="connsiteY50" fmla="*/ 1546558 h 1699585"/>
                <a:gd name="connsiteX51" fmla="*/ 805336 w 1881147"/>
                <a:gd name="connsiteY51" fmla="*/ 1497216 h 1699585"/>
                <a:gd name="connsiteX52" fmla="*/ 869926 w 1881147"/>
                <a:gd name="connsiteY52" fmla="*/ 1524613 h 1699585"/>
                <a:gd name="connsiteX53" fmla="*/ 924399 w 1881147"/>
                <a:gd name="connsiteY53" fmla="*/ 1492454 h 1699585"/>
                <a:gd name="connsiteX54" fmla="*/ 941246 w 1881147"/>
                <a:gd name="connsiteY54" fmla="*/ 1450278 h 1699585"/>
                <a:gd name="connsiteX55" fmla="*/ 1005123 w 1881147"/>
                <a:gd name="connsiteY55" fmla="*/ 1536690 h 1699585"/>
                <a:gd name="connsiteX56" fmla="*/ 1050190 w 1881147"/>
                <a:gd name="connsiteY56" fmla="*/ 1607784 h 1699585"/>
                <a:gd name="connsiteX57" fmla="*/ 1120136 w 1881147"/>
                <a:gd name="connsiteY57" fmla="*/ 1699303 h 1699585"/>
                <a:gd name="connsiteX58" fmla="*/ 1151034 w 1881147"/>
                <a:gd name="connsiteY58" fmla="*/ 1636212 h 1699585"/>
                <a:gd name="connsiteX59" fmla="*/ 1181693 w 1881147"/>
                <a:gd name="connsiteY59" fmla="*/ 1629732 h 1699585"/>
                <a:gd name="connsiteX60" fmla="*/ 1224792 w 1881147"/>
                <a:gd name="connsiteY60" fmla="*/ 1658995 h 1699585"/>
                <a:gd name="connsiteX61" fmla="*/ 1258367 w 1881147"/>
                <a:gd name="connsiteY61" fmla="*/ 1618341 h 1699585"/>
                <a:gd name="connsiteX62" fmla="*/ 1277188 w 1881147"/>
                <a:gd name="connsiteY62" fmla="*/ 1622958 h 1699585"/>
                <a:gd name="connsiteX63" fmla="*/ 1311230 w 1881147"/>
                <a:gd name="connsiteY63" fmla="*/ 1689435 h 1699585"/>
                <a:gd name="connsiteX64" fmla="*/ 1367786 w 1881147"/>
                <a:gd name="connsiteY64" fmla="*/ 1665966 h 1699585"/>
                <a:gd name="connsiteX65" fmla="*/ 1419818 w 1881147"/>
                <a:gd name="connsiteY65" fmla="*/ 1609845 h 1699585"/>
                <a:gd name="connsiteX66" fmla="*/ 1470595 w 1881147"/>
                <a:gd name="connsiteY66" fmla="*/ 1593302 h 1699585"/>
                <a:gd name="connsiteX67" fmla="*/ 1488274 w 1881147"/>
                <a:gd name="connsiteY67" fmla="*/ 1649124 h 1699585"/>
                <a:gd name="connsiteX68" fmla="*/ 1558169 w 1881147"/>
                <a:gd name="connsiteY68" fmla="*/ 1623446 h 1699585"/>
                <a:gd name="connsiteX69" fmla="*/ 1588947 w 1881147"/>
                <a:gd name="connsiteY69" fmla="*/ 1536690 h 1699585"/>
                <a:gd name="connsiteX70" fmla="*/ 1670383 w 1881147"/>
                <a:gd name="connsiteY70" fmla="*/ 1446548 h 1699585"/>
                <a:gd name="connsiteX71" fmla="*/ 1714974 w 1881147"/>
                <a:gd name="connsiteY71" fmla="*/ 1415418 h 1699585"/>
                <a:gd name="connsiteX72" fmla="*/ 1743343 w 1881147"/>
                <a:gd name="connsiteY72" fmla="*/ 1418713 h 1699585"/>
                <a:gd name="connsiteX73" fmla="*/ 1820935 w 1881147"/>
                <a:gd name="connsiteY73" fmla="*/ 1408105 h 1699585"/>
                <a:gd name="connsiteX74" fmla="*/ 1816054 w 1881147"/>
                <a:gd name="connsiteY74" fmla="*/ 1461669 h 1699585"/>
                <a:gd name="connsiteX75" fmla="*/ 1874221 w 1881147"/>
                <a:gd name="connsiteY75" fmla="*/ 1484990 h 1699585"/>
                <a:gd name="connsiteX76" fmla="*/ 1875829 w 1881147"/>
                <a:gd name="connsiteY76" fmla="*/ 1462356 h 1699585"/>
                <a:gd name="connsiteX77" fmla="*/ 1875051 w 1881147"/>
                <a:gd name="connsiteY77" fmla="*/ 1401622 h 1699585"/>
                <a:gd name="connsiteX78" fmla="*/ 1853086 w 1881147"/>
                <a:gd name="connsiteY78" fmla="*/ 1311479 h 1699585"/>
                <a:gd name="connsiteX79" fmla="*/ 1853086 w 1881147"/>
                <a:gd name="connsiteY79" fmla="*/ 1254329 h 1699585"/>
                <a:gd name="connsiteX80" fmla="*/ 1810224 w 1881147"/>
                <a:gd name="connsiteY80" fmla="*/ 1244804 h 1699585"/>
                <a:gd name="connsiteX81" fmla="*/ 1734024 w 1881147"/>
                <a:gd name="connsiteY81" fmla="*/ 1163841 h 1699585"/>
                <a:gd name="connsiteX82" fmla="*/ 1695924 w 1881147"/>
                <a:gd name="connsiteY82" fmla="*/ 982866 h 1699585"/>
                <a:gd name="connsiteX83" fmla="*/ 1643536 w 1881147"/>
                <a:gd name="connsiteY83" fmla="*/ 949529 h 1699585"/>
                <a:gd name="connsiteX84" fmla="*/ 1605436 w 1881147"/>
                <a:gd name="connsiteY84" fmla="*/ 892379 h 1699585"/>
                <a:gd name="connsiteX85" fmla="*/ 1557811 w 1881147"/>
                <a:gd name="connsiteY85" fmla="*/ 844754 h 1699585"/>
                <a:gd name="connsiteX86" fmla="*/ 1505424 w 1881147"/>
                <a:gd name="connsiteY86" fmla="*/ 825704 h 1699585"/>
                <a:gd name="connsiteX87" fmla="*/ 1453036 w 1881147"/>
                <a:gd name="connsiteY87" fmla="*/ 820941 h 1699585"/>
                <a:gd name="connsiteX88" fmla="*/ 1510186 w 1881147"/>
                <a:gd name="connsiteY88" fmla="*/ 787604 h 1699585"/>
                <a:gd name="connsiteX89" fmla="*/ 1476849 w 1881147"/>
                <a:gd name="connsiteY89" fmla="*/ 754266 h 1699585"/>
                <a:gd name="connsiteX90" fmla="*/ 1481611 w 1881147"/>
                <a:gd name="connsiteY90" fmla="*/ 730454 h 1699585"/>
                <a:gd name="connsiteX91" fmla="*/ 1572099 w 1881147"/>
                <a:gd name="connsiteY91" fmla="*/ 768554 h 1699585"/>
                <a:gd name="connsiteX92" fmla="*/ 1624486 w 1881147"/>
                <a:gd name="connsiteY92" fmla="*/ 701879 h 1699585"/>
                <a:gd name="connsiteX93" fmla="*/ 1622283 w 1881147"/>
                <a:gd name="connsiteY93" fmla="*/ 559004 h 1699585"/>
                <a:gd name="connsiteX94" fmla="*/ 1639486 w 1881147"/>
                <a:gd name="connsiteY94" fmla="*/ 410678 h 1699585"/>
                <a:gd name="connsiteX0" fmla="*/ 1639486 w 1881147"/>
                <a:gd name="connsiteY0" fmla="*/ 419377 h 1708284"/>
                <a:gd name="connsiteX1" fmla="*/ 1567336 w 1881147"/>
                <a:gd name="connsiteY1" fmla="*/ 386728 h 1708284"/>
                <a:gd name="connsiteX2" fmla="*/ 1477087 w 1881147"/>
                <a:gd name="connsiteY2" fmla="*/ 362915 h 1708284"/>
                <a:gd name="connsiteX3" fmla="*/ 1423767 w 1881147"/>
                <a:gd name="connsiteY3" fmla="*/ 285831 h 1708284"/>
                <a:gd name="connsiteX4" fmla="*/ 1400666 w 1881147"/>
                <a:gd name="connsiteY4" fmla="*/ 183986 h 1708284"/>
                <a:gd name="connsiteX5" fmla="*/ 1364769 w 1881147"/>
                <a:gd name="connsiteY5" fmla="*/ 15924 h 1708284"/>
                <a:gd name="connsiteX6" fmla="*/ 1297400 w 1881147"/>
                <a:gd name="connsiteY6" fmla="*/ 57622 h 1708284"/>
                <a:gd name="connsiteX7" fmla="*/ 1291832 w 1881147"/>
                <a:gd name="connsiteY7" fmla="*/ 115145 h 1708284"/>
                <a:gd name="connsiteX8" fmla="*/ 1275927 w 1881147"/>
                <a:gd name="connsiteY8" fmla="*/ 166358 h 1708284"/>
                <a:gd name="connsiteX9" fmla="*/ 1214911 w 1881147"/>
                <a:gd name="connsiteY9" fmla="*/ 172415 h 1708284"/>
                <a:gd name="connsiteX10" fmla="*/ 1186336 w 1881147"/>
                <a:gd name="connsiteY10" fmla="*/ 200990 h 1708284"/>
                <a:gd name="connsiteX11" fmla="*/ 1176811 w 1881147"/>
                <a:gd name="connsiteY11" fmla="*/ 272428 h 1708284"/>
                <a:gd name="connsiteX12" fmla="*/ 1114899 w 1881147"/>
                <a:gd name="connsiteY12" fmla="*/ 315290 h 1708284"/>
                <a:gd name="connsiteX13" fmla="*/ 1005361 w 1881147"/>
                <a:gd name="connsiteY13" fmla="*/ 329578 h 1708284"/>
                <a:gd name="connsiteX14" fmla="*/ 962499 w 1881147"/>
                <a:gd name="connsiteY14" fmla="*/ 372440 h 1708284"/>
                <a:gd name="connsiteX15" fmla="*/ 838674 w 1881147"/>
                <a:gd name="connsiteY15" fmla="*/ 372440 h 1708284"/>
                <a:gd name="connsiteX16" fmla="*/ 781524 w 1881147"/>
                <a:gd name="connsiteY16" fmla="*/ 443878 h 1708284"/>
                <a:gd name="connsiteX17" fmla="*/ 781524 w 1881147"/>
                <a:gd name="connsiteY17" fmla="*/ 477215 h 1708284"/>
                <a:gd name="connsiteX18" fmla="*/ 743424 w 1881147"/>
                <a:gd name="connsiteY18" fmla="*/ 501028 h 1708284"/>
                <a:gd name="connsiteX19" fmla="*/ 671986 w 1881147"/>
                <a:gd name="connsiteY19" fmla="*/ 434353 h 1708284"/>
                <a:gd name="connsiteX20" fmla="*/ 519586 w 1881147"/>
                <a:gd name="connsiteY20" fmla="*/ 429590 h 1708284"/>
                <a:gd name="connsiteX21" fmla="*/ 457674 w 1881147"/>
                <a:gd name="connsiteY21" fmla="*/ 448640 h 1708284"/>
                <a:gd name="connsiteX22" fmla="*/ 419574 w 1881147"/>
                <a:gd name="connsiteY22" fmla="*/ 434353 h 1708284"/>
                <a:gd name="connsiteX23" fmla="*/ 400524 w 1881147"/>
                <a:gd name="connsiteY23" fmla="*/ 372440 h 1708284"/>
                <a:gd name="connsiteX24" fmla="*/ 333849 w 1881147"/>
                <a:gd name="connsiteY24" fmla="*/ 320053 h 1708284"/>
                <a:gd name="connsiteX25" fmla="*/ 286224 w 1881147"/>
                <a:gd name="connsiteY25" fmla="*/ 253378 h 1708284"/>
                <a:gd name="connsiteX26" fmla="*/ 143349 w 1881147"/>
                <a:gd name="connsiteY26" fmla="*/ 272428 h 1708284"/>
                <a:gd name="connsiteX27" fmla="*/ 124299 w 1881147"/>
                <a:gd name="connsiteY27" fmla="*/ 348628 h 1708284"/>
                <a:gd name="connsiteX28" fmla="*/ 110011 w 1881147"/>
                <a:gd name="connsiteY28" fmla="*/ 381965 h 1708284"/>
                <a:gd name="connsiteX29" fmla="*/ 133824 w 1881147"/>
                <a:gd name="connsiteY29" fmla="*/ 429590 h 1708284"/>
                <a:gd name="connsiteX30" fmla="*/ 81436 w 1881147"/>
                <a:gd name="connsiteY30" fmla="*/ 467690 h 1708284"/>
                <a:gd name="connsiteX31" fmla="*/ 33811 w 1881147"/>
                <a:gd name="connsiteY31" fmla="*/ 462928 h 1708284"/>
                <a:gd name="connsiteX32" fmla="*/ 33811 w 1881147"/>
                <a:gd name="connsiteY32" fmla="*/ 534365 h 1708284"/>
                <a:gd name="connsiteX33" fmla="*/ 474 w 1881147"/>
                <a:gd name="connsiteY33" fmla="*/ 639140 h 1708284"/>
                <a:gd name="connsiteX34" fmla="*/ 62386 w 1881147"/>
                <a:gd name="connsiteY34" fmla="*/ 715340 h 1708284"/>
                <a:gd name="connsiteX35" fmla="*/ 111977 w 1881147"/>
                <a:gd name="connsiteY35" fmla="*/ 695602 h 1708284"/>
                <a:gd name="connsiteX36" fmla="*/ 112334 w 1881147"/>
                <a:gd name="connsiteY36" fmla="*/ 765861 h 1708284"/>
                <a:gd name="connsiteX37" fmla="*/ 167161 w 1881147"/>
                <a:gd name="connsiteY37" fmla="*/ 796303 h 1708284"/>
                <a:gd name="connsiteX38" fmla="*/ 236159 w 1881147"/>
                <a:gd name="connsiteY38" fmla="*/ 806515 h 1708284"/>
                <a:gd name="connsiteX39" fmla="*/ 271462 w 1881147"/>
                <a:gd name="connsiteY39" fmla="*/ 862486 h 1708284"/>
                <a:gd name="connsiteX40" fmla="*/ 270869 w 1881147"/>
                <a:gd name="connsiteY40" fmla="*/ 907558 h 1708284"/>
                <a:gd name="connsiteX41" fmla="*/ 295393 w 1881147"/>
                <a:gd name="connsiteY41" fmla="*/ 947033 h 1708284"/>
                <a:gd name="connsiteX42" fmla="*/ 341051 w 1881147"/>
                <a:gd name="connsiteY42" fmla="*/ 985625 h 1708284"/>
                <a:gd name="connsiteX43" fmla="*/ 426184 w 1881147"/>
                <a:gd name="connsiteY43" fmla="*/ 1039877 h 1708284"/>
                <a:gd name="connsiteX44" fmla="*/ 461961 w 1881147"/>
                <a:gd name="connsiteY44" fmla="*/ 1110970 h 1708284"/>
                <a:gd name="connsiteX45" fmla="*/ 441064 w 1881147"/>
                <a:gd name="connsiteY45" fmla="*/ 1180543 h 1708284"/>
                <a:gd name="connsiteX46" fmla="*/ 519111 w 1881147"/>
                <a:gd name="connsiteY46" fmla="*/ 1237006 h 1708284"/>
                <a:gd name="connsiteX47" fmla="*/ 591143 w 1881147"/>
                <a:gd name="connsiteY47" fmla="*/ 1270000 h 1708284"/>
                <a:gd name="connsiteX48" fmla="*/ 571974 w 1881147"/>
                <a:gd name="connsiteY48" fmla="*/ 1329703 h 1708284"/>
                <a:gd name="connsiteX49" fmla="*/ 662461 w 1881147"/>
                <a:gd name="connsiteY49" fmla="*/ 1482103 h 1708284"/>
                <a:gd name="connsiteX50" fmla="*/ 755271 w 1881147"/>
                <a:gd name="connsiteY50" fmla="*/ 1555257 h 1708284"/>
                <a:gd name="connsiteX51" fmla="*/ 805336 w 1881147"/>
                <a:gd name="connsiteY51" fmla="*/ 1505915 h 1708284"/>
                <a:gd name="connsiteX52" fmla="*/ 869926 w 1881147"/>
                <a:gd name="connsiteY52" fmla="*/ 1533312 h 1708284"/>
                <a:gd name="connsiteX53" fmla="*/ 924399 w 1881147"/>
                <a:gd name="connsiteY53" fmla="*/ 1501153 h 1708284"/>
                <a:gd name="connsiteX54" fmla="*/ 941246 w 1881147"/>
                <a:gd name="connsiteY54" fmla="*/ 1458977 h 1708284"/>
                <a:gd name="connsiteX55" fmla="*/ 1005123 w 1881147"/>
                <a:gd name="connsiteY55" fmla="*/ 1545389 h 1708284"/>
                <a:gd name="connsiteX56" fmla="*/ 1050190 w 1881147"/>
                <a:gd name="connsiteY56" fmla="*/ 1616483 h 1708284"/>
                <a:gd name="connsiteX57" fmla="*/ 1120136 w 1881147"/>
                <a:gd name="connsiteY57" fmla="*/ 1708002 h 1708284"/>
                <a:gd name="connsiteX58" fmla="*/ 1151034 w 1881147"/>
                <a:gd name="connsiteY58" fmla="*/ 1644911 h 1708284"/>
                <a:gd name="connsiteX59" fmla="*/ 1181693 w 1881147"/>
                <a:gd name="connsiteY59" fmla="*/ 1638431 h 1708284"/>
                <a:gd name="connsiteX60" fmla="*/ 1224792 w 1881147"/>
                <a:gd name="connsiteY60" fmla="*/ 1667694 h 1708284"/>
                <a:gd name="connsiteX61" fmla="*/ 1258367 w 1881147"/>
                <a:gd name="connsiteY61" fmla="*/ 1627040 h 1708284"/>
                <a:gd name="connsiteX62" fmla="*/ 1277188 w 1881147"/>
                <a:gd name="connsiteY62" fmla="*/ 1631657 h 1708284"/>
                <a:gd name="connsiteX63" fmla="*/ 1311230 w 1881147"/>
                <a:gd name="connsiteY63" fmla="*/ 1698134 h 1708284"/>
                <a:gd name="connsiteX64" fmla="*/ 1367786 w 1881147"/>
                <a:gd name="connsiteY64" fmla="*/ 1674665 h 1708284"/>
                <a:gd name="connsiteX65" fmla="*/ 1419818 w 1881147"/>
                <a:gd name="connsiteY65" fmla="*/ 1618544 h 1708284"/>
                <a:gd name="connsiteX66" fmla="*/ 1470595 w 1881147"/>
                <a:gd name="connsiteY66" fmla="*/ 1602001 h 1708284"/>
                <a:gd name="connsiteX67" fmla="*/ 1488274 w 1881147"/>
                <a:gd name="connsiteY67" fmla="*/ 1657823 h 1708284"/>
                <a:gd name="connsiteX68" fmla="*/ 1558169 w 1881147"/>
                <a:gd name="connsiteY68" fmla="*/ 1632145 h 1708284"/>
                <a:gd name="connsiteX69" fmla="*/ 1588947 w 1881147"/>
                <a:gd name="connsiteY69" fmla="*/ 1545389 h 1708284"/>
                <a:gd name="connsiteX70" fmla="*/ 1670383 w 1881147"/>
                <a:gd name="connsiteY70" fmla="*/ 1455247 h 1708284"/>
                <a:gd name="connsiteX71" fmla="*/ 1714974 w 1881147"/>
                <a:gd name="connsiteY71" fmla="*/ 1424117 h 1708284"/>
                <a:gd name="connsiteX72" fmla="*/ 1743343 w 1881147"/>
                <a:gd name="connsiteY72" fmla="*/ 1427412 h 1708284"/>
                <a:gd name="connsiteX73" fmla="*/ 1820935 w 1881147"/>
                <a:gd name="connsiteY73" fmla="*/ 1416804 h 1708284"/>
                <a:gd name="connsiteX74" fmla="*/ 1816054 w 1881147"/>
                <a:gd name="connsiteY74" fmla="*/ 1470368 h 1708284"/>
                <a:gd name="connsiteX75" fmla="*/ 1874221 w 1881147"/>
                <a:gd name="connsiteY75" fmla="*/ 1493689 h 1708284"/>
                <a:gd name="connsiteX76" fmla="*/ 1875829 w 1881147"/>
                <a:gd name="connsiteY76" fmla="*/ 1471055 h 1708284"/>
                <a:gd name="connsiteX77" fmla="*/ 1875051 w 1881147"/>
                <a:gd name="connsiteY77" fmla="*/ 1410321 h 1708284"/>
                <a:gd name="connsiteX78" fmla="*/ 1853086 w 1881147"/>
                <a:gd name="connsiteY78" fmla="*/ 1320178 h 1708284"/>
                <a:gd name="connsiteX79" fmla="*/ 1853086 w 1881147"/>
                <a:gd name="connsiteY79" fmla="*/ 1263028 h 1708284"/>
                <a:gd name="connsiteX80" fmla="*/ 1810224 w 1881147"/>
                <a:gd name="connsiteY80" fmla="*/ 1253503 h 1708284"/>
                <a:gd name="connsiteX81" fmla="*/ 1734024 w 1881147"/>
                <a:gd name="connsiteY81" fmla="*/ 1172540 h 1708284"/>
                <a:gd name="connsiteX82" fmla="*/ 1695924 w 1881147"/>
                <a:gd name="connsiteY82" fmla="*/ 991565 h 1708284"/>
                <a:gd name="connsiteX83" fmla="*/ 1643536 w 1881147"/>
                <a:gd name="connsiteY83" fmla="*/ 958228 h 1708284"/>
                <a:gd name="connsiteX84" fmla="*/ 1605436 w 1881147"/>
                <a:gd name="connsiteY84" fmla="*/ 901078 h 1708284"/>
                <a:gd name="connsiteX85" fmla="*/ 1557811 w 1881147"/>
                <a:gd name="connsiteY85" fmla="*/ 853453 h 1708284"/>
                <a:gd name="connsiteX86" fmla="*/ 1505424 w 1881147"/>
                <a:gd name="connsiteY86" fmla="*/ 834403 h 1708284"/>
                <a:gd name="connsiteX87" fmla="*/ 1453036 w 1881147"/>
                <a:gd name="connsiteY87" fmla="*/ 829640 h 1708284"/>
                <a:gd name="connsiteX88" fmla="*/ 1510186 w 1881147"/>
                <a:gd name="connsiteY88" fmla="*/ 796303 h 1708284"/>
                <a:gd name="connsiteX89" fmla="*/ 1476849 w 1881147"/>
                <a:gd name="connsiteY89" fmla="*/ 762965 h 1708284"/>
                <a:gd name="connsiteX90" fmla="*/ 1481611 w 1881147"/>
                <a:gd name="connsiteY90" fmla="*/ 739153 h 1708284"/>
                <a:gd name="connsiteX91" fmla="*/ 1572099 w 1881147"/>
                <a:gd name="connsiteY91" fmla="*/ 777253 h 1708284"/>
                <a:gd name="connsiteX92" fmla="*/ 1624486 w 1881147"/>
                <a:gd name="connsiteY92" fmla="*/ 710578 h 1708284"/>
                <a:gd name="connsiteX93" fmla="*/ 1622283 w 1881147"/>
                <a:gd name="connsiteY93" fmla="*/ 567703 h 1708284"/>
                <a:gd name="connsiteX94" fmla="*/ 1639486 w 1881147"/>
                <a:gd name="connsiteY94" fmla="*/ 419377 h 1708284"/>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14911 w 1881147"/>
                <a:gd name="connsiteY9" fmla="*/ 158360 h 1694229"/>
                <a:gd name="connsiteX10" fmla="*/ 1186336 w 1881147"/>
                <a:gd name="connsiteY10" fmla="*/ 186935 h 1694229"/>
                <a:gd name="connsiteX11" fmla="*/ 1176811 w 1881147"/>
                <a:gd name="connsiteY11" fmla="*/ 258373 h 1694229"/>
                <a:gd name="connsiteX12" fmla="*/ 1114899 w 1881147"/>
                <a:gd name="connsiteY12" fmla="*/ 301235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1520 w 1881147"/>
                <a:gd name="connsiteY9" fmla="*/ 206869 h 1694229"/>
                <a:gd name="connsiteX10" fmla="*/ 1186336 w 1881147"/>
                <a:gd name="connsiteY10" fmla="*/ 186935 h 1694229"/>
                <a:gd name="connsiteX11" fmla="*/ 1176811 w 1881147"/>
                <a:gd name="connsiteY11" fmla="*/ 258373 h 1694229"/>
                <a:gd name="connsiteX12" fmla="*/ 1114899 w 1881147"/>
                <a:gd name="connsiteY12" fmla="*/ 301235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1520 w 1881147"/>
                <a:gd name="connsiteY9" fmla="*/ 206869 h 1694229"/>
                <a:gd name="connsiteX10" fmla="*/ 1254673 w 1881147"/>
                <a:gd name="connsiteY10" fmla="*/ 273739 h 1694229"/>
                <a:gd name="connsiteX11" fmla="*/ 1176811 w 1881147"/>
                <a:gd name="connsiteY11" fmla="*/ 258373 h 1694229"/>
                <a:gd name="connsiteX12" fmla="*/ 1114899 w 1881147"/>
                <a:gd name="connsiteY12" fmla="*/ 301235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76811 w 1881147"/>
                <a:gd name="connsiteY11" fmla="*/ 258373 h 1694229"/>
                <a:gd name="connsiteX12" fmla="*/ 1114899 w 1881147"/>
                <a:gd name="connsiteY12" fmla="*/ 301235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74371 w 1881147"/>
                <a:gd name="connsiteY11" fmla="*/ 291563 h 1694229"/>
                <a:gd name="connsiteX12" fmla="*/ 1114899 w 1881147"/>
                <a:gd name="connsiteY12" fmla="*/ 301235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74371 w 1881147"/>
                <a:gd name="connsiteY11" fmla="*/ 291563 h 1694229"/>
                <a:gd name="connsiteX12" fmla="*/ 1117339 w 1881147"/>
                <a:gd name="connsiteY12" fmla="*/ 285917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05361 w 1881147"/>
                <a:gd name="connsiteY13" fmla="*/ 315523 h 1694229"/>
                <a:gd name="connsiteX14" fmla="*/ 962499 w 1881147"/>
                <a:gd name="connsiteY14" fmla="*/ 358385 h 1694229"/>
                <a:gd name="connsiteX15" fmla="*/ 838674 w 1881147"/>
                <a:gd name="connsiteY15" fmla="*/ 358385 h 1694229"/>
                <a:gd name="connsiteX16" fmla="*/ 781524 w 1881147"/>
                <a:gd name="connsiteY16" fmla="*/ 429823 h 1694229"/>
                <a:gd name="connsiteX17" fmla="*/ 781524 w 1881147"/>
                <a:gd name="connsiteY17" fmla="*/ 463160 h 1694229"/>
                <a:gd name="connsiteX18" fmla="*/ 743424 w 1881147"/>
                <a:gd name="connsiteY18" fmla="*/ 486973 h 1694229"/>
                <a:gd name="connsiteX19" fmla="*/ 671986 w 1881147"/>
                <a:gd name="connsiteY19" fmla="*/ 420298 h 1694229"/>
                <a:gd name="connsiteX20" fmla="*/ 519586 w 1881147"/>
                <a:gd name="connsiteY20" fmla="*/ 415535 h 1694229"/>
                <a:gd name="connsiteX21" fmla="*/ 457674 w 1881147"/>
                <a:gd name="connsiteY21" fmla="*/ 434585 h 1694229"/>
                <a:gd name="connsiteX22" fmla="*/ 419574 w 1881147"/>
                <a:gd name="connsiteY22" fmla="*/ 420298 h 1694229"/>
                <a:gd name="connsiteX23" fmla="*/ 400524 w 1881147"/>
                <a:gd name="connsiteY23" fmla="*/ 358385 h 1694229"/>
                <a:gd name="connsiteX24" fmla="*/ 333849 w 1881147"/>
                <a:gd name="connsiteY24" fmla="*/ 305998 h 1694229"/>
                <a:gd name="connsiteX25" fmla="*/ 286224 w 1881147"/>
                <a:gd name="connsiteY25" fmla="*/ 239323 h 1694229"/>
                <a:gd name="connsiteX26" fmla="*/ 143349 w 1881147"/>
                <a:gd name="connsiteY26" fmla="*/ 258373 h 1694229"/>
                <a:gd name="connsiteX27" fmla="*/ 124299 w 1881147"/>
                <a:gd name="connsiteY27" fmla="*/ 334573 h 1694229"/>
                <a:gd name="connsiteX28" fmla="*/ 110011 w 1881147"/>
                <a:gd name="connsiteY28" fmla="*/ 367910 h 1694229"/>
                <a:gd name="connsiteX29" fmla="*/ 133824 w 1881147"/>
                <a:gd name="connsiteY29" fmla="*/ 415535 h 1694229"/>
                <a:gd name="connsiteX30" fmla="*/ 81436 w 1881147"/>
                <a:gd name="connsiteY30" fmla="*/ 453635 h 1694229"/>
                <a:gd name="connsiteX31" fmla="*/ 33811 w 1881147"/>
                <a:gd name="connsiteY31" fmla="*/ 448873 h 1694229"/>
                <a:gd name="connsiteX32" fmla="*/ 33811 w 1881147"/>
                <a:gd name="connsiteY32" fmla="*/ 520310 h 1694229"/>
                <a:gd name="connsiteX33" fmla="*/ 474 w 1881147"/>
                <a:gd name="connsiteY33" fmla="*/ 625085 h 1694229"/>
                <a:gd name="connsiteX34" fmla="*/ 62386 w 1881147"/>
                <a:gd name="connsiteY34" fmla="*/ 701285 h 1694229"/>
                <a:gd name="connsiteX35" fmla="*/ 111977 w 1881147"/>
                <a:gd name="connsiteY35" fmla="*/ 681547 h 1694229"/>
                <a:gd name="connsiteX36" fmla="*/ 112334 w 1881147"/>
                <a:gd name="connsiteY36" fmla="*/ 751806 h 1694229"/>
                <a:gd name="connsiteX37" fmla="*/ 167161 w 1881147"/>
                <a:gd name="connsiteY37" fmla="*/ 782248 h 1694229"/>
                <a:gd name="connsiteX38" fmla="*/ 236159 w 1881147"/>
                <a:gd name="connsiteY38" fmla="*/ 792460 h 1694229"/>
                <a:gd name="connsiteX39" fmla="*/ 271462 w 1881147"/>
                <a:gd name="connsiteY39" fmla="*/ 848431 h 1694229"/>
                <a:gd name="connsiteX40" fmla="*/ 270869 w 1881147"/>
                <a:gd name="connsiteY40" fmla="*/ 893503 h 1694229"/>
                <a:gd name="connsiteX41" fmla="*/ 295393 w 1881147"/>
                <a:gd name="connsiteY41" fmla="*/ 932978 h 1694229"/>
                <a:gd name="connsiteX42" fmla="*/ 341051 w 1881147"/>
                <a:gd name="connsiteY42" fmla="*/ 971570 h 1694229"/>
                <a:gd name="connsiteX43" fmla="*/ 426184 w 1881147"/>
                <a:gd name="connsiteY43" fmla="*/ 1025822 h 1694229"/>
                <a:gd name="connsiteX44" fmla="*/ 461961 w 1881147"/>
                <a:gd name="connsiteY44" fmla="*/ 1096915 h 1694229"/>
                <a:gd name="connsiteX45" fmla="*/ 441064 w 1881147"/>
                <a:gd name="connsiteY45" fmla="*/ 1166488 h 1694229"/>
                <a:gd name="connsiteX46" fmla="*/ 519111 w 1881147"/>
                <a:gd name="connsiteY46" fmla="*/ 1222951 h 1694229"/>
                <a:gd name="connsiteX47" fmla="*/ 591143 w 1881147"/>
                <a:gd name="connsiteY47" fmla="*/ 1255945 h 1694229"/>
                <a:gd name="connsiteX48" fmla="*/ 571974 w 1881147"/>
                <a:gd name="connsiteY48" fmla="*/ 1315648 h 1694229"/>
                <a:gd name="connsiteX49" fmla="*/ 662461 w 1881147"/>
                <a:gd name="connsiteY49" fmla="*/ 1468048 h 1694229"/>
                <a:gd name="connsiteX50" fmla="*/ 755271 w 1881147"/>
                <a:gd name="connsiteY50" fmla="*/ 1541202 h 1694229"/>
                <a:gd name="connsiteX51" fmla="*/ 805336 w 1881147"/>
                <a:gd name="connsiteY51" fmla="*/ 1491860 h 1694229"/>
                <a:gd name="connsiteX52" fmla="*/ 869926 w 1881147"/>
                <a:gd name="connsiteY52" fmla="*/ 1519257 h 1694229"/>
                <a:gd name="connsiteX53" fmla="*/ 924399 w 1881147"/>
                <a:gd name="connsiteY53" fmla="*/ 1487098 h 1694229"/>
                <a:gd name="connsiteX54" fmla="*/ 941246 w 1881147"/>
                <a:gd name="connsiteY54" fmla="*/ 1444922 h 1694229"/>
                <a:gd name="connsiteX55" fmla="*/ 1005123 w 1881147"/>
                <a:gd name="connsiteY55" fmla="*/ 1531334 h 1694229"/>
                <a:gd name="connsiteX56" fmla="*/ 1050190 w 1881147"/>
                <a:gd name="connsiteY56" fmla="*/ 1602428 h 1694229"/>
                <a:gd name="connsiteX57" fmla="*/ 1120136 w 1881147"/>
                <a:gd name="connsiteY57" fmla="*/ 1693947 h 1694229"/>
                <a:gd name="connsiteX58" fmla="*/ 1151034 w 1881147"/>
                <a:gd name="connsiteY58" fmla="*/ 1630856 h 1694229"/>
                <a:gd name="connsiteX59" fmla="*/ 1181693 w 1881147"/>
                <a:gd name="connsiteY59" fmla="*/ 1624376 h 1694229"/>
                <a:gd name="connsiteX60" fmla="*/ 1224792 w 1881147"/>
                <a:gd name="connsiteY60" fmla="*/ 1653639 h 1694229"/>
                <a:gd name="connsiteX61" fmla="*/ 1258367 w 1881147"/>
                <a:gd name="connsiteY61" fmla="*/ 1612985 h 1694229"/>
                <a:gd name="connsiteX62" fmla="*/ 1277188 w 1881147"/>
                <a:gd name="connsiteY62" fmla="*/ 1617602 h 1694229"/>
                <a:gd name="connsiteX63" fmla="*/ 1311230 w 1881147"/>
                <a:gd name="connsiteY63" fmla="*/ 1684079 h 1694229"/>
                <a:gd name="connsiteX64" fmla="*/ 1367786 w 1881147"/>
                <a:gd name="connsiteY64" fmla="*/ 1660610 h 1694229"/>
                <a:gd name="connsiteX65" fmla="*/ 1419818 w 1881147"/>
                <a:gd name="connsiteY65" fmla="*/ 1604489 h 1694229"/>
                <a:gd name="connsiteX66" fmla="*/ 1470595 w 1881147"/>
                <a:gd name="connsiteY66" fmla="*/ 1587946 h 1694229"/>
                <a:gd name="connsiteX67" fmla="*/ 1488274 w 1881147"/>
                <a:gd name="connsiteY67" fmla="*/ 1643768 h 1694229"/>
                <a:gd name="connsiteX68" fmla="*/ 1558169 w 1881147"/>
                <a:gd name="connsiteY68" fmla="*/ 1618090 h 1694229"/>
                <a:gd name="connsiteX69" fmla="*/ 1588947 w 1881147"/>
                <a:gd name="connsiteY69" fmla="*/ 1531334 h 1694229"/>
                <a:gd name="connsiteX70" fmla="*/ 1670383 w 1881147"/>
                <a:gd name="connsiteY70" fmla="*/ 1441192 h 1694229"/>
                <a:gd name="connsiteX71" fmla="*/ 1714974 w 1881147"/>
                <a:gd name="connsiteY71" fmla="*/ 1410062 h 1694229"/>
                <a:gd name="connsiteX72" fmla="*/ 1743343 w 1881147"/>
                <a:gd name="connsiteY72" fmla="*/ 1413357 h 1694229"/>
                <a:gd name="connsiteX73" fmla="*/ 1820935 w 1881147"/>
                <a:gd name="connsiteY73" fmla="*/ 1402749 h 1694229"/>
                <a:gd name="connsiteX74" fmla="*/ 1816054 w 1881147"/>
                <a:gd name="connsiteY74" fmla="*/ 1456313 h 1694229"/>
                <a:gd name="connsiteX75" fmla="*/ 1874221 w 1881147"/>
                <a:gd name="connsiteY75" fmla="*/ 1479634 h 1694229"/>
                <a:gd name="connsiteX76" fmla="*/ 1875829 w 1881147"/>
                <a:gd name="connsiteY76" fmla="*/ 1457000 h 1694229"/>
                <a:gd name="connsiteX77" fmla="*/ 1875051 w 1881147"/>
                <a:gd name="connsiteY77" fmla="*/ 1396266 h 1694229"/>
                <a:gd name="connsiteX78" fmla="*/ 1853086 w 1881147"/>
                <a:gd name="connsiteY78" fmla="*/ 1306123 h 1694229"/>
                <a:gd name="connsiteX79" fmla="*/ 1853086 w 1881147"/>
                <a:gd name="connsiteY79" fmla="*/ 1248973 h 1694229"/>
                <a:gd name="connsiteX80" fmla="*/ 1810224 w 1881147"/>
                <a:gd name="connsiteY80" fmla="*/ 1239448 h 1694229"/>
                <a:gd name="connsiteX81" fmla="*/ 1734024 w 1881147"/>
                <a:gd name="connsiteY81" fmla="*/ 1158485 h 1694229"/>
                <a:gd name="connsiteX82" fmla="*/ 1695924 w 1881147"/>
                <a:gd name="connsiteY82" fmla="*/ 977510 h 1694229"/>
                <a:gd name="connsiteX83" fmla="*/ 1643536 w 1881147"/>
                <a:gd name="connsiteY83" fmla="*/ 944173 h 1694229"/>
                <a:gd name="connsiteX84" fmla="*/ 1605436 w 1881147"/>
                <a:gd name="connsiteY84" fmla="*/ 887023 h 1694229"/>
                <a:gd name="connsiteX85" fmla="*/ 1557811 w 1881147"/>
                <a:gd name="connsiteY85" fmla="*/ 839398 h 1694229"/>
                <a:gd name="connsiteX86" fmla="*/ 1505424 w 1881147"/>
                <a:gd name="connsiteY86" fmla="*/ 820348 h 1694229"/>
                <a:gd name="connsiteX87" fmla="*/ 1453036 w 1881147"/>
                <a:gd name="connsiteY87" fmla="*/ 815585 h 1694229"/>
                <a:gd name="connsiteX88" fmla="*/ 1510186 w 1881147"/>
                <a:gd name="connsiteY88" fmla="*/ 782248 h 1694229"/>
                <a:gd name="connsiteX89" fmla="*/ 1476849 w 1881147"/>
                <a:gd name="connsiteY89" fmla="*/ 748910 h 1694229"/>
                <a:gd name="connsiteX90" fmla="*/ 1481611 w 1881147"/>
                <a:gd name="connsiteY90" fmla="*/ 725098 h 1694229"/>
                <a:gd name="connsiteX91" fmla="*/ 1572099 w 1881147"/>
                <a:gd name="connsiteY91" fmla="*/ 763198 h 1694229"/>
                <a:gd name="connsiteX92" fmla="*/ 1624486 w 1881147"/>
                <a:gd name="connsiteY92" fmla="*/ 696523 h 1694229"/>
                <a:gd name="connsiteX93" fmla="*/ 1622283 w 1881147"/>
                <a:gd name="connsiteY93" fmla="*/ 553648 h 1694229"/>
                <a:gd name="connsiteX94" fmla="*/ 1639486 w 1881147"/>
                <a:gd name="connsiteY94"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4856 w 1881147"/>
                <a:gd name="connsiteY13" fmla="*/ 323206 h 1694229"/>
                <a:gd name="connsiteX14" fmla="*/ 1005361 w 1881147"/>
                <a:gd name="connsiteY14" fmla="*/ 315523 h 1694229"/>
                <a:gd name="connsiteX15" fmla="*/ 962499 w 1881147"/>
                <a:gd name="connsiteY15" fmla="*/ 358385 h 1694229"/>
                <a:gd name="connsiteX16" fmla="*/ 838674 w 1881147"/>
                <a:gd name="connsiteY16" fmla="*/ 358385 h 1694229"/>
                <a:gd name="connsiteX17" fmla="*/ 781524 w 1881147"/>
                <a:gd name="connsiteY17" fmla="*/ 429823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4856 w 1881147"/>
                <a:gd name="connsiteY13" fmla="*/ 323206 h 1694229"/>
                <a:gd name="connsiteX14" fmla="*/ 1005361 w 1881147"/>
                <a:gd name="connsiteY14" fmla="*/ 315523 h 1694229"/>
                <a:gd name="connsiteX15" fmla="*/ 962499 w 1881147"/>
                <a:gd name="connsiteY15" fmla="*/ 358385 h 1694229"/>
                <a:gd name="connsiteX16" fmla="*/ 838674 w 1881147"/>
                <a:gd name="connsiteY16" fmla="*/ 358385 h 1694229"/>
                <a:gd name="connsiteX17" fmla="*/ 781524 w 1881147"/>
                <a:gd name="connsiteY17" fmla="*/ 429823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4856 w 1881147"/>
                <a:gd name="connsiteY13" fmla="*/ 323206 h 1694229"/>
                <a:gd name="connsiteX14" fmla="*/ 1015123 w 1881147"/>
                <a:gd name="connsiteY14" fmla="*/ 371690 h 1694229"/>
                <a:gd name="connsiteX15" fmla="*/ 962499 w 1881147"/>
                <a:gd name="connsiteY15" fmla="*/ 358385 h 1694229"/>
                <a:gd name="connsiteX16" fmla="*/ 838674 w 1881147"/>
                <a:gd name="connsiteY16" fmla="*/ 358385 h 1694229"/>
                <a:gd name="connsiteX17" fmla="*/ 781524 w 1881147"/>
                <a:gd name="connsiteY17" fmla="*/ 429823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38674 w 1881147"/>
                <a:gd name="connsiteY16" fmla="*/ 358385 h 1694229"/>
                <a:gd name="connsiteX17" fmla="*/ 781524 w 1881147"/>
                <a:gd name="connsiteY17" fmla="*/ 429823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781524 w 1881147"/>
                <a:gd name="connsiteY17" fmla="*/ 429823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781524 w 1881147"/>
                <a:gd name="connsiteY17" fmla="*/ 429823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781524 w 1881147"/>
                <a:gd name="connsiteY17" fmla="*/ 429823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781524 w 1881147"/>
                <a:gd name="connsiteY18" fmla="*/ 463160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43424 w 1881147"/>
                <a:gd name="connsiteY19" fmla="*/ 486973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671986 w 1881147"/>
                <a:gd name="connsiteY20" fmla="*/ 420298 h 1694229"/>
                <a:gd name="connsiteX21" fmla="*/ 519586 w 1881147"/>
                <a:gd name="connsiteY21" fmla="*/ 415535 h 1694229"/>
                <a:gd name="connsiteX22" fmla="*/ 457674 w 1881147"/>
                <a:gd name="connsiteY22" fmla="*/ 434585 h 1694229"/>
                <a:gd name="connsiteX23" fmla="*/ 419574 w 1881147"/>
                <a:gd name="connsiteY23" fmla="*/ 420298 h 1694229"/>
                <a:gd name="connsiteX24" fmla="*/ 400524 w 1881147"/>
                <a:gd name="connsiteY24" fmla="*/ 358385 h 1694229"/>
                <a:gd name="connsiteX25" fmla="*/ 333849 w 1881147"/>
                <a:gd name="connsiteY25" fmla="*/ 305998 h 1694229"/>
                <a:gd name="connsiteX26" fmla="*/ 286224 w 1881147"/>
                <a:gd name="connsiteY26" fmla="*/ 239323 h 1694229"/>
                <a:gd name="connsiteX27" fmla="*/ 143349 w 1881147"/>
                <a:gd name="connsiteY27" fmla="*/ 258373 h 1694229"/>
                <a:gd name="connsiteX28" fmla="*/ 124299 w 1881147"/>
                <a:gd name="connsiteY28" fmla="*/ 334573 h 1694229"/>
                <a:gd name="connsiteX29" fmla="*/ 110011 w 1881147"/>
                <a:gd name="connsiteY29" fmla="*/ 367910 h 1694229"/>
                <a:gd name="connsiteX30" fmla="*/ 133824 w 1881147"/>
                <a:gd name="connsiteY30" fmla="*/ 415535 h 1694229"/>
                <a:gd name="connsiteX31" fmla="*/ 81436 w 1881147"/>
                <a:gd name="connsiteY31" fmla="*/ 453635 h 1694229"/>
                <a:gd name="connsiteX32" fmla="*/ 33811 w 1881147"/>
                <a:gd name="connsiteY32" fmla="*/ 448873 h 1694229"/>
                <a:gd name="connsiteX33" fmla="*/ 33811 w 1881147"/>
                <a:gd name="connsiteY33" fmla="*/ 520310 h 1694229"/>
                <a:gd name="connsiteX34" fmla="*/ 474 w 1881147"/>
                <a:gd name="connsiteY34" fmla="*/ 625085 h 1694229"/>
                <a:gd name="connsiteX35" fmla="*/ 62386 w 1881147"/>
                <a:gd name="connsiteY35" fmla="*/ 701285 h 1694229"/>
                <a:gd name="connsiteX36" fmla="*/ 111977 w 1881147"/>
                <a:gd name="connsiteY36" fmla="*/ 681547 h 1694229"/>
                <a:gd name="connsiteX37" fmla="*/ 112334 w 1881147"/>
                <a:gd name="connsiteY37" fmla="*/ 751806 h 1694229"/>
                <a:gd name="connsiteX38" fmla="*/ 167161 w 1881147"/>
                <a:gd name="connsiteY38" fmla="*/ 782248 h 1694229"/>
                <a:gd name="connsiteX39" fmla="*/ 236159 w 1881147"/>
                <a:gd name="connsiteY39" fmla="*/ 792460 h 1694229"/>
                <a:gd name="connsiteX40" fmla="*/ 271462 w 1881147"/>
                <a:gd name="connsiteY40" fmla="*/ 848431 h 1694229"/>
                <a:gd name="connsiteX41" fmla="*/ 270869 w 1881147"/>
                <a:gd name="connsiteY41" fmla="*/ 893503 h 1694229"/>
                <a:gd name="connsiteX42" fmla="*/ 295393 w 1881147"/>
                <a:gd name="connsiteY42" fmla="*/ 932978 h 1694229"/>
                <a:gd name="connsiteX43" fmla="*/ 341051 w 1881147"/>
                <a:gd name="connsiteY43" fmla="*/ 971570 h 1694229"/>
                <a:gd name="connsiteX44" fmla="*/ 426184 w 1881147"/>
                <a:gd name="connsiteY44" fmla="*/ 1025822 h 1694229"/>
                <a:gd name="connsiteX45" fmla="*/ 461961 w 1881147"/>
                <a:gd name="connsiteY45" fmla="*/ 1096915 h 1694229"/>
                <a:gd name="connsiteX46" fmla="*/ 441064 w 1881147"/>
                <a:gd name="connsiteY46" fmla="*/ 1166488 h 1694229"/>
                <a:gd name="connsiteX47" fmla="*/ 519111 w 1881147"/>
                <a:gd name="connsiteY47" fmla="*/ 1222951 h 1694229"/>
                <a:gd name="connsiteX48" fmla="*/ 591143 w 1881147"/>
                <a:gd name="connsiteY48" fmla="*/ 1255945 h 1694229"/>
                <a:gd name="connsiteX49" fmla="*/ 571974 w 1881147"/>
                <a:gd name="connsiteY49" fmla="*/ 1315648 h 1694229"/>
                <a:gd name="connsiteX50" fmla="*/ 662461 w 1881147"/>
                <a:gd name="connsiteY50" fmla="*/ 1468048 h 1694229"/>
                <a:gd name="connsiteX51" fmla="*/ 755271 w 1881147"/>
                <a:gd name="connsiteY51" fmla="*/ 1541202 h 1694229"/>
                <a:gd name="connsiteX52" fmla="*/ 805336 w 1881147"/>
                <a:gd name="connsiteY52" fmla="*/ 1491860 h 1694229"/>
                <a:gd name="connsiteX53" fmla="*/ 869926 w 1881147"/>
                <a:gd name="connsiteY53" fmla="*/ 1519257 h 1694229"/>
                <a:gd name="connsiteX54" fmla="*/ 924399 w 1881147"/>
                <a:gd name="connsiteY54" fmla="*/ 1487098 h 1694229"/>
                <a:gd name="connsiteX55" fmla="*/ 941246 w 1881147"/>
                <a:gd name="connsiteY55" fmla="*/ 1444922 h 1694229"/>
                <a:gd name="connsiteX56" fmla="*/ 1005123 w 1881147"/>
                <a:gd name="connsiteY56" fmla="*/ 1531334 h 1694229"/>
                <a:gd name="connsiteX57" fmla="*/ 1050190 w 1881147"/>
                <a:gd name="connsiteY57" fmla="*/ 1602428 h 1694229"/>
                <a:gd name="connsiteX58" fmla="*/ 1120136 w 1881147"/>
                <a:gd name="connsiteY58" fmla="*/ 1693947 h 1694229"/>
                <a:gd name="connsiteX59" fmla="*/ 1151034 w 1881147"/>
                <a:gd name="connsiteY59" fmla="*/ 1630856 h 1694229"/>
                <a:gd name="connsiteX60" fmla="*/ 1181693 w 1881147"/>
                <a:gd name="connsiteY60" fmla="*/ 1624376 h 1694229"/>
                <a:gd name="connsiteX61" fmla="*/ 1224792 w 1881147"/>
                <a:gd name="connsiteY61" fmla="*/ 1653639 h 1694229"/>
                <a:gd name="connsiteX62" fmla="*/ 1258367 w 1881147"/>
                <a:gd name="connsiteY62" fmla="*/ 1612985 h 1694229"/>
                <a:gd name="connsiteX63" fmla="*/ 1277188 w 1881147"/>
                <a:gd name="connsiteY63" fmla="*/ 1617602 h 1694229"/>
                <a:gd name="connsiteX64" fmla="*/ 1311230 w 1881147"/>
                <a:gd name="connsiteY64" fmla="*/ 1684079 h 1694229"/>
                <a:gd name="connsiteX65" fmla="*/ 1367786 w 1881147"/>
                <a:gd name="connsiteY65" fmla="*/ 1660610 h 1694229"/>
                <a:gd name="connsiteX66" fmla="*/ 1419818 w 1881147"/>
                <a:gd name="connsiteY66" fmla="*/ 1604489 h 1694229"/>
                <a:gd name="connsiteX67" fmla="*/ 1470595 w 1881147"/>
                <a:gd name="connsiteY67" fmla="*/ 1587946 h 1694229"/>
                <a:gd name="connsiteX68" fmla="*/ 1488274 w 1881147"/>
                <a:gd name="connsiteY68" fmla="*/ 1643768 h 1694229"/>
                <a:gd name="connsiteX69" fmla="*/ 1558169 w 1881147"/>
                <a:gd name="connsiteY69" fmla="*/ 1618090 h 1694229"/>
                <a:gd name="connsiteX70" fmla="*/ 1588947 w 1881147"/>
                <a:gd name="connsiteY70" fmla="*/ 1531334 h 1694229"/>
                <a:gd name="connsiteX71" fmla="*/ 1670383 w 1881147"/>
                <a:gd name="connsiteY71" fmla="*/ 1441192 h 1694229"/>
                <a:gd name="connsiteX72" fmla="*/ 1714974 w 1881147"/>
                <a:gd name="connsiteY72" fmla="*/ 1410062 h 1694229"/>
                <a:gd name="connsiteX73" fmla="*/ 1743343 w 1881147"/>
                <a:gd name="connsiteY73" fmla="*/ 1413357 h 1694229"/>
                <a:gd name="connsiteX74" fmla="*/ 1820935 w 1881147"/>
                <a:gd name="connsiteY74" fmla="*/ 1402749 h 1694229"/>
                <a:gd name="connsiteX75" fmla="*/ 1816054 w 1881147"/>
                <a:gd name="connsiteY75" fmla="*/ 1456313 h 1694229"/>
                <a:gd name="connsiteX76" fmla="*/ 1874221 w 1881147"/>
                <a:gd name="connsiteY76" fmla="*/ 1479634 h 1694229"/>
                <a:gd name="connsiteX77" fmla="*/ 1875829 w 1881147"/>
                <a:gd name="connsiteY77" fmla="*/ 1457000 h 1694229"/>
                <a:gd name="connsiteX78" fmla="*/ 1875051 w 1881147"/>
                <a:gd name="connsiteY78" fmla="*/ 1396266 h 1694229"/>
                <a:gd name="connsiteX79" fmla="*/ 1853086 w 1881147"/>
                <a:gd name="connsiteY79" fmla="*/ 1306123 h 1694229"/>
                <a:gd name="connsiteX80" fmla="*/ 1853086 w 1881147"/>
                <a:gd name="connsiteY80" fmla="*/ 1248973 h 1694229"/>
                <a:gd name="connsiteX81" fmla="*/ 1810224 w 1881147"/>
                <a:gd name="connsiteY81" fmla="*/ 1239448 h 1694229"/>
                <a:gd name="connsiteX82" fmla="*/ 1734024 w 1881147"/>
                <a:gd name="connsiteY82" fmla="*/ 1158485 h 1694229"/>
                <a:gd name="connsiteX83" fmla="*/ 1695924 w 1881147"/>
                <a:gd name="connsiteY83" fmla="*/ 977510 h 1694229"/>
                <a:gd name="connsiteX84" fmla="*/ 1643536 w 1881147"/>
                <a:gd name="connsiteY84" fmla="*/ 944173 h 1694229"/>
                <a:gd name="connsiteX85" fmla="*/ 1605436 w 1881147"/>
                <a:gd name="connsiteY85" fmla="*/ 887023 h 1694229"/>
                <a:gd name="connsiteX86" fmla="*/ 1557811 w 1881147"/>
                <a:gd name="connsiteY86" fmla="*/ 839398 h 1694229"/>
                <a:gd name="connsiteX87" fmla="*/ 1505424 w 1881147"/>
                <a:gd name="connsiteY87" fmla="*/ 820348 h 1694229"/>
                <a:gd name="connsiteX88" fmla="*/ 1453036 w 1881147"/>
                <a:gd name="connsiteY88" fmla="*/ 815585 h 1694229"/>
                <a:gd name="connsiteX89" fmla="*/ 1510186 w 1881147"/>
                <a:gd name="connsiteY89" fmla="*/ 782248 h 1694229"/>
                <a:gd name="connsiteX90" fmla="*/ 1476849 w 1881147"/>
                <a:gd name="connsiteY90" fmla="*/ 748910 h 1694229"/>
                <a:gd name="connsiteX91" fmla="*/ 1481611 w 1881147"/>
                <a:gd name="connsiteY91" fmla="*/ 725098 h 1694229"/>
                <a:gd name="connsiteX92" fmla="*/ 1572099 w 1881147"/>
                <a:gd name="connsiteY92" fmla="*/ 763198 h 1694229"/>
                <a:gd name="connsiteX93" fmla="*/ 1624486 w 1881147"/>
                <a:gd name="connsiteY93" fmla="*/ 696523 h 1694229"/>
                <a:gd name="connsiteX94" fmla="*/ 1622283 w 1881147"/>
                <a:gd name="connsiteY94" fmla="*/ 553648 h 1694229"/>
                <a:gd name="connsiteX95" fmla="*/ 1639486 w 1881147"/>
                <a:gd name="connsiteY95"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19586 w 1881147"/>
                <a:gd name="connsiteY22" fmla="*/ 415535 h 1694229"/>
                <a:gd name="connsiteX23" fmla="*/ 457674 w 1881147"/>
                <a:gd name="connsiteY23" fmla="*/ 434585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6224 w 1881147"/>
                <a:gd name="connsiteY27" fmla="*/ 239323 h 1694229"/>
                <a:gd name="connsiteX28" fmla="*/ 143349 w 1881147"/>
                <a:gd name="connsiteY28" fmla="*/ 258373 h 1694229"/>
                <a:gd name="connsiteX29" fmla="*/ 124299 w 1881147"/>
                <a:gd name="connsiteY29" fmla="*/ 334573 h 1694229"/>
                <a:gd name="connsiteX30" fmla="*/ 110011 w 1881147"/>
                <a:gd name="connsiteY30" fmla="*/ 367910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7674 w 1881147"/>
                <a:gd name="connsiteY23" fmla="*/ 434585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6224 w 1881147"/>
                <a:gd name="connsiteY27" fmla="*/ 239323 h 1694229"/>
                <a:gd name="connsiteX28" fmla="*/ 143349 w 1881147"/>
                <a:gd name="connsiteY28" fmla="*/ 258373 h 1694229"/>
                <a:gd name="connsiteX29" fmla="*/ 124299 w 1881147"/>
                <a:gd name="connsiteY29" fmla="*/ 334573 h 1694229"/>
                <a:gd name="connsiteX30" fmla="*/ 110011 w 1881147"/>
                <a:gd name="connsiteY30" fmla="*/ 367910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6224 w 1881147"/>
                <a:gd name="connsiteY27" fmla="*/ 239323 h 1694229"/>
                <a:gd name="connsiteX28" fmla="*/ 143349 w 1881147"/>
                <a:gd name="connsiteY28" fmla="*/ 258373 h 1694229"/>
                <a:gd name="connsiteX29" fmla="*/ 124299 w 1881147"/>
                <a:gd name="connsiteY29" fmla="*/ 334573 h 1694229"/>
                <a:gd name="connsiteX30" fmla="*/ 110011 w 1881147"/>
                <a:gd name="connsiteY30" fmla="*/ 367910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6224 w 1881147"/>
                <a:gd name="connsiteY27" fmla="*/ 239323 h 1694229"/>
                <a:gd name="connsiteX28" fmla="*/ 165314 w 1881147"/>
                <a:gd name="connsiteY28" fmla="*/ 258373 h 1694229"/>
                <a:gd name="connsiteX29" fmla="*/ 124299 w 1881147"/>
                <a:gd name="connsiteY29" fmla="*/ 334573 h 1694229"/>
                <a:gd name="connsiteX30" fmla="*/ 110011 w 1881147"/>
                <a:gd name="connsiteY30" fmla="*/ 367910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8664 w 1881147"/>
                <a:gd name="connsiteY27" fmla="*/ 229110 h 1694229"/>
                <a:gd name="connsiteX28" fmla="*/ 165314 w 1881147"/>
                <a:gd name="connsiteY28" fmla="*/ 258373 h 1694229"/>
                <a:gd name="connsiteX29" fmla="*/ 124299 w 1881147"/>
                <a:gd name="connsiteY29" fmla="*/ 334573 h 1694229"/>
                <a:gd name="connsiteX30" fmla="*/ 110011 w 1881147"/>
                <a:gd name="connsiteY30" fmla="*/ 367910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8664 w 1881147"/>
                <a:gd name="connsiteY27" fmla="*/ 229110 h 1694229"/>
                <a:gd name="connsiteX28" fmla="*/ 165314 w 1881147"/>
                <a:gd name="connsiteY28" fmla="*/ 258373 h 1694229"/>
                <a:gd name="connsiteX29" fmla="*/ 146264 w 1881147"/>
                <a:gd name="connsiteY29" fmla="*/ 344785 h 1694229"/>
                <a:gd name="connsiteX30" fmla="*/ 110011 w 1881147"/>
                <a:gd name="connsiteY30" fmla="*/ 367910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8664 w 1881147"/>
                <a:gd name="connsiteY27" fmla="*/ 229110 h 1694229"/>
                <a:gd name="connsiteX28" fmla="*/ 165314 w 1881147"/>
                <a:gd name="connsiteY28" fmla="*/ 258373 h 1694229"/>
                <a:gd name="connsiteX29" fmla="*/ 146264 w 1881147"/>
                <a:gd name="connsiteY29" fmla="*/ 344785 h 1694229"/>
                <a:gd name="connsiteX30" fmla="*/ 146620 w 1881147"/>
                <a:gd name="connsiteY30" fmla="*/ 390888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8664 w 1881147"/>
                <a:gd name="connsiteY27" fmla="*/ 229110 h 1694229"/>
                <a:gd name="connsiteX28" fmla="*/ 165314 w 1881147"/>
                <a:gd name="connsiteY28" fmla="*/ 258373 h 1694229"/>
                <a:gd name="connsiteX29" fmla="*/ 146264 w 1881147"/>
                <a:gd name="connsiteY29" fmla="*/ 344785 h 1694229"/>
                <a:gd name="connsiteX30" fmla="*/ 163704 w 1881147"/>
                <a:gd name="connsiteY30" fmla="*/ 411312 h 1694229"/>
                <a:gd name="connsiteX31" fmla="*/ 133824 w 1881147"/>
                <a:gd name="connsiteY31" fmla="*/ 415535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8664 w 1881147"/>
                <a:gd name="connsiteY27" fmla="*/ 229110 h 1694229"/>
                <a:gd name="connsiteX28" fmla="*/ 165314 w 1881147"/>
                <a:gd name="connsiteY28" fmla="*/ 258373 h 1694229"/>
                <a:gd name="connsiteX29" fmla="*/ 146264 w 1881147"/>
                <a:gd name="connsiteY29" fmla="*/ 344785 h 1694229"/>
                <a:gd name="connsiteX30" fmla="*/ 163704 w 1881147"/>
                <a:gd name="connsiteY30" fmla="*/ 411312 h 1694229"/>
                <a:gd name="connsiteX31" fmla="*/ 136265 w 1881147"/>
                <a:gd name="connsiteY31" fmla="*/ 446172 h 1694229"/>
                <a:gd name="connsiteX32" fmla="*/ 81436 w 1881147"/>
                <a:gd name="connsiteY32" fmla="*/ 453635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486 w 1881147"/>
                <a:gd name="connsiteY0" fmla="*/ 405322 h 1694229"/>
                <a:gd name="connsiteX1" fmla="*/ 1567336 w 1881147"/>
                <a:gd name="connsiteY1" fmla="*/ 372673 h 1694229"/>
                <a:gd name="connsiteX2" fmla="*/ 1477087 w 1881147"/>
                <a:gd name="connsiteY2" fmla="*/ 348860 h 1694229"/>
                <a:gd name="connsiteX3" fmla="*/ 1423767 w 1881147"/>
                <a:gd name="connsiteY3" fmla="*/ 271776 h 1694229"/>
                <a:gd name="connsiteX4" fmla="*/ 1400666 w 1881147"/>
                <a:gd name="connsiteY4" fmla="*/ 169931 h 1694229"/>
                <a:gd name="connsiteX5" fmla="*/ 1364769 w 1881147"/>
                <a:gd name="connsiteY5" fmla="*/ 1869 h 1694229"/>
                <a:gd name="connsiteX6" fmla="*/ 1297400 w 1881147"/>
                <a:gd name="connsiteY6" fmla="*/ 43567 h 1694229"/>
                <a:gd name="connsiteX7" fmla="*/ 1291832 w 1881147"/>
                <a:gd name="connsiteY7" fmla="*/ 101090 h 1694229"/>
                <a:gd name="connsiteX8" fmla="*/ 1275927 w 1881147"/>
                <a:gd name="connsiteY8" fmla="*/ 152303 h 1694229"/>
                <a:gd name="connsiteX9" fmla="*/ 1256402 w 1881147"/>
                <a:gd name="connsiteY9" fmla="*/ 204316 h 1694229"/>
                <a:gd name="connsiteX10" fmla="*/ 1254673 w 1881147"/>
                <a:gd name="connsiteY10" fmla="*/ 273739 h 1694229"/>
                <a:gd name="connsiteX11" fmla="*/ 1181692 w 1881147"/>
                <a:gd name="connsiteY11" fmla="*/ 283903 h 1694229"/>
                <a:gd name="connsiteX12" fmla="*/ 1117339 w 1881147"/>
                <a:gd name="connsiteY12" fmla="*/ 285917 h 1694229"/>
                <a:gd name="connsiteX13" fmla="*/ 1069738 w 1881147"/>
                <a:gd name="connsiteY13" fmla="*/ 346183 h 1694229"/>
                <a:gd name="connsiteX14" fmla="*/ 1015123 w 1881147"/>
                <a:gd name="connsiteY14" fmla="*/ 371690 h 1694229"/>
                <a:gd name="connsiteX15" fmla="*/ 962499 w 1881147"/>
                <a:gd name="connsiteY15" fmla="*/ 358385 h 1694229"/>
                <a:gd name="connsiteX16" fmla="*/ 855759 w 1881147"/>
                <a:gd name="connsiteY16" fmla="*/ 376257 h 1694229"/>
                <a:gd name="connsiteX17" fmla="*/ 832776 w 1881147"/>
                <a:gd name="connsiteY17" fmla="*/ 440035 h 1694229"/>
                <a:gd name="connsiteX18" fmla="*/ 815693 w 1881147"/>
                <a:gd name="connsiteY18" fmla="*/ 475926 h 1694229"/>
                <a:gd name="connsiteX19" fmla="*/ 733662 w 1881147"/>
                <a:gd name="connsiteY19" fmla="*/ 494632 h 1694229"/>
                <a:gd name="connsiteX20" fmla="*/ 715850 w 1881147"/>
                <a:gd name="connsiteY20" fmla="*/ 440647 h 1694229"/>
                <a:gd name="connsiteX21" fmla="*/ 671986 w 1881147"/>
                <a:gd name="connsiteY21" fmla="*/ 420298 h 1694229"/>
                <a:gd name="connsiteX22" fmla="*/ 536670 w 1881147"/>
                <a:gd name="connsiteY22" fmla="*/ 420641 h 1694229"/>
                <a:gd name="connsiteX23" fmla="*/ 452793 w 1881147"/>
                <a:gd name="connsiteY23" fmla="*/ 447350 h 1694229"/>
                <a:gd name="connsiteX24" fmla="*/ 419574 w 1881147"/>
                <a:gd name="connsiteY24" fmla="*/ 420298 h 1694229"/>
                <a:gd name="connsiteX25" fmla="*/ 400524 w 1881147"/>
                <a:gd name="connsiteY25" fmla="*/ 358385 h 1694229"/>
                <a:gd name="connsiteX26" fmla="*/ 333849 w 1881147"/>
                <a:gd name="connsiteY26" fmla="*/ 305998 h 1694229"/>
                <a:gd name="connsiteX27" fmla="*/ 288664 w 1881147"/>
                <a:gd name="connsiteY27" fmla="*/ 229110 h 1694229"/>
                <a:gd name="connsiteX28" fmla="*/ 165314 w 1881147"/>
                <a:gd name="connsiteY28" fmla="*/ 258373 h 1694229"/>
                <a:gd name="connsiteX29" fmla="*/ 146264 w 1881147"/>
                <a:gd name="connsiteY29" fmla="*/ 344785 h 1694229"/>
                <a:gd name="connsiteX30" fmla="*/ 163704 w 1881147"/>
                <a:gd name="connsiteY30" fmla="*/ 411312 h 1694229"/>
                <a:gd name="connsiteX31" fmla="*/ 136265 w 1881147"/>
                <a:gd name="connsiteY31" fmla="*/ 446172 h 1694229"/>
                <a:gd name="connsiteX32" fmla="*/ 83877 w 1881147"/>
                <a:gd name="connsiteY32" fmla="*/ 474059 h 1694229"/>
                <a:gd name="connsiteX33" fmla="*/ 33811 w 1881147"/>
                <a:gd name="connsiteY33" fmla="*/ 448873 h 1694229"/>
                <a:gd name="connsiteX34" fmla="*/ 33811 w 1881147"/>
                <a:gd name="connsiteY34" fmla="*/ 520310 h 1694229"/>
                <a:gd name="connsiteX35" fmla="*/ 474 w 1881147"/>
                <a:gd name="connsiteY35" fmla="*/ 625085 h 1694229"/>
                <a:gd name="connsiteX36" fmla="*/ 62386 w 1881147"/>
                <a:gd name="connsiteY36" fmla="*/ 701285 h 1694229"/>
                <a:gd name="connsiteX37" fmla="*/ 111977 w 1881147"/>
                <a:gd name="connsiteY37" fmla="*/ 681547 h 1694229"/>
                <a:gd name="connsiteX38" fmla="*/ 112334 w 1881147"/>
                <a:gd name="connsiteY38" fmla="*/ 751806 h 1694229"/>
                <a:gd name="connsiteX39" fmla="*/ 167161 w 1881147"/>
                <a:gd name="connsiteY39" fmla="*/ 782248 h 1694229"/>
                <a:gd name="connsiteX40" fmla="*/ 236159 w 1881147"/>
                <a:gd name="connsiteY40" fmla="*/ 792460 h 1694229"/>
                <a:gd name="connsiteX41" fmla="*/ 271462 w 1881147"/>
                <a:gd name="connsiteY41" fmla="*/ 848431 h 1694229"/>
                <a:gd name="connsiteX42" fmla="*/ 270869 w 1881147"/>
                <a:gd name="connsiteY42" fmla="*/ 893503 h 1694229"/>
                <a:gd name="connsiteX43" fmla="*/ 295393 w 1881147"/>
                <a:gd name="connsiteY43" fmla="*/ 932978 h 1694229"/>
                <a:gd name="connsiteX44" fmla="*/ 341051 w 1881147"/>
                <a:gd name="connsiteY44" fmla="*/ 971570 h 1694229"/>
                <a:gd name="connsiteX45" fmla="*/ 426184 w 1881147"/>
                <a:gd name="connsiteY45" fmla="*/ 1025822 h 1694229"/>
                <a:gd name="connsiteX46" fmla="*/ 461961 w 1881147"/>
                <a:gd name="connsiteY46" fmla="*/ 1096915 h 1694229"/>
                <a:gd name="connsiteX47" fmla="*/ 441064 w 1881147"/>
                <a:gd name="connsiteY47" fmla="*/ 1166488 h 1694229"/>
                <a:gd name="connsiteX48" fmla="*/ 519111 w 1881147"/>
                <a:gd name="connsiteY48" fmla="*/ 1222951 h 1694229"/>
                <a:gd name="connsiteX49" fmla="*/ 591143 w 1881147"/>
                <a:gd name="connsiteY49" fmla="*/ 1255945 h 1694229"/>
                <a:gd name="connsiteX50" fmla="*/ 571974 w 1881147"/>
                <a:gd name="connsiteY50" fmla="*/ 1315648 h 1694229"/>
                <a:gd name="connsiteX51" fmla="*/ 662461 w 1881147"/>
                <a:gd name="connsiteY51" fmla="*/ 1468048 h 1694229"/>
                <a:gd name="connsiteX52" fmla="*/ 755271 w 1881147"/>
                <a:gd name="connsiteY52" fmla="*/ 1541202 h 1694229"/>
                <a:gd name="connsiteX53" fmla="*/ 805336 w 1881147"/>
                <a:gd name="connsiteY53" fmla="*/ 1491860 h 1694229"/>
                <a:gd name="connsiteX54" fmla="*/ 869926 w 1881147"/>
                <a:gd name="connsiteY54" fmla="*/ 1519257 h 1694229"/>
                <a:gd name="connsiteX55" fmla="*/ 924399 w 1881147"/>
                <a:gd name="connsiteY55" fmla="*/ 1487098 h 1694229"/>
                <a:gd name="connsiteX56" fmla="*/ 941246 w 1881147"/>
                <a:gd name="connsiteY56" fmla="*/ 1444922 h 1694229"/>
                <a:gd name="connsiteX57" fmla="*/ 1005123 w 1881147"/>
                <a:gd name="connsiteY57" fmla="*/ 1531334 h 1694229"/>
                <a:gd name="connsiteX58" fmla="*/ 1050190 w 1881147"/>
                <a:gd name="connsiteY58" fmla="*/ 1602428 h 1694229"/>
                <a:gd name="connsiteX59" fmla="*/ 1120136 w 1881147"/>
                <a:gd name="connsiteY59" fmla="*/ 1693947 h 1694229"/>
                <a:gd name="connsiteX60" fmla="*/ 1151034 w 1881147"/>
                <a:gd name="connsiteY60" fmla="*/ 1630856 h 1694229"/>
                <a:gd name="connsiteX61" fmla="*/ 1181693 w 1881147"/>
                <a:gd name="connsiteY61" fmla="*/ 1624376 h 1694229"/>
                <a:gd name="connsiteX62" fmla="*/ 1224792 w 1881147"/>
                <a:gd name="connsiteY62" fmla="*/ 1653639 h 1694229"/>
                <a:gd name="connsiteX63" fmla="*/ 1258367 w 1881147"/>
                <a:gd name="connsiteY63" fmla="*/ 1612985 h 1694229"/>
                <a:gd name="connsiteX64" fmla="*/ 1277188 w 1881147"/>
                <a:gd name="connsiteY64" fmla="*/ 1617602 h 1694229"/>
                <a:gd name="connsiteX65" fmla="*/ 1311230 w 1881147"/>
                <a:gd name="connsiteY65" fmla="*/ 1684079 h 1694229"/>
                <a:gd name="connsiteX66" fmla="*/ 1367786 w 1881147"/>
                <a:gd name="connsiteY66" fmla="*/ 1660610 h 1694229"/>
                <a:gd name="connsiteX67" fmla="*/ 1419818 w 1881147"/>
                <a:gd name="connsiteY67" fmla="*/ 1604489 h 1694229"/>
                <a:gd name="connsiteX68" fmla="*/ 1470595 w 1881147"/>
                <a:gd name="connsiteY68" fmla="*/ 1587946 h 1694229"/>
                <a:gd name="connsiteX69" fmla="*/ 1488274 w 1881147"/>
                <a:gd name="connsiteY69" fmla="*/ 1643768 h 1694229"/>
                <a:gd name="connsiteX70" fmla="*/ 1558169 w 1881147"/>
                <a:gd name="connsiteY70" fmla="*/ 1618090 h 1694229"/>
                <a:gd name="connsiteX71" fmla="*/ 1588947 w 1881147"/>
                <a:gd name="connsiteY71" fmla="*/ 1531334 h 1694229"/>
                <a:gd name="connsiteX72" fmla="*/ 1670383 w 1881147"/>
                <a:gd name="connsiteY72" fmla="*/ 1441192 h 1694229"/>
                <a:gd name="connsiteX73" fmla="*/ 1714974 w 1881147"/>
                <a:gd name="connsiteY73" fmla="*/ 1410062 h 1694229"/>
                <a:gd name="connsiteX74" fmla="*/ 1743343 w 1881147"/>
                <a:gd name="connsiteY74" fmla="*/ 1413357 h 1694229"/>
                <a:gd name="connsiteX75" fmla="*/ 1820935 w 1881147"/>
                <a:gd name="connsiteY75" fmla="*/ 1402749 h 1694229"/>
                <a:gd name="connsiteX76" fmla="*/ 1816054 w 1881147"/>
                <a:gd name="connsiteY76" fmla="*/ 1456313 h 1694229"/>
                <a:gd name="connsiteX77" fmla="*/ 1874221 w 1881147"/>
                <a:gd name="connsiteY77" fmla="*/ 1479634 h 1694229"/>
                <a:gd name="connsiteX78" fmla="*/ 1875829 w 1881147"/>
                <a:gd name="connsiteY78" fmla="*/ 1457000 h 1694229"/>
                <a:gd name="connsiteX79" fmla="*/ 1875051 w 1881147"/>
                <a:gd name="connsiteY79" fmla="*/ 1396266 h 1694229"/>
                <a:gd name="connsiteX80" fmla="*/ 1853086 w 1881147"/>
                <a:gd name="connsiteY80" fmla="*/ 1306123 h 1694229"/>
                <a:gd name="connsiteX81" fmla="*/ 1853086 w 1881147"/>
                <a:gd name="connsiteY81" fmla="*/ 1248973 h 1694229"/>
                <a:gd name="connsiteX82" fmla="*/ 1810224 w 1881147"/>
                <a:gd name="connsiteY82" fmla="*/ 1239448 h 1694229"/>
                <a:gd name="connsiteX83" fmla="*/ 1734024 w 1881147"/>
                <a:gd name="connsiteY83" fmla="*/ 1158485 h 1694229"/>
                <a:gd name="connsiteX84" fmla="*/ 1695924 w 1881147"/>
                <a:gd name="connsiteY84" fmla="*/ 977510 h 1694229"/>
                <a:gd name="connsiteX85" fmla="*/ 1643536 w 1881147"/>
                <a:gd name="connsiteY85" fmla="*/ 944173 h 1694229"/>
                <a:gd name="connsiteX86" fmla="*/ 1605436 w 1881147"/>
                <a:gd name="connsiteY86" fmla="*/ 887023 h 1694229"/>
                <a:gd name="connsiteX87" fmla="*/ 1557811 w 1881147"/>
                <a:gd name="connsiteY87" fmla="*/ 839398 h 1694229"/>
                <a:gd name="connsiteX88" fmla="*/ 1505424 w 1881147"/>
                <a:gd name="connsiteY88" fmla="*/ 820348 h 1694229"/>
                <a:gd name="connsiteX89" fmla="*/ 1453036 w 1881147"/>
                <a:gd name="connsiteY89" fmla="*/ 815585 h 1694229"/>
                <a:gd name="connsiteX90" fmla="*/ 1510186 w 1881147"/>
                <a:gd name="connsiteY90" fmla="*/ 782248 h 1694229"/>
                <a:gd name="connsiteX91" fmla="*/ 1476849 w 1881147"/>
                <a:gd name="connsiteY91" fmla="*/ 748910 h 1694229"/>
                <a:gd name="connsiteX92" fmla="*/ 1481611 w 1881147"/>
                <a:gd name="connsiteY92" fmla="*/ 725098 h 1694229"/>
                <a:gd name="connsiteX93" fmla="*/ 1572099 w 1881147"/>
                <a:gd name="connsiteY93" fmla="*/ 763198 h 1694229"/>
                <a:gd name="connsiteX94" fmla="*/ 1624486 w 1881147"/>
                <a:gd name="connsiteY94" fmla="*/ 696523 h 1694229"/>
                <a:gd name="connsiteX95" fmla="*/ 1622283 w 1881147"/>
                <a:gd name="connsiteY95" fmla="*/ 553648 h 1694229"/>
                <a:gd name="connsiteX96" fmla="*/ 1639486 w 1881147"/>
                <a:gd name="connsiteY96" fmla="*/ 405322 h 1694229"/>
                <a:gd name="connsiteX0" fmla="*/ 1639538 w 1881199"/>
                <a:gd name="connsiteY0" fmla="*/ 405322 h 1694229"/>
                <a:gd name="connsiteX1" fmla="*/ 1567388 w 1881199"/>
                <a:gd name="connsiteY1" fmla="*/ 372673 h 1694229"/>
                <a:gd name="connsiteX2" fmla="*/ 1477139 w 1881199"/>
                <a:gd name="connsiteY2" fmla="*/ 348860 h 1694229"/>
                <a:gd name="connsiteX3" fmla="*/ 1423819 w 1881199"/>
                <a:gd name="connsiteY3" fmla="*/ 271776 h 1694229"/>
                <a:gd name="connsiteX4" fmla="*/ 1400718 w 1881199"/>
                <a:gd name="connsiteY4" fmla="*/ 169931 h 1694229"/>
                <a:gd name="connsiteX5" fmla="*/ 1364821 w 1881199"/>
                <a:gd name="connsiteY5" fmla="*/ 1869 h 1694229"/>
                <a:gd name="connsiteX6" fmla="*/ 1297452 w 1881199"/>
                <a:gd name="connsiteY6" fmla="*/ 43567 h 1694229"/>
                <a:gd name="connsiteX7" fmla="*/ 1291884 w 1881199"/>
                <a:gd name="connsiteY7" fmla="*/ 101090 h 1694229"/>
                <a:gd name="connsiteX8" fmla="*/ 1275979 w 1881199"/>
                <a:gd name="connsiteY8" fmla="*/ 152303 h 1694229"/>
                <a:gd name="connsiteX9" fmla="*/ 1256454 w 1881199"/>
                <a:gd name="connsiteY9" fmla="*/ 204316 h 1694229"/>
                <a:gd name="connsiteX10" fmla="*/ 1254725 w 1881199"/>
                <a:gd name="connsiteY10" fmla="*/ 273739 h 1694229"/>
                <a:gd name="connsiteX11" fmla="*/ 1181744 w 1881199"/>
                <a:gd name="connsiteY11" fmla="*/ 283903 h 1694229"/>
                <a:gd name="connsiteX12" fmla="*/ 1117391 w 1881199"/>
                <a:gd name="connsiteY12" fmla="*/ 285917 h 1694229"/>
                <a:gd name="connsiteX13" fmla="*/ 1069790 w 1881199"/>
                <a:gd name="connsiteY13" fmla="*/ 346183 h 1694229"/>
                <a:gd name="connsiteX14" fmla="*/ 1015175 w 1881199"/>
                <a:gd name="connsiteY14" fmla="*/ 371690 h 1694229"/>
                <a:gd name="connsiteX15" fmla="*/ 962551 w 1881199"/>
                <a:gd name="connsiteY15" fmla="*/ 358385 h 1694229"/>
                <a:gd name="connsiteX16" fmla="*/ 855811 w 1881199"/>
                <a:gd name="connsiteY16" fmla="*/ 376257 h 1694229"/>
                <a:gd name="connsiteX17" fmla="*/ 832828 w 1881199"/>
                <a:gd name="connsiteY17" fmla="*/ 440035 h 1694229"/>
                <a:gd name="connsiteX18" fmla="*/ 815745 w 1881199"/>
                <a:gd name="connsiteY18" fmla="*/ 475926 h 1694229"/>
                <a:gd name="connsiteX19" fmla="*/ 733714 w 1881199"/>
                <a:gd name="connsiteY19" fmla="*/ 494632 h 1694229"/>
                <a:gd name="connsiteX20" fmla="*/ 715902 w 1881199"/>
                <a:gd name="connsiteY20" fmla="*/ 440647 h 1694229"/>
                <a:gd name="connsiteX21" fmla="*/ 672038 w 1881199"/>
                <a:gd name="connsiteY21" fmla="*/ 420298 h 1694229"/>
                <a:gd name="connsiteX22" fmla="*/ 536722 w 1881199"/>
                <a:gd name="connsiteY22" fmla="*/ 420641 h 1694229"/>
                <a:gd name="connsiteX23" fmla="*/ 452845 w 1881199"/>
                <a:gd name="connsiteY23" fmla="*/ 447350 h 1694229"/>
                <a:gd name="connsiteX24" fmla="*/ 419626 w 1881199"/>
                <a:gd name="connsiteY24" fmla="*/ 420298 h 1694229"/>
                <a:gd name="connsiteX25" fmla="*/ 400576 w 1881199"/>
                <a:gd name="connsiteY25" fmla="*/ 358385 h 1694229"/>
                <a:gd name="connsiteX26" fmla="*/ 333901 w 1881199"/>
                <a:gd name="connsiteY26" fmla="*/ 305998 h 1694229"/>
                <a:gd name="connsiteX27" fmla="*/ 288716 w 1881199"/>
                <a:gd name="connsiteY27" fmla="*/ 229110 h 1694229"/>
                <a:gd name="connsiteX28" fmla="*/ 165366 w 1881199"/>
                <a:gd name="connsiteY28" fmla="*/ 258373 h 1694229"/>
                <a:gd name="connsiteX29" fmla="*/ 146316 w 1881199"/>
                <a:gd name="connsiteY29" fmla="*/ 344785 h 1694229"/>
                <a:gd name="connsiteX30" fmla="*/ 163756 w 1881199"/>
                <a:gd name="connsiteY30" fmla="*/ 411312 h 1694229"/>
                <a:gd name="connsiteX31" fmla="*/ 136317 w 1881199"/>
                <a:gd name="connsiteY31" fmla="*/ 446172 h 1694229"/>
                <a:gd name="connsiteX32" fmla="*/ 83929 w 1881199"/>
                <a:gd name="connsiteY32" fmla="*/ 474059 h 1694229"/>
                <a:gd name="connsiteX33" fmla="*/ 55828 w 1881199"/>
                <a:gd name="connsiteY33" fmla="*/ 482063 h 1694229"/>
                <a:gd name="connsiteX34" fmla="*/ 33863 w 1881199"/>
                <a:gd name="connsiteY34" fmla="*/ 520310 h 1694229"/>
                <a:gd name="connsiteX35" fmla="*/ 526 w 1881199"/>
                <a:gd name="connsiteY35" fmla="*/ 625085 h 1694229"/>
                <a:gd name="connsiteX36" fmla="*/ 62438 w 1881199"/>
                <a:gd name="connsiteY36" fmla="*/ 701285 h 1694229"/>
                <a:gd name="connsiteX37" fmla="*/ 112029 w 1881199"/>
                <a:gd name="connsiteY37" fmla="*/ 681547 h 1694229"/>
                <a:gd name="connsiteX38" fmla="*/ 112386 w 1881199"/>
                <a:gd name="connsiteY38" fmla="*/ 751806 h 1694229"/>
                <a:gd name="connsiteX39" fmla="*/ 167213 w 1881199"/>
                <a:gd name="connsiteY39" fmla="*/ 782248 h 1694229"/>
                <a:gd name="connsiteX40" fmla="*/ 236211 w 1881199"/>
                <a:gd name="connsiteY40" fmla="*/ 792460 h 1694229"/>
                <a:gd name="connsiteX41" fmla="*/ 271514 w 1881199"/>
                <a:gd name="connsiteY41" fmla="*/ 848431 h 1694229"/>
                <a:gd name="connsiteX42" fmla="*/ 270921 w 1881199"/>
                <a:gd name="connsiteY42" fmla="*/ 893503 h 1694229"/>
                <a:gd name="connsiteX43" fmla="*/ 295445 w 1881199"/>
                <a:gd name="connsiteY43" fmla="*/ 932978 h 1694229"/>
                <a:gd name="connsiteX44" fmla="*/ 341103 w 1881199"/>
                <a:gd name="connsiteY44" fmla="*/ 971570 h 1694229"/>
                <a:gd name="connsiteX45" fmla="*/ 426236 w 1881199"/>
                <a:gd name="connsiteY45" fmla="*/ 1025822 h 1694229"/>
                <a:gd name="connsiteX46" fmla="*/ 462013 w 1881199"/>
                <a:gd name="connsiteY46" fmla="*/ 1096915 h 1694229"/>
                <a:gd name="connsiteX47" fmla="*/ 441116 w 1881199"/>
                <a:gd name="connsiteY47" fmla="*/ 1166488 h 1694229"/>
                <a:gd name="connsiteX48" fmla="*/ 519163 w 1881199"/>
                <a:gd name="connsiteY48" fmla="*/ 1222951 h 1694229"/>
                <a:gd name="connsiteX49" fmla="*/ 591195 w 1881199"/>
                <a:gd name="connsiteY49" fmla="*/ 1255945 h 1694229"/>
                <a:gd name="connsiteX50" fmla="*/ 572026 w 1881199"/>
                <a:gd name="connsiteY50" fmla="*/ 1315648 h 1694229"/>
                <a:gd name="connsiteX51" fmla="*/ 662513 w 1881199"/>
                <a:gd name="connsiteY51" fmla="*/ 1468048 h 1694229"/>
                <a:gd name="connsiteX52" fmla="*/ 755323 w 1881199"/>
                <a:gd name="connsiteY52" fmla="*/ 1541202 h 1694229"/>
                <a:gd name="connsiteX53" fmla="*/ 805388 w 1881199"/>
                <a:gd name="connsiteY53" fmla="*/ 1491860 h 1694229"/>
                <a:gd name="connsiteX54" fmla="*/ 869978 w 1881199"/>
                <a:gd name="connsiteY54" fmla="*/ 1519257 h 1694229"/>
                <a:gd name="connsiteX55" fmla="*/ 924451 w 1881199"/>
                <a:gd name="connsiteY55" fmla="*/ 1487098 h 1694229"/>
                <a:gd name="connsiteX56" fmla="*/ 941298 w 1881199"/>
                <a:gd name="connsiteY56" fmla="*/ 1444922 h 1694229"/>
                <a:gd name="connsiteX57" fmla="*/ 1005175 w 1881199"/>
                <a:gd name="connsiteY57" fmla="*/ 1531334 h 1694229"/>
                <a:gd name="connsiteX58" fmla="*/ 1050242 w 1881199"/>
                <a:gd name="connsiteY58" fmla="*/ 1602428 h 1694229"/>
                <a:gd name="connsiteX59" fmla="*/ 1120188 w 1881199"/>
                <a:gd name="connsiteY59" fmla="*/ 1693947 h 1694229"/>
                <a:gd name="connsiteX60" fmla="*/ 1151086 w 1881199"/>
                <a:gd name="connsiteY60" fmla="*/ 1630856 h 1694229"/>
                <a:gd name="connsiteX61" fmla="*/ 1181745 w 1881199"/>
                <a:gd name="connsiteY61" fmla="*/ 1624376 h 1694229"/>
                <a:gd name="connsiteX62" fmla="*/ 1224844 w 1881199"/>
                <a:gd name="connsiteY62" fmla="*/ 1653639 h 1694229"/>
                <a:gd name="connsiteX63" fmla="*/ 1258419 w 1881199"/>
                <a:gd name="connsiteY63" fmla="*/ 1612985 h 1694229"/>
                <a:gd name="connsiteX64" fmla="*/ 1277240 w 1881199"/>
                <a:gd name="connsiteY64" fmla="*/ 1617602 h 1694229"/>
                <a:gd name="connsiteX65" fmla="*/ 1311282 w 1881199"/>
                <a:gd name="connsiteY65" fmla="*/ 1684079 h 1694229"/>
                <a:gd name="connsiteX66" fmla="*/ 1367838 w 1881199"/>
                <a:gd name="connsiteY66" fmla="*/ 1660610 h 1694229"/>
                <a:gd name="connsiteX67" fmla="*/ 1419870 w 1881199"/>
                <a:gd name="connsiteY67" fmla="*/ 1604489 h 1694229"/>
                <a:gd name="connsiteX68" fmla="*/ 1470647 w 1881199"/>
                <a:gd name="connsiteY68" fmla="*/ 1587946 h 1694229"/>
                <a:gd name="connsiteX69" fmla="*/ 1488326 w 1881199"/>
                <a:gd name="connsiteY69" fmla="*/ 1643768 h 1694229"/>
                <a:gd name="connsiteX70" fmla="*/ 1558221 w 1881199"/>
                <a:gd name="connsiteY70" fmla="*/ 1618090 h 1694229"/>
                <a:gd name="connsiteX71" fmla="*/ 1588999 w 1881199"/>
                <a:gd name="connsiteY71" fmla="*/ 1531334 h 1694229"/>
                <a:gd name="connsiteX72" fmla="*/ 1670435 w 1881199"/>
                <a:gd name="connsiteY72" fmla="*/ 1441192 h 1694229"/>
                <a:gd name="connsiteX73" fmla="*/ 1715026 w 1881199"/>
                <a:gd name="connsiteY73" fmla="*/ 1410062 h 1694229"/>
                <a:gd name="connsiteX74" fmla="*/ 1743395 w 1881199"/>
                <a:gd name="connsiteY74" fmla="*/ 1413357 h 1694229"/>
                <a:gd name="connsiteX75" fmla="*/ 1820987 w 1881199"/>
                <a:gd name="connsiteY75" fmla="*/ 1402749 h 1694229"/>
                <a:gd name="connsiteX76" fmla="*/ 1816106 w 1881199"/>
                <a:gd name="connsiteY76" fmla="*/ 1456313 h 1694229"/>
                <a:gd name="connsiteX77" fmla="*/ 1874273 w 1881199"/>
                <a:gd name="connsiteY77" fmla="*/ 1479634 h 1694229"/>
                <a:gd name="connsiteX78" fmla="*/ 1875881 w 1881199"/>
                <a:gd name="connsiteY78" fmla="*/ 1457000 h 1694229"/>
                <a:gd name="connsiteX79" fmla="*/ 1875103 w 1881199"/>
                <a:gd name="connsiteY79" fmla="*/ 1396266 h 1694229"/>
                <a:gd name="connsiteX80" fmla="*/ 1853138 w 1881199"/>
                <a:gd name="connsiteY80" fmla="*/ 1306123 h 1694229"/>
                <a:gd name="connsiteX81" fmla="*/ 1853138 w 1881199"/>
                <a:gd name="connsiteY81" fmla="*/ 1248973 h 1694229"/>
                <a:gd name="connsiteX82" fmla="*/ 1810276 w 1881199"/>
                <a:gd name="connsiteY82" fmla="*/ 1239448 h 1694229"/>
                <a:gd name="connsiteX83" fmla="*/ 1734076 w 1881199"/>
                <a:gd name="connsiteY83" fmla="*/ 1158485 h 1694229"/>
                <a:gd name="connsiteX84" fmla="*/ 1695976 w 1881199"/>
                <a:gd name="connsiteY84" fmla="*/ 977510 h 1694229"/>
                <a:gd name="connsiteX85" fmla="*/ 1643588 w 1881199"/>
                <a:gd name="connsiteY85" fmla="*/ 944173 h 1694229"/>
                <a:gd name="connsiteX86" fmla="*/ 1605488 w 1881199"/>
                <a:gd name="connsiteY86" fmla="*/ 887023 h 1694229"/>
                <a:gd name="connsiteX87" fmla="*/ 1557863 w 1881199"/>
                <a:gd name="connsiteY87" fmla="*/ 839398 h 1694229"/>
                <a:gd name="connsiteX88" fmla="*/ 1505476 w 1881199"/>
                <a:gd name="connsiteY88" fmla="*/ 820348 h 1694229"/>
                <a:gd name="connsiteX89" fmla="*/ 1453088 w 1881199"/>
                <a:gd name="connsiteY89" fmla="*/ 815585 h 1694229"/>
                <a:gd name="connsiteX90" fmla="*/ 1510238 w 1881199"/>
                <a:gd name="connsiteY90" fmla="*/ 782248 h 1694229"/>
                <a:gd name="connsiteX91" fmla="*/ 1476901 w 1881199"/>
                <a:gd name="connsiteY91" fmla="*/ 748910 h 1694229"/>
                <a:gd name="connsiteX92" fmla="*/ 1481663 w 1881199"/>
                <a:gd name="connsiteY92" fmla="*/ 725098 h 1694229"/>
                <a:gd name="connsiteX93" fmla="*/ 1572151 w 1881199"/>
                <a:gd name="connsiteY93" fmla="*/ 763198 h 1694229"/>
                <a:gd name="connsiteX94" fmla="*/ 1624538 w 1881199"/>
                <a:gd name="connsiteY94" fmla="*/ 696523 h 1694229"/>
                <a:gd name="connsiteX95" fmla="*/ 1622335 w 1881199"/>
                <a:gd name="connsiteY95" fmla="*/ 553648 h 1694229"/>
                <a:gd name="connsiteX96" fmla="*/ 1639538 w 1881199"/>
                <a:gd name="connsiteY96" fmla="*/ 405322 h 1694229"/>
                <a:gd name="connsiteX0" fmla="*/ 1620540 w 1862201"/>
                <a:gd name="connsiteY0" fmla="*/ 405322 h 1694229"/>
                <a:gd name="connsiteX1" fmla="*/ 1548390 w 1862201"/>
                <a:gd name="connsiteY1" fmla="*/ 372673 h 1694229"/>
                <a:gd name="connsiteX2" fmla="*/ 1458141 w 1862201"/>
                <a:gd name="connsiteY2" fmla="*/ 348860 h 1694229"/>
                <a:gd name="connsiteX3" fmla="*/ 1404821 w 1862201"/>
                <a:gd name="connsiteY3" fmla="*/ 271776 h 1694229"/>
                <a:gd name="connsiteX4" fmla="*/ 1381720 w 1862201"/>
                <a:gd name="connsiteY4" fmla="*/ 169931 h 1694229"/>
                <a:gd name="connsiteX5" fmla="*/ 1345823 w 1862201"/>
                <a:gd name="connsiteY5" fmla="*/ 1869 h 1694229"/>
                <a:gd name="connsiteX6" fmla="*/ 1278454 w 1862201"/>
                <a:gd name="connsiteY6" fmla="*/ 43567 h 1694229"/>
                <a:gd name="connsiteX7" fmla="*/ 1272886 w 1862201"/>
                <a:gd name="connsiteY7" fmla="*/ 101090 h 1694229"/>
                <a:gd name="connsiteX8" fmla="*/ 1256981 w 1862201"/>
                <a:gd name="connsiteY8" fmla="*/ 152303 h 1694229"/>
                <a:gd name="connsiteX9" fmla="*/ 1237456 w 1862201"/>
                <a:gd name="connsiteY9" fmla="*/ 204316 h 1694229"/>
                <a:gd name="connsiteX10" fmla="*/ 1235727 w 1862201"/>
                <a:gd name="connsiteY10" fmla="*/ 273739 h 1694229"/>
                <a:gd name="connsiteX11" fmla="*/ 1162746 w 1862201"/>
                <a:gd name="connsiteY11" fmla="*/ 283903 h 1694229"/>
                <a:gd name="connsiteX12" fmla="*/ 1098393 w 1862201"/>
                <a:gd name="connsiteY12" fmla="*/ 285917 h 1694229"/>
                <a:gd name="connsiteX13" fmla="*/ 1050792 w 1862201"/>
                <a:gd name="connsiteY13" fmla="*/ 346183 h 1694229"/>
                <a:gd name="connsiteX14" fmla="*/ 996177 w 1862201"/>
                <a:gd name="connsiteY14" fmla="*/ 371690 h 1694229"/>
                <a:gd name="connsiteX15" fmla="*/ 943553 w 1862201"/>
                <a:gd name="connsiteY15" fmla="*/ 358385 h 1694229"/>
                <a:gd name="connsiteX16" fmla="*/ 836813 w 1862201"/>
                <a:gd name="connsiteY16" fmla="*/ 376257 h 1694229"/>
                <a:gd name="connsiteX17" fmla="*/ 813830 w 1862201"/>
                <a:gd name="connsiteY17" fmla="*/ 440035 h 1694229"/>
                <a:gd name="connsiteX18" fmla="*/ 796747 w 1862201"/>
                <a:gd name="connsiteY18" fmla="*/ 475926 h 1694229"/>
                <a:gd name="connsiteX19" fmla="*/ 714716 w 1862201"/>
                <a:gd name="connsiteY19" fmla="*/ 494632 h 1694229"/>
                <a:gd name="connsiteX20" fmla="*/ 696904 w 1862201"/>
                <a:gd name="connsiteY20" fmla="*/ 440647 h 1694229"/>
                <a:gd name="connsiteX21" fmla="*/ 653040 w 1862201"/>
                <a:gd name="connsiteY21" fmla="*/ 420298 h 1694229"/>
                <a:gd name="connsiteX22" fmla="*/ 517724 w 1862201"/>
                <a:gd name="connsiteY22" fmla="*/ 420641 h 1694229"/>
                <a:gd name="connsiteX23" fmla="*/ 433847 w 1862201"/>
                <a:gd name="connsiteY23" fmla="*/ 447350 h 1694229"/>
                <a:gd name="connsiteX24" fmla="*/ 400628 w 1862201"/>
                <a:gd name="connsiteY24" fmla="*/ 420298 h 1694229"/>
                <a:gd name="connsiteX25" fmla="*/ 381578 w 1862201"/>
                <a:gd name="connsiteY25" fmla="*/ 358385 h 1694229"/>
                <a:gd name="connsiteX26" fmla="*/ 314903 w 1862201"/>
                <a:gd name="connsiteY26" fmla="*/ 305998 h 1694229"/>
                <a:gd name="connsiteX27" fmla="*/ 269718 w 1862201"/>
                <a:gd name="connsiteY27" fmla="*/ 229110 h 1694229"/>
                <a:gd name="connsiteX28" fmla="*/ 146368 w 1862201"/>
                <a:gd name="connsiteY28" fmla="*/ 258373 h 1694229"/>
                <a:gd name="connsiteX29" fmla="*/ 127318 w 1862201"/>
                <a:gd name="connsiteY29" fmla="*/ 344785 h 1694229"/>
                <a:gd name="connsiteX30" fmla="*/ 144758 w 1862201"/>
                <a:gd name="connsiteY30" fmla="*/ 411312 h 1694229"/>
                <a:gd name="connsiteX31" fmla="*/ 117319 w 1862201"/>
                <a:gd name="connsiteY31" fmla="*/ 446172 h 1694229"/>
                <a:gd name="connsiteX32" fmla="*/ 64931 w 1862201"/>
                <a:gd name="connsiteY32" fmla="*/ 474059 h 1694229"/>
                <a:gd name="connsiteX33" fmla="*/ 36830 w 1862201"/>
                <a:gd name="connsiteY33" fmla="*/ 482063 h 1694229"/>
                <a:gd name="connsiteX34" fmla="*/ 14865 w 1862201"/>
                <a:gd name="connsiteY34" fmla="*/ 520310 h 1694229"/>
                <a:gd name="connsiteX35" fmla="*/ 1053 w 1862201"/>
                <a:gd name="connsiteY35" fmla="*/ 632745 h 1694229"/>
                <a:gd name="connsiteX36" fmla="*/ 43440 w 1862201"/>
                <a:gd name="connsiteY36" fmla="*/ 701285 h 1694229"/>
                <a:gd name="connsiteX37" fmla="*/ 93031 w 1862201"/>
                <a:gd name="connsiteY37" fmla="*/ 681547 h 1694229"/>
                <a:gd name="connsiteX38" fmla="*/ 93388 w 1862201"/>
                <a:gd name="connsiteY38" fmla="*/ 751806 h 1694229"/>
                <a:gd name="connsiteX39" fmla="*/ 148215 w 1862201"/>
                <a:gd name="connsiteY39" fmla="*/ 782248 h 1694229"/>
                <a:gd name="connsiteX40" fmla="*/ 217213 w 1862201"/>
                <a:gd name="connsiteY40" fmla="*/ 792460 h 1694229"/>
                <a:gd name="connsiteX41" fmla="*/ 252516 w 1862201"/>
                <a:gd name="connsiteY41" fmla="*/ 848431 h 1694229"/>
                <a:gd name="connsiteX42" fmla="*/ 251923 w 1862201"/>
                <a:gd name="connsiteY42" fmla="*/ 893503 h 1694229"/>
                <a:gd name="connsiteX43" fmla="*/ 276447 w 1862201"/>
                <a:gd name="connsiteY43" fmla="*/ 932978 h 1694229"/>
                <a:gd name="connsiteX44" fmla="*/ 322105 w 1862201"/>
                <a:gd name="connsiteY44" fmla="*/ 971570 h 1694229"/>
                <a:gd name="connsiteX45" fmla="*/ 407238 w 1862201"/>
                <a:gd name="connsiteY45" fmla="*/ 1025822 h 1694229"/>
                <a:gd name="connsiteX46" fmla="*/ 443015 w 1862201"/>
                <a:gd name="connsiteY46" fmla="*/ 1096915 h 1694229"/>
                <a:gd name="connsiteX47" fmla="*/ 422118 w 1862201"/>
                <a:gd name="connsiteY47" fmla="*/ 1166488 h 1694229"/>
                <a:gd name="connsiteX48" fmla="*/ 500165 w 1862201"/>
                <a:gd name="connsiteY48" fmla="*/ 1222951 h 1694229"/>
                <a:gd name="connsiteX49" fmla="*/ 572197 w 1862201"/>
                <a:gd name="connsiteY49" fmla="*/ 1255945 h 1694229"/>
                <a:gd name="connsiteX50" fmla="*/ 553028 w 1862201"/>
                <a:gd name="connsiteY50" fmla="*/ 1315648 h 1694229"/>
                <a:gd name="connsiteX51" fmla="*/ 643515 w 1862201"/>
                <a:gd name="connsiteY51" fmla="*/ 1468048 h 1694229"/>
                <a:gd name="connsiteX52" fmla="*/ 736325 w 1862201"/>
                <a:gd name="connsiteY52" fmla="*/ 1541202 h 1694229"/>
                <a:gd name="connsiteX53" fmla="*/ 786390 w 1862201"/>
                <a:gd name="connsiteY53" fmla="*/ 1491860 h 1694229"/>
                <a:gd name="connsiteX54" fmla="*/ 850980 w 1862201"/>
                <a:gd name="connsiteY54" fmla="*/ 1519257 h 1694229"/>
                <a:gd name="connsiteX55" fmla="*/ 905453 w 1862201"/>
                <a:gd name="connsiteY55" fmla="*/ 1487098 h 1694229"/>
                <a:gd name="connsiteX56" fmla="*/ 922300 w 1862201"/>
                <a:gd name="connsiteY56" fmla="*/ 1444922 h 1694229"/>
                <a:gd name="connsiteX57" fmla="*/ 986177 w 1862201"/>
                <a:gd name="connsiteY57" fmla="*/ 1531334 h 1694229"/>
                <a:gd name="connsiteX58" fmla="*/ 1031244 w 1862201"/>
                <a:gd name="connsiteY58" fmla="*/ 1602428 h 1694229"/>
                <a:gd name="connsiteX59" fmla="*/ 1101190 w 1862201"/>
                <a:gd name="connsiteY59" fmla="*/ 1693947 h 1694229"/>
                <a:gd name="connsiteX60" fmla="*/ 1132088 w 1862201"/>
                <a:gd name="connsiteY60" fmla="*/ 1630856 h 1694229"/>
                <a:gd name="connsiteX61" fmla="*/ 1162747 w 1862201"/>
                <a:gd name="connsiteY61" fmla="*/ 1624376 h 1694229"/>
                <a:gd name="connsiteX62" fmla="*/ 1205846 w 1862201"/>
                <a:gd name="connsiteY62" fmla="*/ 1653639 h 1694229"/>
                <a:gd name="connsiteX63" fmla="*/ 1239421 w 1862201"/>
                <a:gd name="connsiteY63" fmla="*/ 1612985 h 1694229"/>
                <a:gd name="connsiteX64" fmla="*/ 1258242 w 1862201"/>
                <a:gd name="connsiteY64" fmla="*/ 1617602 h 1694229"/>
                <a:gd name="connsiteX65" fmla="*/ 1292284 w 1862201"/>
                <a:gd name="connsiteY65" fmla="*/ 1684079 h 1694229"/>
                <a:gd name="connsiteX66" fmla="*/ 1348840 w 1862201"/>
                <a:gd name="connsiteY66" fmla="*/ 1660610 h 1694229"/>
                <a:gd name="connsiteX67" fmla="*/ 1400872 w 1862201"/>
                <a:gd name="connsiteY67" fmla="*/ 1604489 h 1694229"/>
                <a:gd name="connsiteX68" fmla="*/ 1451649 w 1862201"/>
                <a:gd name="connsiteY68" fmla="*/ 1587946 h 1694229"/>
                <a:gd name="connsiteX69" fmla="*/ 1469328 w 1862201"/>
                <a:gd name="connsiteY69" fmla="*/ 1643768 h 1694229"/>
                <a:gd name="connsiteX70" fmla="*/ 1539223 w 1862201"/>
                <a:gd name="connsiteY70" fmla="*/ 1618090 h 1694229"/>
                <a:gd name="connsiteX71" fmla="*/ 1570001 w 1862201"/>
                <a:gd name="connsiteY71" fmla="*/ 1531334 h 1694229"/>
                <a:gd name="connsiteX72" fmla="*/ 1651437 w 1862201"/>
                <a:gd name="connsiteY72" fmla="*/ 1441192 h 1694229"/>
                <a:gd name="connsiteX73" fmla="*/ 1696028 w 1862201"/>
                <a:gd name="connsiteY73" fmla="*/ 1410062 h 1694229"/>
                <a:gd name="connsiteX74" fmla="*/ 1724397 w 1862201"/>
                <a:gd name="connsiteY74" fmla="*/ 1413357 h 1694229"/>
                <a:gd name="connsiteX75" fmla="*/ 1801989 w 1862201"/>
                <a:gd name="connsiteY75" fmla="*/ 1402749 h 1694229"/>
                <a:gd name="connsiteX76" fmla="*/ 1797108 w 1862201"/>
                <a:gd name="connsiteY76" fmla="*/ 1456313 h 1694229"/>
                <a:gd name="connsiteX77" fmla="*/ 1855275 w 1862201"/>
                <a:gd name="connsiteY77" fmla="*/ 1479634 h 1694229"/>
                <a:gd name="connsiteX78" fmla="*/ 1856883 w 1862201"/>
                <a:gd name="connsiteY78" fmla="*/ 1457000 h 1694229"/>
                <a:gd name="connsiteX79" fmla="*/ 1856105 w 1862201"/>
                <a:gd name="connsiteY79" fmla="*/ 1396266 h 1694229"/>
                <a:gd name="connsiteX80" fmla="*/ 1834140 w 1862201"/>
                <a:gd name="connsiteY80" fmla="*/ 1306123 h 1694229"/>
                <a:gd name="connsiteX81" fmla="*/ 1834140 w 1862201"/>
                <a:gd name="connsiteY81" fmla="*/ 1248973 h 1694229"/>
                <a:gd name="connsiteX82" fmla="*/ 1791278 w 1862201"/>
                <a:gd name="connsiteY82" fmla="*/ 1239448 h 1694229"/>
                <a:gd name="connsiteX83" fmla="*/ 1715078 w 1862201"/>
                <a:gd name="connsiteY83" fmla="*/ 1158485 h 1694229"/>
                <a:gd name="connsiteX84" fmla="*/ 1676978 w 1862201"/>
                <a:gd name="connsiteY84" fmla="*/ 977510 h 1694229"/>
                <a:gd name="connsiteX85" fmla="*/ 1624590 w 1862201"/>
                <a:gd name="connsiteY85" fmla="*/ 944173 h 1694229"/>
                <a:gd name="connsiteX86" fmla="*/ 1586490 w 1862201"/>
                <a:gd name="connsiteY86" fmla="*/ 887023 h 1694229"/>
                <a:gd name="connsiteX87" fmla="*/ 1538865 w 1862201"/>
                <a:gd name="connsiteY87" fmla="*/ 839398 h 1694229"/>
                <a:gd name="connsiteX88" fmla="*/ 1486478 w 1862201"/>
                <a:gd name="connsiteY88" fmla="*/ 820348 h 1694229"/>
                <a:gd name="connsiteX89" fmla="*/ 1434090 w 1862201"/>
                <a:gd name="connsiteY89" fmla="*/ 815585 h 1694229"/>
                <a:gd name="connsiteX90" fmla="*/ 1491240 w 1862201"/>
                <a:gd name="connsiteY90" fmla="*/ 782248 h 1694229"/>
                <a:gd name="connsiteX91" fmla="*/ 1457903 w 1862201"/>
                <a:gd name="connsiteY91" fmla="*/ 748910 h 1694229"/>
                <a:gd name="connsiteX92" fmla="*/ 1462665 w 1862201"/>
                <a:gd name="connsiteY92" fmla="*/ 725098 h 1694229"/>
                <a:gd name="connsiteX93" fmla="*/ 1553153 w 1862201"/>
                <a:gd name="connsiteY93" fmla="*/ 763198 h 1694229"/>
                <a:gd name="connsiteX94" fmla="*/ 1605540 w 1862201"/>
                <a:gd name="connsiteY94" fmla="*/ 696523 h 1694229"/>
                <a:gd name="connsiteX95" fmla="*/ 1603337 w 1862201"/>
                <a:gd name="connsiteY95" fmla="*/ 553648 h 1694229"/>
                <a:gd name="connsiteX96" fmla="*/ 1620540 w 1862201"/>
                <a:gd name="connsiteY96"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93447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86894 w 1862617"/>
                <a:gd name="connsiteY88" fmla="*/ 820348 h 1694229"/>
                <a:gd name="connsiteX89" fmla="*/ 1434506 w 1862617"/>
                <a:gd name="connsiteY89" fmla="*/ 815585 h 1694229"/>
                <a:gd name="connsiteX90" fmla="*/ 1491656 w 1862617"/>
                <a:gd name="connsiteY90" fmla="*/ 782248 h 1694229"/>
                <a:gd name="connsiteX91" fmla="*/ 1458319 w 1862617"/>
                <a:gd name="connsiteY91" fmla="*/ 748910 h 1694229"/>
                <a:gd name="connsiteX92" fmla="*/ 1463081 w 1862617"/>
                <a:gd name="connsiteY92" fmla="*/ 725098 h 1694229"/>
                <a:gd name="connsiteX93" fmla="*/ 1553569 w 1862617"/>
                <a:gd name="connsiteY93" fmla="*/ 763198 h 1694229"/>
                <a:gd name="connsiteX94" fmla="*/ 1605956 w 1862617"/>
                <a:gd name="connsiteY94" fmla="*/ 696523 h 1694229"/>
                <a:gd name="connsiteX95" fmla="*/ 1603753 w 1862617"/>
                <a:gd name="connsiteY95" fmla="*/ 553648 h 1694229"/>
                <a:gd name="connsiteX96" fmla="*/ 1620956 w 1862617"/>
                <a:gd name="connsiteY96"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86894 w 1862617"/>
                <a:gd name="connsiteY88" fmla="*/ 820348 h 1694229"/>
                <a:gd name="connsiteX89" fmla="*/ 1434506 w 1862617"/>
                <a:gd name="connsiteY89" fmla="*/ 815585 h 1694229"/>
                <a:gd name="connsiteX90" fmla="*/ 1491656 w 1862617"/>
                <a:gd name="connsiteY90" fmla="*/ 782248 h 1694229"/>
                <a:gd name="connsiteX91" fmla="*/ 1458319 w 1862617"/>
                <a:gd name="connsiteY91" fmla="*/ 748910 h 1694229"/>
                <a:gd name="connsiteX92" fmla="*/ 1463081 w 1862617"/>
                <a:gd name="connsiteY92" fmla="*/ 725098 h 1694229"/>
                <a:gd name="connsiteX93" fmla="*/ 1553569 w 1862617"/>
                <a:gd name="connsiteY93" fmla="*/ 763198 h 1694229"/>
                <a:gd name="connsiteX94" fmla="*/ 1605956 w 1862617"/>
                <a:gd name="connsiteY94" fmla="*/ 696523 h 1694229"/>
                <a:gd name="connsiteX95" fmla="*/ 1603753 w 1862617"/>
                <a:gd name="connsiteY95" fmla="*/ 553648 h 1694229"/>
                <a:gd name="connsiteX96" fmla="*/ 1620956 w 1862617"/>
                <a:gd name="connsiteY96"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72251 w 1862617"/>
                <a:gd name="connsiteY88" fmla="*/ 845878 h 1694229"/>
                <a:gd name="connsiteX89" fmla="*/ 1434506 w 1862617"/>
                <a:gd name="connsiteY89" fmla="*/ 815585 h 1694229"/>
                <a:gd name="connsiteX90" fmla="*/ 1491656 w 1862617"/>
                <a:gd name="connsiteY90" fmla="*/ 782248 h 1694229"/>
                <a:gd name="connsiteX91" fmla="*/ 1458319 w 1862617"/>
                <a:gd name="connsiteY91" fmla="*/ 748910 h 1694229"/>
                <a:gd name="connsiteX92" fmla="*/ 1463081 w 1862617"/>
                <a:gd name="connsiteY92" fmla="*/ 725098 h 1694229"/>
                <a:gd name="connsiteX93" fmla="*/ 1553569 w 1862617"/>
                <a:gd name="connsiteY93" fmla="*/ 763198 h 1694229"/>
                <a:gd name="connsiteX94" fmla="*/ 1605956 w 1862617"/>
                <a:gd name="connsiteY94" fmla="*/ 696523 h 1694229"/>
                <a:gd name="connsiteX95" fmla="*/ 1603753 w 1862617"/>
                <a:gd name="connsiteY95" fmla="*/ 553648 h 1694229"/>
                <a:gd name="connsiteX96" fmla="*/ 1620956 w 1862617"/>
                <a:gd name="connsiteY96"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72251 w 1862617"/>
                <a:gd name="connsiteY88" fmla="*/ 845878 h 1694229"/>
                <a:gd name="connsiteX89" fmla="*/ 1434506 w 1862617"/>
                <a:gd name="connsiteY89" fmla="*/ 815585 h 1694229"/>
                <a:gd name="connsiteX90" fmla="*/ 1491656 w 1862617"/>
                <a:gd name="connsiteY90" fmla="*/ 782248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53569 w 1862617"/>
                <a:gd name="connsiteY94" fmla="*/ 763198 h 1694229"/>
                <a:gd name="connsiteX95" fmla="*/ 1605956 w 1862617"/>
                <a:gd name="connsiteY95" fmla="*/ 696523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72251 w 1862617"/>
                <a:gd name="connsiteY88" fmla="*/ 845878 h 1694229"/>
                <a:gd name="connsiteX89" fmla="*/ 1434506 w 1862617"/>
                <a:gd name="connsiteY89" fmla="*/ 815585 h 1694229"/>
                <a:gd name="connsiteX90" fmla="*/ 1491656 w 1862617"/>
                <a:gd name="connsiteY90" fmla="*/ 782248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05956 w 1862617"/>
                <a:gd name="connsiteY95" fmla="*/ 696523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72251 w 1862617"/>
                <a:gd name="connsiteY88" fmla="*/ 845878 h 1694229"/>
                <a:gd name="connsiteX89" fmla="*/ 1434506 w 1862617"/>
                <a:gd name="connsiteY89" fmla="*/ 815585 h 1694229"/>
                <a:gd name="connsiteX90" fmla="*/ 1491656 w 1862617"/>
                <a:gd name="connsiteY90" fmla="*/ 782248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72251 w 1862617"/>
                <a:gd name="connsiteY88" fmla="*/ 845878 h 1694229"/>
                <a:gd name="connsiteX89" fmla="*/ 1434506 w 1862617"/>
                <a:gd name="connsiteY89" fmla="*/ 81558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39281 w 1862617"/>
                <a:gd name="connsiteY87" fmla="*/ 839398 h 1694229"/>
                <a:gd name="connsiteX88" fmla="*/ 1472251 w 1862617"/>
                <a:gd name="connsiteY88" fmla="*/ 845878 h 1694229"/>
                <a:gd name="connsiteX89" fmla="*/ 1449150 w 1862617"/>
                <a:gd name="connsiteY89" fmla="*/ 82324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86906 w 1862617"/>
                <a:gd name="connsiteY86" fmla="*/ 887023 h 1694229"/>
                <a:gd name="connsiteX87" fmla="*/ 1544162 w 1862617"/>
                <a:gd name="connsiteY87" fmla="*/ 872587 h 1694229"/>
                <a:gd name="connsiteX88" fmla="*/ 1472251 w 1862617"/>
                <a:gd name="connsiteY88" fmla="*/ 845878 h 1694229"/>
                <a:gd name="connsiteX89" fmla="*/ 1449150 w 1862617"/>
                <a:gd name="connsiteY89" fmla="*/ 82324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5006 w 1862617"/>
                <a:gd name="connsiteY85" fmla="*/ 944173 h 1694229"/>
                <a:gd name="connsiteX86" fmla="*/ 1594228 w 1862617"/>
                <a:gd name="connsiteY86" fmla="*/ 917660 h 1694229"/>
                <a:gd name="connsiteX87" fmla="*/ 1544162 w 1862617"/>
                <a:gd name="connsiteY87" fmla="*/ 872587 h 1694229"/>
                <a:gd name="connsiteX88" fmla="*/ 1472251 w 1862617"/>
                <a:gd name="connsiteY88" fmla="*/ 845878 h 1694229"/>
                <a:gd name="connsiteX89" fmla="*/ 1449150 w 1862617"/>
                <a:gd name="connsiteY89" fmla="*/ 82324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677394 w 1862617"/>
                <a:gd name="connsiteY84" fmla="*/ 977510 h 1694229"/>
                <a:gd name="connsiteX85" fmla="*/ 1627446 w 1862617"/>
                <a:gd name="connsiteY85" fmla="*/ 972257 h 1694229"/>
                <a:gd name="connsiteX86" fmla="*/ 1594228 w 1862617"/>
                <a:gd name="connsiteY86" fmla="*/ 917660 h 1694229"/>
                <a:gd name="connsiteX87" fmla="*/ 1544162 w 1862617"/>
                <a:gd name="connsiteY87" fmla="*/ 872587 h 1694229"/>
                <a:gd name="connsiteX88" fmla="*/ 1472251 w 1862617"/>
                <a:gd name="connsiteY88" fmla="*/ 845878 h 1694229"/>
                <a:gd name="connsiteX89" fmla="*/ 1449150 w 1862617"/>
                <a:gd name="connsiteY89" fmla="*/ 82324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15494 w 1862617"/>
                <a:gd name="connsiteY83" fmla="*/ 1158485 h 1694229"/>
                <a:gd name="connsiteX84" fmla="*/ 1704241 w 1862617"/>
                <a:gd name="connsiteY84" fmla="*/ 1038783 h 1694229"/>
                <a:gd name="connsiteX85" fmla="*/ 1627446 w 1862617"/>
                <a:gd name="connsiteY85" fmla="*/ 972257 h 1694229"/>
                <a:gd name="connsiteX86" fmla="*/ 1594228 w 1862617"/>
                <a:gd name="connsiteY86" fmla="*/ 917660 h 1694229"/>
                <a:gd name="connsiteX87" fmla="*/ 1544162 w 1862617"/>
                <a:gd name="connsiteY87" fmla="*/ 872587 h 1694229"/>
                <a:gd name="connsiteX88" fmla="*/ 1472251 w 1862617"/>
                <a:gd name="connsiteY88" fmla="*/ 845878 h 1694229"/>
                <a:gd name="connsiteX89" fmla="*/ 1449150 w 1862617"/>
                <a:gd name="connsiteY89" fmla="*/ 82324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91694 w 1862617"/>
                <a:gd name="connsiteY82" fmla="*/ 1239448 h 1694229"/>
                <a:gd name="connsiteX83" fmla="*/ 1737459 w 1862617"/>
                <a:gd name="connsiteY83" fmla="*/ 1176356 h 1694229"/>
                <a:gd name="connsiteX84" fmla="*/ 1704241 w 1862617"/>
                <a:gd name="connsiteY84" fmla="*/ 1038783 h 1694229"/>
                <a:gd name="connsiteX85" fmla="*/ 1627446 w 1862617"/>
                <a:gd name="connsiteY85" fmla="*/ 972257 h 1694229"/>
                <a:gd name="connsiteX86" fmla="*/ 1594228 w 1862617"/>
                <a:gd name="connsiteY86" fmla="*/ 917660 h 1694229"/>
                <a:gd name="connsiteX87" fmla="*/ 1544162 w 1862617"/>
                <a:gd name="connsiteY87" fmla="*/ 872587 h 1694229"/>
                <a:gd name="connsiteX88" fmla="*/ 1472251 w 1862617"/>
                <a:gd name="connsiteY88" fmla="*/ 845878 h 1694229"/>
                <a:gd name="connsiteX89" fmla="*/ 1449150 w 1862617"/>
                <a:gd name="connsiteY89" fmla="*/ 82324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62617"/>
                <a:gd name="connsiteY0" fmla="*/ 405322 h 1694229"/>
                <a:gd name="connsiteX1" fmla="*/ 1548806 w 1862617"/>
                <a:gd name="connsiteY1" fmla="*/ 372673 h 1694229"/>
                <a:gd name="connsiteX2" fmla="*/ 1458557 w 1862617"/>
                <a:gd name="connsiteY2" fmla="*/ 348860 h 1694229"/>
                <a:gd name="connsiteX3" fmla="*/ 1405237 w 1862617"/>
                <a:gd name="connsiteY3" fmla="*/ 271776 h 1694229"/>
                <a:gd name="connsiteX4" fmla="*/ 1382136 w 1862617"/>
                <a:gd name="connsiteY4" fmla="*/ 169931 h 1694229"/>
                <a:gd name="connsiteX5" fmla="*/ 1346239 w 1862617"/>
                <a:gd name="connsiteY5" fmla="*/ 1869 h 1694229"/>
                <a:gd name="connsiteX6" fmla="*/ 1278870 w 1862617"/>
                <a:gd name="connsiteY6" fmla="*/ 43567 h 1694229"/>
                <a:gd name="connsiteX7" fmla="*/ 1273302 w 1862617"/>
                <a:gd name="connsiteY7" fmla="*/ 101090 h 1694229"/>
                <a:gd name="connsiteX8" fmla="*/ 1257397 w 1862617"/>
                <a:gd name="connsiteY8" fmla="*/ 152303 h 1694229"/>
                <a:gd name="connsiteX9" fmla="*/ 1237872 w 1862617"/>
                <a:gd name="connsiteY9" fmla="*/ 204316 h 1694229"/>
                <a:gd name="connsiteX10" fmla="*/ 1236143 w 1862617"/>
                <a:gd name="connsiteY10" fmla="*/ 273739 h 1694229"/>
                <a:gd name="connsiteX11" fmla="*/ 1163162 w 1862617"/>
                <a:gd name="connsiteY11" fmla="*/ 283903 h 1694229"/>
                <a:gd name="connsiteX12" fmla="*/ 1098809 w 1862617"/>
                <a:gd name="connsiteY12" fmla="*/ 285917 h 1694229"/>
                <a:gd name="connsiteX13" fmla="*/ 1051208 w 1862617"/>
                <a:gd name="connsiteY13" fmla="*/ 346183 h 1694229"/>
                <a:gd name="connsiteX14" fmla="*/ 996593 w 1862617"/>
                <a:gd name="connsiteY14" fmla="*/ 371690 h 1694229"/>
                <a:gd name="connsiteX15" fmla="*/ 943969 w 1862617"/>
                <a:gd name="connsiteY15" fmla="*/ 358385 h 1694229"/>
                <a:gd name="connsiteX16" fmla="*/ 837229 w 1862617"/>
                <a:gd name="connsiteY16" fmla="*/ 376257 h 1694229"/>
                <a:gd name="connsiteX17" fmla="*/ 814246 w 1862617"/>
                <a:gd name="connsiteY17" fmla="*/ 440035 h 1694229"/>
                <a:gd name="connsiteX18" fmla="*/ 797163 w 1862617"/>
                <a:gd name="connsiteY18" fmla="*/ 475926 h 1694229"/>
                <a:gd name="connsiteX19" fmla="*/ 715132 w 1862617"/>
                <a:gd name="connsiteY19" fmla="*/ 494632 h 1694229"/>
                <a:gd name="connsiteX20" fmla="*/ 697320 w 1862617"/>
                <a:gd name="connsiteY20" fmla="*/ 440647 h 1694229"/>
                <a:gd name="connsiteX21" fmla="*/ 653456 w 1862617"/>
                <a:gd name="connsiteY21" fmla="*/ 420298 h 1694229"/>
                <a:gd name="connsiteX22" fmla="*/ 518140 w 1862617"/>
                <a:gd name="connsiteY22" fmla="*/ 420641 h 1694229"/>
                <a:gd name="connsiteX23" fmla="*/ 434263 w 1862617"/>
                <a:gd name="connsiteY23" fmla="*/ 447350 h 1694229"/>
                <a:gd name="connsiteX24" fmla="*/ 401044 w 1862617"/>
                <a:gd name="connsiteY24" fmla="*/ 420298 h 1694229"/>
                <a:gd name="connsiteX25" fmla="*/ 381994 w 1862617"/>
                <a:gd name="connsiteY25" fmla="*/ 358385 h 1694229"/>
                <a:gd name="connsiteX26" fmla="*/ 315319 w 1862617"/>
                <a:gd name="connsiteY26" fmla="*/ 305998 h 1694229"/>
                <a:gd name="connsiteX27" fmla="*/ 270134 w 1862617"/>
                <a:gd name="connsiteY27" fmla="*/ 229110 h 1694229"/>
                <a:gd name="connsiteX28" fmla="*/ 146784 w 1862617"/>
                <a:gd name="connsiteY28" fmla="*/ 258373 h 1694229"/>
                <a:gd name="connsiteX29" fmla="*/ 127734 w 1862617"/>
                <a:gd name="connsiteY29" fmla="*/ 344785 h 1694229"/>
                <a:gd name="connsiteX30" fmla="*/ 145174 w 1862617"/>
                <a:gd name="connsiteY30" fmla="*/ 411312 h 1694229"/>
                <a:gd name="connsiteX31" fmla="*/ 117735 w 1862617"/>
                <a:gd name="connsiteY31" fmla="*/ 446172 h 1694229"/>
                <a:gd name="connsiteX32" fmla="*/ 65347 w 1862617"/>
                <a:gd name="connsiteY32" fmla="*/ 474059 h 1694229"/>
                <a:gd name="connsiteX33" fmla="*/ 37246 w 1862617"/>
                <a:gd name="connsiteY33" fmla="*/ 482063 h 1694229"/>
                <a:gd name="connsiteX34" fmla="*/ 15281 w 1862617"/>
                <a:gd name="connsiteY34" fmla="*/ 520310 h 1694229"/>
                <a:gd name="connsiteX35" fmla="*/ 1469 w 1862617"/>
                <a:gd name="connsiteY35" fmla="*/ 632745 h 1694229"/>
                <a:gd name="connsiteX36" fmla="*/ 51178 w 1862617"/>
                <a:gd name="connsiteY36" fmla="*/ 685967 h 1694229"/>
                <a:gd name="connsiteX37" fmla="*/ 108092 w 1862617"/>
                <a:gd name="connsiteY37" fmla="*/ 681547 h 1694229"/>
                <a:gd name="connsiteX38" fmla="*/ 93804 w 1862617"/>
                <a:gd name="connsiteY38" fmla="*/ 751806 h 1694229"/>
                <a:gd name="connsiteX39" fmla="*/ 148631 w 1862617"/>
                <a:gd name="connsiteY39" fmla="*/ 782248 h 1694229"/>
                <a:gd name="connsiteX40" fmla="*/ 217629 w 1862617"/>
                <a:gd name="connsiteY40" fmla="*/ 792460 h 1694229"/>
                <a:gd name="connsiteX41" fmla="*/ 252932 w 1862617"/>
                <a:gd name="connsiteY41" fmla="*/ 848431 h 1694229"/>
                <a:gd name="connsiteX42" fmla="*/ 252339 w 1862617"/>
                <a:gd name="connsiteY42" fmla="*/ 893503 h 1694229"/>
                <a:gd name="connsiteX43" fmla="*/ 276863 w 1862617"/>
                <a:gd name="connsiteY43" fmla="*/ 932978 h 1694229"/>
                <a:gd name="connsiteX44" fmla="*/ 322521 w 1862617"/>
                <a:gd name="connsiteY44" fmla="*/ 971570 h 1694229"/>
                <a:gd name="connsiteX45" fmla="*/ 407654 w 1862617"/>
                <a:gd name="connsiteY45" fmla="*/ 1025822 h 1694229"/>
                <a:gd name="connsiteX46" fmla="*/ 443431 w 1862617"/>
                <a:gd name="connsiteY46" fmla="*/ 1096915 h 1694229"/>
                <a:gd name="connsiteX47" fmla="*/ 422534 w 1862617"/>
                <a:gd name="connsiteY47" fmla="*/ 1166488 h 1694229"/>
                <a:gd name="connsiteX48" fmla="*/ 500581 w 1862617"/>
                <a:gd name="connsiteY48" fmla="*/ 1222951 h 1694229"/>
                <a:gd name="connsiteX49" fmla="*/ 572613 w 1862617"/>
                <a:gd name="connsiteY49" fmla="*/ 1255945 h 1694229"/>
                <a:gd name="connsiteX50" fmla="*/ 553444 w 1862617"/>
                <a:gd name="connsiteY50" fmla="*/ 1315648 h 1694229"/>
                <a:gd name="connsiteX51" fmla="*/ 643931 w 1862617"/>
                <a:gd name="connsiteY51" fmla="*/ 1468048 h 1694229"/>
                <a:gd name="connsiteX52" fmla="*/ 736741 w 1862617"/>
                <a:gd name="connsiteY52" fmla="*/ 1541202 h 1694229"/>
                <a:gd name="connsiteX53" fmla="*/ 786806 w 1862617"/>
                <a:gd name="connsiteY53" fmla="*/ 1491860 h 1694229"/>
                <a:gd name="connsiteX54" fmla="*/ 851396 w 1862617"/>
                <a:gd name="connsiteY54" fmla="*/ 1519257 h 1694229"/>
                <a:gd name="connsiteX55" fmla="*/ 905869 w 1862617"/>
                <a:gd name="connsiteY55" fmla="*/ 1487098 h 1694229"/>
                <a:gd name="connsiteX56" fmla="*/ 922716 w 1862617"/>
                <a:gd name="connsiteY56" fmla="*/ 1444922 h 1694229"/>
                <a:gd name="connsiteX57" fmla="*/ 986593 w 1862617"/>
                <a:gd name="connsiteY57" fmla="*/ 1531334 h 1694229"/>
                <a:gd name="connsiteX58" fmla="*/ 1031660 w 1862617"/>
                <a:gd name="connsiteY58" fmla="*/ 1602428 h 1694229"/>
                <a:gd name="connsiteX59" fmla="*/ 1101606 w 1862617"/>
                <a:gd name="connsiteY59" fmla="*/ 1693947 h 1694229"/>
                <a:gd name="connsiteX60" fmla="*/ 1132504 w 1862617"/>
                <a:gd name="connsiteY60" fmla="*/ 1630856 h 1694229"/>
                <a:gd name="connsiteX61" fmla="*/ 1163163 w 1862617"/>
                <a:gd name="connsiteY61" fmla="*/ 1624376 h 1694229"/>
                <a:gd name="connsiteX62" fmla="*/ 1206262 w 1862617"/>
                <a:gd name="connsiteY62" fmla="*/ 1653639 h 1694229"/>
                <a:gd name="connsiteX63" fmla="*/ 1239837 w 1862617"/>
                <a:gd name="connsiteY63" fmla="*/ 1612985 h 1694229"/>
                <a:gd name="connsiteX64" fmla="*/ 1258658 w 1862617"/>
                <a:gd name="connsiteY64" fmla="*/ 1617602 h 1694229"/>
                <a:gd name="connsiteX65" fmla="*/ 1292700 w 1862617"/>
                <a:gd name="connsiteY65" fmla="*/ 1684079 h 1694229"/>
                <a:gd name="connsiteX66" fmla="*/ 1349256 w 1862617"/>
                <a:gd name="connsiteY66" fmla="*/ 1660610 h 1694229"/>
                <a:gd name="connsiteX67" fmla="*/ 1401288 w 1862617"/>
                <a:gd name="connsiteY67" fmla="*/ 1604489 h 1694229"/>
                <a:gd name="connsiteX68" fmla="*/ 1452065 w 1862617"/>
                <a:gd name="connsiteY68" fmla="*/ 1587946 h 1694229"/>
                <a:gd name="connsiteX69" fmla="*/ 1469744 w 1862617"/>
                <a:gd name="connsiteY69" fmla="*/ 1643768 h 1694229"/>
                <a:gd name="connsiteX70" fmla="*/ 1539639 w 1862617"/>
                <a:gd name="connsiteY70" fmla="*/ 1618090 h 1694229"/>
                <a:gd name="connsiteX71" fmla="*/ 1570417 w 1862617"/>
                <a:gd name="connsiteY71" fmla="*/ 1531334 h 1694229"/>
                <a:gd name="connsiteX72" fmla="*/ 1651853 w 1862617"/>
                <a:gd name="connsiteY72" fmla="*/ 1441192 h 1694229"/>
                <a:gd name="connsiteX73" fmla="*/ 1696444 w 1862617"/>
                <a:gd name="connsiteY73" fmla="*/ 1410062 h 1694229"/>
                <a:gd name="connsiteX74" fmla="*/ 1724813 w 1862617"/>
                <a:gd name="connsiteY74" fmla="*/ 1413357 h 1694229"/>
                <a:gd name="connsiteX75" fmla="*/ 1802405 w 1862617"/>
                <a:gd name="connsiteY75" fmla="*/ 1402749 h 1694229"/>
                <a:gd name="connsiteX76" fmla="*/ 1797524 w 1862617"/>
                <a:gd name="connsiteY76" fmla="*/ 1456313 h 1694229"/>
                <a:gd name="connsiteX77" fmla="*/ 1855691 w 1862617"/>
                <a:gd name="connsiteY77" fmla="*/ 1479634 h 1694229"/>
                <a:gd name="connsiteX78" fmla="*/ 1857299 w 1862617"/>
                <a:gd name="connsiteY78" fmla="*/ 1457000 h 1694229"/>
                <a:gd name="connsiteX79" fmla="*/ 1856521 w 1862617"/>
                <a:gd name="connsiteY79" fmla="*/ 1396266 h 1694229"/>
                <a:gd name="connsiteX80" fmla="*/ 1834556 w 1862617"/>
                <a:gd name="connsiteY80" fmla="*/ 1306123 h 1694229"/>
                <a:gd name="connsiteX81" fmla="*/ 1834556 w 1862617"/>
                <a:gd name="connsiteY81" fmla="*/ 1248973 h 1694229"/>
                <a:gd name="connsiteX82" fmla="*/ 1747763 w 1862617"/>
                <a:gd name="connsiteY82" fmla="*/ 1264979 h 1694229"/>
                <a:gd name="connsiteX83" fmla="*/ 1737459 w 1862617"/>
                <a:gd name="connsiteY83" fmla="*/ 1176356 h 1694229"/>
                <a:gd name="connsiteX84" fmla="*/ 1704241 w 1862617"/>
                <a:gd name="connsiteY84" fmla="*/ 1038783 h 1694229"/>
                <a:gd name="connsiteX85" fmla="*/ 1627446 w 1862617"/>
                <a:gd name="connsiteY85" fmla="*/ 972257 h 1694229"/>
                <a:gd name="connsiteX86" fmla="*/ 1594228 w 1862617"/>
                <a:gd name="connsiteY86" fmla="*/ 917660 h 1694229"/>
                <a:gd name="connsiteX87" fmla="*/ 1544162 w 1862617"/>
                <a:gd name="connsiteY87" fmla="*/ 872587 h 1694229"/>
                <a:gd name="connsiteX88" fmla="*/ 1472251 w 1862617"/>
                <a:gd name="connsiteY88" fmla="*/ 845878 h 1694229"/>
                <a:gd name="connsiteX89" fmla="*/ 1449150 w 1862617"/>
                <a:gd name="connsiteY89" fmla="*/ 823245 h 1694229"/>
                <a:gd name="connsiteX90" fmla="*/ 1477013 w 1862617"/>
                <a:gd name="connsiteY90" fmla="*/ 784801 h 1694229"/>
                <a:gd name="connsiteX91" fmla="*/ 1458319 w 1862617"/>
                <a:gd name="connsiteY91" fmla="*/ 748910 h 1694229"/>
                <a:gd name="connsiteX92" fmla="*/ 1463081 w 1862617"/>
                <a:gd name="connsiteY92" fmla="*/ 725098 h 1694229"/>
                <a:gd name="connsiteX93" fmla="*/ 1488076 w 1862617"/>
                <a:gd name="connsiteY93" fmla="*/ 724035 h 1694229"/>
                <a:gd name="connsiteX94" fmla="*/ 1580416 w 1862617"/>
                <a:gd name="connsiteY94" fmla="*/ 740220 h 1694229"/>
                <a:gd name="connsiteX95" fmla="*/ 1615719 w 1862617"/>
                <a:gd name="connsiteY95" fmla="*/ 683758 h 1694229"/>
                <a:gd name="connsiteX96" fmla="*/ 1603753 w 1862617"/>
                <a:gd name="connsiteY96" fmla="*/ 553648 h 1694229"/>
                <a:gd name="connsiteX97" fmla="*/ 1620956 w 1862617"/>
                <a:gd name="connsiteY97" fmla="*/ 405322 h 1694229"/>
                <a:gd name="connsiteX0" fmla="*/ 1620956 w 1878075"/>
                <a:gd name="connsiteY0" fmla="*/ 405322 h 1694229"/>
                <a:gd name="connsiteX1" fmla="*/ 1548806 w 1878075"/>
                <a:gd name="connsiteY1" fmla="*/ 372673 h 1694229"/>
                <a:gd name="connsiteX2" fmla="*/ 1458557 w 1878075"/>
                <a:gd name="connsiteY2" fmla="*/ 348860 h 1694229"/>
                <a:gd name="connsiteX3" fmla="*/ 1405237 w 1878075"/>
                <a:gd name="connsiteY3" fmla="*/ 271776 h 1694229"/>
                <a:gd name="connsiteX4" fmla="*/ 1382136 w 1878075"/>
                <a:gd name="connsiteY4" fmla="*/ 169931 h 1694229"/>
                <a:gd name="connsiteX5" fmla="*/ 1346239 w 1878075"/>
                <a:gd name="connsiteY5" fmla="*/ 1869 h 1694229"/>
                <a:gd name="connsiteX6" fmla="*/ 1278870 w 1878075"/>
                <a:gd name="connsiteY6" fmla="*/ 43567 h 1694229"/>
                <a:gd name="connsiteX7" fmla="*/ 1273302 w 1878075"/>
                <a:gd name="connsiteY7" fmla="*/ 101090 h 1694229"/>
                <a:gd name="connsiteX8" fmla="*/ 1257397 w 1878075"/>
                <a:gd name="connsiteY8" fmla="*/ 152303 h 1694229"/>
                <a:gd name="connsiteX9" fmla="*/ 1237872 w 1878075"/>
                <a:gd name="connsiteY9" fmla="*/ 204316 h 1694229"/>
                <a:gd name="connsiteX10" fmla="*/ 1236143 w 1878075"/>
                <a:gd name="connsiteY10" fmla="*/ 273739 h 1694229"/>
                <a:gd name="connsiteX11" fmla="*/ 1163162 w 1878075"/>
                <a:gd name="connsiteY11" fmla="*/ 283903 h 1694229"/>
                <a:gd name="connsiteX12" fmla="*/ 1098809 w 1878075"/>
                <a:gd name="connsiteY12" fmla="*/ 285917 h 1694229"/>
                <a:gd name="connsiteX13" fmla="*/ 1051208 w 1878075"/>
                <a:gd name="connsiteY13" fmla="*/ 346183 h 1694229"/>
                <a:gd name="connsiteX14" fmla="*/ 996593 w 1878075"/>
                <a:gd name="connsiteY14" fmla="*/ 371690 h 1694229"/>
                <a:gd name="connsiteX15" fmla="*/ 943969 w 1878075"/>
                <a:gd name="connsiteY15" fmla="*/ 358385 h 1694229"/>
                <a:gd name="connsiteX16" fmla="*/ 837229 w 1878075"/>
                <a:gd name="connsiteY16" fmla="*/ 376257 h 1694229"/>
                <a:gd name="connsiteX17" fmla="*/ 814246 w 1878075"/>
                <a:gd name="connsiteY17" fmla="*/ 440035 h 1694229"/>
                <a:gd name="connsiteX18" fmla="*/ 797163 w 1878075"/>
                <a:gd name="connsiteY18" fmla="*/ 475926 h 1694229"/>
                <a:gd name="connsiteX19" fmla="*/ 715132 w 1878075"/>
                <a:gd name="connsiteY19" fmla="*/ 494632 h 1694229"/>
                <a:gd name="connsiteX20" fmla="*/ 697320 w 1878075"/>
                <a:gd name="connsiteY20" fmla="*/ 440647 h 1694229"/>
                <a:gd name="connsiteX21" fmla="*/ 653456 w 1878075"/>
                <a:gd name="connsiteY21" fmla="*/ 420298 h 1694229"/>
                <a:gd name="connsiteX22" fmla="*/ 518140 w 1878075"/>
                <a:gd name="connsiteY22" fmla="*/ 420641 h 1694229"/>
                <a:gd name="connsiteX23" fmla="*/ 434263 w 1878075"/>
                <a:gd name="connsiteY23" fmla="*/ 447350 h 1694229"/>
                <a:gd name="connsiteX24" fmla="*/ 401044 w 1878075"/>
                <a:gd name="connsiteY24" fmla="*/ 420298 h 1694229"/>
                <a:gd name="connsiteX25" fmla="*/ 381994 w 1878075"/>
                <a:gd name="connsiteY25" fmla="*/ 358385 h 1694229"/>
                <a:gd name="connsiteX26" fmla="*/ 315319 w 1878075"/>
                <a:gd name="connsiteY26" fmla="*/ 305998 h 1694229"/>
                <a:gd name="connsiteX27" fmla="*/ 270134 w 1878075"/>
                <a:gd name="connsiteY27" fmla="*/ 229110 h 1694229"/>
                <a:gd name="connsiteX28" fmla="*/ 146784 w 1878075"/>
                <a:gd name="connsiteY28" fmla="*/ 258373 h 1694229"/>
                <a:gd name="connsiteX29" fmla="*/ 127734 w 1878075"/>
                <a:gd name="connsiteY29" fmla="*/ 344785 h 1694229"/>
                <a:gd name="connsiteX30" fmla="*/ 145174 w 1878075"/>
                <a:gd name="connsiteY30" fmla="*/ 411312 h 1694229"/>
                <a:gd name="connsiteX31" fmla="*/ 117735 w 1878075"/>
                <a:gd name="connsiteY31" fmla="*/ 446172 h 1694229"/>
                <a:gd name="connsiteX32" fmla="*/ 65347 w 1878075"/>
                <a:gd name="connsiteY32" fmla="*/ 474059 h 1694229"/>
                <a:gd name="connsiteX33" fmla="*/ 37246 w 1878075"/>
                <a:gd name="connsiteY33" fmla="*/ 482063 h 1694229"/>
                <a:gd name="connsiteX34" fmla="*/ 15281 w 1878075"/>
                <a:gd name="connsiteY34" fmla="*/ 520310 h 1694229"/>
                <a:gd name="connsiteX35" fmla="*/ 1469 w 1878075"/>
                <a:gd name="connsiteY35" fmla="*/ 632745 h 1694229"/>
                <a:gd name="connsiteX36" fmla="*/ 51178 w 1878075"/>
                <a:gd name="connsiteY36" fmla="*/ 685967 h 1694229"/>
                <a:gd name="connsiteX37" fmla="*/ 108092 w 1878075"/>
                <a:gd name="connsiteY37" fmla="*/ 681547 h 1694229"/>
                <a:gd name="connsiteX38" fmla="*/ 93804 w 1878075"/>
                <a:gd name="connsiteY38" fmla="*/ 751806 h 1694229"/>
                <a:gd name="connsiteX39" fmla="*/ 148631 w 1878075"/>
                <a:gd name="connsiteY39" fmla="*/ 782248 h 1694229"/>
                <a:gd name="connsiteX40" fmla="*/ 217629 w 1878075"/>
                <a:gd name="connsiteY40" fmla="*/ 792460 h 1694229"/>
                <a:gd name="connsiteX41" fmla="*/ 252932 w 1878075"/>
                <a:gd name="connsiteY41" fmla="*/ 848431 h 1694229"/>
                <a:gd name="connsiteX42" fmla="*/ 252339 w 1878075"/>
                <a:gd name="connsiteY42" fmla="*/ 893503 h 1694229"/>
                <a:gd name="connsiteX43" fmla="*/ 276863 w 1878075"/>
                <a:gd name="connsiteY43" fmla="*/ 932978 h 1694229"/>
                <a:gd name="connsiteX44" fmla="*/ 322521 w 1878075"/>
                <a:gd name="connsiteY44" fmla="*/ 971570 h 1694229"/>
                <a:gd name="connsiteX45" fmla="*/ 407654 w 1878075"/>
                <a:gd name="connsiteY45" fmla="*/ 1025822 h 1694229"/>
                <a:gd name="connsiteX46" fmla="*/ 443431 w 1878075"/>
                <a:gd name="connsiteY46" fmla="*/ 1096915 h 1694229"/>
                <a:gd name="connsiteX47" fmla="*/ 422534 w 1878075"/>
                <a:gd name="connsiteY47" fmla="*/ 1166488 h 1694229"/>
                <a:gd name="connsiteX48" fmla="*/ 500581 w 1878075"/>
                <a:gd name="connsiteY48" fmla="*/ 1222951 h 1694229"/>
                <a:gd name="connsiteX49" fmla="*/ 572613 w 1878075"/>
                <a:gd name="connsiteY49" fmla="*/ 1255945 h 1694229"/>
                <a:gd name="connsiteX50" fmla="*/ 553444 w 1878075"/>
                <a:gd name="connsiteY50" fmla="*/ 1315648 h 1694229"/>
                <a:gd name="connsiteX51" fmla="*/ 643931 w 1878075"/>
                <a:gd name="connsiteY51" fmla="*/ 1468048 h 1694229"/>
                <a:gd name="connsiteX52" fmla="*/ 736741 w 1878075"/>
                <a:gd name="connsiteY52" fmla="*/ 1541202 h 1694229"/>
                <a:gd name="connsiteX53" fmla="*/ 786806 w 1878075"/>
                <a:gd name="connsiteY53" fmla="*/ 1491860 h 1694229"/>
                <a:gd name="connsiteX54" fmla="*/ 851396 w 1878075"/>
                <a:gd name="connsiteY54" fmla="*/ 1519257 h 1694229"/>
                <a:gd name="connsiteX55" fmla="*/ 905869 w 1878075"/>
                <a:gd name="connsiteY55" fmla="*/ 1487098 h 1694229"/>
                <a:gd name="connsiteX56" fmla="*/ 922716 w 1878075"/>
                <a:gd name="connsiteY56" fmla="*/ 1444922 h 1694229"/>
                <a:gd name="connsiteX57" fmla="*/ 986593 w 1878075"/>
                <a:gd name="connsiteY57" fmla="*/ 1531334 h 1694229"/>
                <a:gd name="connsiteX58" fmla="*/ 1031660 w 1878075"/>
                <a:gd name="connsiteY58" fmla="*/ 1602428 h 1694229"/>
                <a:gd name="connsiteX59" fmla="*/ 1101606 w 1878075"/>
                <a:gd name="connsiteY59" fmla="*/ 1693947 h 1694229"/>
                <a:gd name="connsiteX60" fmla="*/ 1132504 w 1878075"/>
                <a:gd name="connsiteY60" fmla="*/ 1630856 h 1694229"/>
                <a:gd name="connsiteX61" fmla="*/ 1163163 w 1878075"/>
                <a:gd name="connsiteY61" fmla="*/ 1624376 h 1694229"/>
                <a:gd name="connsiteX62" fmla="*/ 1206262 w 1878075"/>
                <a:gd name="connsiteY62" fmla="*/ 1653639 h 1694229"/>
                <a:gd name="connsiteX63" fmla="*/ 1239837 w 1878075"/>
                <a:gd name="connsiteY63" fmla="*/ 1612985 h 1694229"/>
                <a:gd name="connsiteX64" fmla="*/ 1258658 w 1878075"/>
                <a:gd name="connsiteY64" fmla="*/ 1617602 h 1694229"/>
                <a:gd name="connsiteX65" fmla="*/ 1292700 w 1878075"/>
                <a:gd name="connsiteY65" fmla="*/ 1684079 h 1694229"/>
                <a:gd name="connsiteX66" fmla="*/ 1349256 w 1878075"/>
                <a:gd name="connsiteY66" fmla="*/ 1660610 h 1694229"/>
                <a:gd name="connsiteX67" fmla="*/ 1401288 w 1878075"/>
                <a:gd name="connsiteY67" fmla="*/ 1604489 h 1694229"/>
                <a:gd name="connsiteX68" fmla="*/ 1452065 w 1878075"/>
                <a:gd name="connsiteY68" fmla="*/ 1587946 h 1694229"/>
                <a:gd name="connsiteX69" fmla="*/ 1469744 w 1878075"/>
                <a:gd name="connsiteY69" fmla="*/ 1643768 h 1694229"/>
                <a:gd name="connsiteX70" fmla="*/ 1539639 w 1878075"/>
                <a:gd name="connsiteY70" fmla="*/ 1618090 h 1694229"/>
                <a:gd name="connsiteX71" fmla="*/ 1570417 w 1878075"/>
                <a:gd name="connsiteY71" fmla="*/ 1531334 h 1694229"/>
                <a:gd name="connsiteX72" fmla="*/ 1651853 w 1878075"/>
                <a:gd name="connsiteY72" fmla="*/ 1441192 h 1694229"/>
                <a:gd name="connsiteX73" fmla="*/ 1696444 w 1878075"/>
                <a:gd name="connsiteY73" fmla="*/ 1410062 h 1694229"/>
                <a:gd name="connsiteX74" fmla="*/ 1724813 w 1878075"/>
                <a:gd name="connsiteY74" fmla="*/ 1413357 h 1694229"/>
                <a:gd name="connsiteX75" fmla="*/ 1802405 w 1878075"/>
                <a:gd name="connsiteY75" fmla="*/ 1402749 h 1694229"/>
                <a:gd name="connsiteX76" fmla="*/ 1797524 w 1878075"/>
                <a:gd name="connsiteY76" fmla="*/ 1456313 h 1694229"/>
                <a:gd name="connsiteX77" fmla="*/ 1855691 w 1878075"/>
                <a:gd name="connsiteY77" fmla="*/ 1479634 h 1694229"/>
                <a:gd name="connsiteX78" fmla="*/ 1857299 w 1878075"/>
                <a:gd name="connsiteY78" fmla="*/ 1457000 h 1694229"/>
                <a:gd name="connsiteX79" fmla="*/ 1856521 w 1878075"/>
                <a:gd name="connsiteY79" fmla="*/ 1396266 h 1694229"/>
                <a:gd name="connsiteX80" fmla="*/ 1863843 w 1878075"/>
                <a:gd name="connsiteY80" fmla="*/ 1323993 h 1694229"/>
                <a:gd name="connsiteX81" fmla="*/ 1834556 w 1878075"/>
                <a:gd name="connsiteY81" fmla="*/ 1248973 h 1694229"/>
                <a:gd name="connsiteX82" fmla="*/ 1747763 w 1878075"/>
                <a:gd name="connsiteY82" fmla="*/ 1264979 h 1694229"/>
                <a:gd name="connsiteX83" fmla="*/ 1737459 w 1878075"/>
                <a:gd name="connsiteY83" fmla="*/ 1176356 h 1694229"/>
                <a:gd name="connsiteX84" fmla="*/ 1704241 w 1878075"/>
                <a:gd name="connsiteY84" fmla="*/ 1038783 h 1694229"/>
                <a:gd name="connsiteX85" fmla="*/ 1627446 w 1878075"/>
                <a:gd name="connsiteY85" fmla="*/ 972257 h 1694229"/>
                <a:gd name="connsiteX86" fmla="*/ 1594228 w 1878075"/>
                <a:gd name="connsiteY86" fmla="*/ 917660 h 1694229"/>
                <a:gd name="connsiteX87" fmla="*/ 1544162 w 1878075"/>
                <a:gd name="connsiteY87" fmla="*/ 872587 h 1694229"/>
                <a:gd name="connsiteX88" fmla="*/ 1472251 w 1878075"/>
                <a:gd name="connsiteY88" fmla="*/ 845878 h 1694229"/>
                <a:gd name="connsiteX89" fmla="*/ 1449150 w 1878075"/>
                <a:gd name="connsiteY89" fmla="*/ 823245 h 1694229"/>
                <a:gd name="connsiteX90" fmla="*/ 1477013 w 1878075"/>
                <a:gd name="connsiteY90" fmla="*/ 784801 h 1694229"/>
                <a:gd name="connsiteX91" fmla="*/ 1458319 w 1878075"/>
                <a:gd name="connsiteY91" fmla="*/ 748910 h 1694229"/>
                <a:gd name="connsiteX92" fmla="*/ 1463081 w 1878075"/>
                <a:gd name="connsiteY92" fmla="*/ 725098 h 1694229"/>
                <a:gd name="connsiteX93" fmla="*/ 1488076 w 1878075"/>
                <a:gd name="connsiteY93" fmla="*/ 724035 h 1694229"/>
                <a:gd name="connsiteX94" fmla="*/ 1580416 w 1878075"/>
                <a:gd name="connsiteY94" fmla="*/ 740220 h 1694229"/>
                <a:gd name="connsiteX95" fmla="*/ 1615719 w 1878075"/>
                <a:gd name="connsiteY95" fmla="*/ 683758 h 1694229"/>
                <a:gd name="connsiteX96" fmla="*/ 1603753 w 1878075"/>
                <a:gd name="connsiteY96" fmla="*/ 553648 h 1694229"/>
                <a:gd name="connsiteX97" fmla="*/ 1620956 w 1878075"/>
                <a:gd name="connsiteY97" fmla="*/ 405322 h 1694229"/>
                <a:gd name="connsiteX0" fmla="*/ 1620956 w 1866986"/>
                <a:gd name="connsiteY0" fmla="*/ 405322 h 1694229"/>
                <a:gd name="connsiteX1" fmla="*/ 1548806 w 1866986"/>
                <a:gd name="connsiteY1" fmla="*/ 372673 h 1694229"/>
                <a:gd name="connsiteX2" fmla="*/ 1458557 w 1866986"/>
                <a:gd name="connsiteY2" fmla="*/ 348860 h 1694229"/>
                <a:gd name="connsiteX3" fmla="*/ 1405237 w 1866986"/>
                <a:gd name="connsiteY3" fmla="*/ 271776 h 1694229"/>
                <a:gd name="connsiteX4" fmla="*/ 1382136 w 1866986"/>
                <a:gd name="connsiteY4" fmla="*/ 169931 h 1694229"/>
                <a:gd name="connsiteX5" fmla="*/ 1346239 w 1866986"/>
                <a:gd name="connsiteY5" fmla="*/ 1869 h 1694229"/>
                <a:gd name="connsiteX6" fmla="*/ 1278870 w 1866986"/>
                <a:gd name="connsiteY6" fmla="*/ 43567 h 1694229"/>
                <a:gd name="connsiteX7" fmla="*/ 1273302 w 1866986"/>
                <a:gd name="connsiteY7" fmla="*/ 101090 h 1694229"/>
                <a:gd name="connsiteX8" fmla="*/ 1257397 w 1866986"/>
                <a:gd name="connsiteY8" fmla="*/ 152303 h 1694229"/>
                <a:gd name="connsiteX9" fmla="*/ 1237872 w 1866986"/>
                <a:gd name="connsiteY9" fmla="*/ 204316 h 1694229"/>
                <a:gd name="connsiteX10" fmla="*/ 1236143 w 1866986"/>
                <a:gd name="connsiteY10" fmla="*/ 273739 h 1694229"/>
                <a:gd name="connsiteX11" fmla="*/ 1163162 w 1866986"/>
                <a:gd name="connsiteY11" fmla="*/ 283903 h 1694229"/>
                <a:gd name="connsiteX12" fmla="*/ 1098809 w 1866986"/>
                <a:gd name="connsiteY12" fmla="*/ 285917 h 1694229"/>
                <a:gd name="connsiteX13" fmla="*/ 1051208 w 1866986"/>
                <a:gd name="connsiteY13" fmla="*/ 346183 h 1694229"/>
                <a:gd name="connsiteX14" fmla="*/ 996593 w 1866986"/>
                <a:gd name="connsiteY14" fmla="*/ 371690 h 1694229"/>
                <a:gd name="connsiteX15" fmla="*/ 943969 w 1866986"/>
                <a:gd name="connsiteY15" fmla="*/ 358385 h 1694229"/>
                <a:gd name="connsiteX16" fmla="*/ 837229 w 1866986"/>
                <a:gd name="connsiteY16" fmla="*/ 376257 h 1694229"/>
                <a:gd name="connsiteX17" fmla="*/ 814246 w 1866986"/>
                <a:gd name="connsiteY17" fmla="*/ 440035 h 1694229"/>
                <a:gd name="connsiteX18" fmla="*/ 797163 w 1866986"/>
                <a:gd name="connsiteY18" fmla="*/ 475926 h 1694229"/>
                <a:gd name="connsiteX19" fmla="*/ 715132 w 1866986"/>
                <a:gd name="connsiteY19" fmla="*/ 494632 h 1694229"/>
                <a:gd name="connsiteX20" fmla="*/ 697320 w 1866986"/>
                <a:gd name="connsiteY20" fmla="*/ 440647 h 1694229"/>
                <a:gd name="connsiteX21" fmla="*/ 653456 w 1866986"/>
                <a:gd name="connsiteY21" fmla="*/ 420298 h 1694229"/>
                <a:gd name="connsiteX22" fmla="*/ 518140 w 1866986"/>
                <a:gd name="connsiteY22" fmla="*/ 420641 h 1694229"/>
                <a:gd name="connsiteX23" fmla="*/ 434263 w 1866986"/>
                <a:gd name="connsiteY23" fmla="*/ 447350 h 1694229"/>
                <a:gd name="connsiteX24" fmla="*/ 401044 w 1866986"/>
                <a:gd name="connsiteY24" fmla="*/ 420298 h 1694229"/>
                <a:gd name="connsiteX25" fmla="*/ 381994 w 1866986"/>
                <a:gd name="connsiteY25" fmla="*/ 358385 h 1694229"/>
                <a:gd name="connsiteX26" fmla="*/ 315319 w 1866986"/>
                <a:gd name="connsiteY26" fmla="*/ 305998 h 1694229"/>
                <a:gd name="connsiteX27" fmla="*/ 270134 w 1866986"/>
                <a:gd name="connsiteY27" fmla="*/ 229110 h 1694229"/>
                <a:gd name="connsiteX28" fmla="*/ 146784 w 1866986"/>
                <a:gd name="connsiteY28" fmla="*/ 258373 h 1694229"/>
                <a:gd name="connsiteX29" fmla="*/ 127734 w 1866986"/>
                <a:gd name="connsiteY29" fmla="*/ 344785 h 1694229"/>
                <a:gd name="connsiteX30" fmla="*/ 145174 w 1866986"/>
                <a:gd name="connsiteY30" fmla="*/ 411312 h 1694229"/>
                <a:gd name="connsiteX31" fmla="*/ 117735 w 1866986"/>
                <a:gd name="connsiteY31" fmla="*/ 446172 h 1694229"/>
                <a:gd name="connsiteX32" fmla="*/ 65347 w 1866986"/>
                <a:gd name="connsiteY32" fmla="*/ 474059 h 1694229"/>
                <a:gd name="connsiteX33" fmla="*/ 37246 w 1866986"/>
                <a:gd name="connsiteY33" fmla="*/ 482063 h 1694229"/>
                <a:gd name="connsiteX34" fmla="*/ 15281 w 1866986"/>
                <a:gd name="connsiteY34" fmla="*/ 520310 h 1694229"/>
                <a:gd name="connsiteX35" fmla="*/ 1469 w 1866986"/>
                <a:gd name="connsiteY35" fmla="*/ 632745 h 1694229"/>
                <a:gd name="connsiteX36" fmla="*/ 51178 w 1866986"/>
                <a:gd name="connsiteY36" fmla="*/ 685967 h 1694229"/>
                <a:gd name="connsiteX37" fmla="*/ 108092 w 1866986"/>
                <a:gd name="connsiteY37" fmla="*/ 681547 h 1694229"/>
                <a:gd name="connsiteX38" fmla="*/ 93804 w 1866986"/>
                <a:gd name="connsiteY38" fmla="*/ 751806 h 1694229"/>
                <a:gd name="connsiteX39" fmla="*/ 148631 w 1866986"/>
                <a:gd name="connsiteY39" fmla="*/ 782248 h 1694229"/>
                <a:gd name="connsiteX40" fmla="*/ 217629 w 1866986"/>
                <a:gd name="connsiteY40" fmla="*/ 792460 h 1694229"/>
                <a:gd name="connsiteX41" fmla="*/ 252932 w 1866986"/>
                <a:gd name="connsiteY41" fmla="*/ 848431 h 1694229"/>
                <a:gd name="connsiteX42" fmla="*/ 252339 w 1866986"/>
                <a:gd name="connsiteY42" fmla="*/ 893503 h 1694229"/>
                <a:gd name="connsiteX43" fmla="*/ 276863 w 1866986"/>
                <a:gd name="connsiteY43" fmla="*/ 932978 h 1694229"/>
                <a:gd name="connsiteX44" fmla="*/ 322521 w 1866986"/>
                <a:gd name="connsiteY44" fmla="*/ 971570 h 1694229"/>
                <a:gd name="connsiteX45" fmla="*/ 407654 w 1866986"/>
                <a:gd name="connsiteY45" fmla="*/ 1025822 h 1694229"/>
                <a:gd name="connsiteX46" fmla="*/ 443431 w 1866986"/>
                <a:gd name="connsiteY46" fmla="*/ 1096915 h 1694229"/>
                <a:gd name="connsiteX47" fmla="*/ 422534 w 1866986"/>
                <a:gd name="connsiteY47" fmla="*/ 1166488 h 1694229"/>
                <a:gd name="connsiteX48" fmla="*/ 500581 w 1866986"/>
                <a:gd name="connsiteY48" fmla="*/ 1222951 h 1694229"/>
                <a:gd name="connsiteX49" fmla="*/ 572613 w 1866986"/>
                <a:gd name="connsiteY49" fmla="*/ 1255945 h 1694229"/>
                <a:gd name="connsiteX50" fmla="*/ 553444 w 1866986"/>
                <a:gd name="connsiteY50" fmla="*/ 1315648 h 1694229"/>
                <a:gd name="connsiteX51" fmla="*/ 643931 w 1866986"/>
                <a:gd name="connsiteY51" fmla="*/ 1468048 h 1694229"/>
                <a:gd name="connsiteX52" fmla="*/ 736741 w 1866986"/>
                <a:gd name="connsiteY52" fmla="*/ 1541202 h 1694229"/>
                <a:gd name="connsiteX53" fmla="*/ 786806 w 1866986"/>
                <a:gd name="connsiteY53" fmla="*/ 1491860 h 1694229"/>
                <a:gd name="connsiteX54" fmla="*/ 851396 w 1866986"/>
                <a:gd name="connsiteY54" fmla="*/ 1519257 h 1694229"/>
                <a:gd name="connsiteX55" fmla="*/ 905869 w 1866986"/>
                <a:gd name="connsiteY55" fmla="*/ 1487098 h 1694229"/>
                <a:gd name="connsiteX56" fmla="*/ 922716 w 1866986"/>
                <a:gd name="connsiteY56" fmla="*/ 1444922 h 1694229"/>
                <a:gd name="connsiteX57" fmla="*/ 986593 w 1866986"/>
                <a:gd name="connsiteY57" fmla="*/ 1531334 h 1694229"/>
                <a:gd name="connsiteX58" fmla="*/ 1031660 w 1866986"/>
                <a:gd name="connsiteY58" fmla="*/ 1602428 h 1694229"/>
                <a:gd name="connsiteX59" fmla="*/ 1101606 w 1866986"/>
                <a:gd name="connsiteY59" fmla="*/ 1693947 h 1694229"/>
                <a:gd name="connsiteX60" fmla="*/ 1132504 w 1866986"/>
                <a:gd name="connsiteY60" fmla="*/ 1630856 h 1694229"/>
                <a:gd name="connsiteX61" fmla="*/ 1163163 w 1866986"/>
                <a:gd name="connsiteY61" fmla="*/ 1624376 h 1694229"/>
                <a:gd name="connsiteX62" fmla="*/ 1206262 w 1866986"/>
                <a:gd name="connsiteY62" fmla="*/ 1653639 h 1694229"/>
                <a:gd name="connsiteX63" fmla="*/ 1239837 w 1866986"/>
                <a:gd name="connsiteY63" fmla="*/ 1612985 h 1694229"/>
                <a:gd name="connsiteX64" fmla="*/ 1258658 w 1866986"/>
                <a:gd name="connsiteY64" fmla="*/ 1617602 h 1694229"/>
                <a:gd name="connsiteX65" fmla="*/ 1292700 w 1866986"/>
                <a:gd name="connsiteY65" fmla="*/ 1684079 h 1694229"/>
                <a:gd name="connsiteX66" fmla="*/ 1349256 w 1866986"/>
                <a:gd name="connsiteY66" fmla="*/ 1660610 h 1694229"/>
                <a:gd name="connsiteX67" fmla="*/ 1401288 w 1866986"/>
                <a:gd name="connsiteY67" fmla="*/ 1604489 h 1694229"/>
                <a:gd name="connsiteX68" fmla="*/ 1452065 w 1866986"/>
                <a:gd name="connsiteY68" fmla="*/ 1587946 h 1694229"/>
                <a:gd name="connsiteX69" fmla="*/ 1469744 w 1866986"/>
                <a:gd name="connsiteY69" fmla="*/ 1643768 h 1694229"/>
                <a:gd name="connsiteX70" fmla="*/ 1539639 w 1866986"/>
                <a:gd name="connsiteY70" fmla="*/ 1618090 h 1694229"/>
                <a:gd name="connsiteX71" fmla="*/ 1570417 w 1866986"/>
                <a:gd name="connsiteY71" fmla="*/ 1531334 h 1694229"/>
                <a:gd name="connsiteX72" fmla="*/ 1651853 w 1866986"/>
                <a:gd name="connsiteY72" fmla="*/ 1441192 h 1694229"/>
                <a:gd name="connsiteX73" fmla="*/ 1696444 w 1866986"/>
                <a:gd name="connsiteY73" fmla="*/ 1410062 h 1694229"/>
                <a:gd name="connsiteX74" fmla="*/ 1724813 w 1866986"/>
                <a:gd name="connsiteY74" fmla="*/ 1413357 h 1694229"/>
                <a:gd name="connsiteX75" fmla="*/ 1802405 w 1866986"/>
                <a:gd name="connsiteY75" fmla="*/ 1402749 h 1694229"/>
                <a:gd name="connsiteX76" fmla="*/ 1797524 w 1866986"/>
                <a:gd name="connsiteY76" fmla="*/ 1456313 h 1694229"/>
                <a:gd name="connsiteX77" fmla="*/ 1855691 w 1866986"/>
                <a:gd name="connsiteY77" fmla="*/ 1479634 h 1694229"/>
                <a:gd name="connsiteX78" fmla="*/ 1857299 w 1866986"/>
                <a:gd name="connsiteY78" fmla="*/ 1457000 h 1694229"/>
                <a:gd name="connsiteX79" fmla="*/ 1856521 w 1866986"/>
                <a:gd name="connsiteY79" fmla="*/ 1396266 h 1694229"/>
                <a:gd name="connsiteX80" fmla="*/ 1863843 w 1866986"/>
                <a:gd name="connsiteY80" fmla="*/ 1323993 h 1694229"/>
                <a:gd name="connsiteX81" fmla="*/ 1797946 w 1866986"/>
                <a:gd name="connsiteY81" fmla="*/ 1305140 h 1694229"/>
                <a:gd name="connsiteX82" fmla="*/ 1747763 w 1866986"/>
                <a:gd name="connsiteY82" fmla="*/ 1264979 h 1694229"/>
                <a:gd name="connsiteX83" fmla="*/ 1737459 w 1866986"/>
                <a:gd name="connsiteY83" fmla="*/ 1176356 h 1694229"/>
                <a:gd name="connsiteX84" fmla="*/ 1704241 w 1866986"/>
                <a:gd name="connsiteY84" fmla="*/ 1038783 h 1694229"/>
                <a:gd name="connsiteX85" fmla="*/ 1627446 w 1866986"/>
                <a:gd name="connsiteY85" fmla="*/ 972257 h 1694229"/>
                <a:gd name="connsiteX86" fmla="*/ 1594228 w 1866986"/>
                <a:gd name="connsiteY86" fmla="*/ 917660 h 1694229"/>
                <a:gd name="connsiteX87" fmla="*/ 1544162 w 1866986"/>
                <a:gd name="connsiteY87" fmla="*/ 872587 h 1694229"/>
                <a:gd name="connsiteX88" fmla="*/ 1472251 w 1866986"/>
                <a:gd name="connsiteY88" fmla="*/ 845878 h 1694229"/>
                <a:gd name="connsiteX89" fmla="*/ 1449150 w 1866986"/>
                <a:gd name="connsiteY89" fmla="*/ 823245 h 1694229"/>
                <a:gd name="connsiteX90" fmla="*/ 1477013 w 1866986"/>
                <a:gd name="connsiteY90" fmla="*/ 784801 h 1694229"/>
                <a:gd name="connsiteX91" fmla="*/ 1458319 w 1866986"/>
                <a:gd name="connsiteY91" fmla="*/ 748910 h 1694229"/>
                <a:gd name="connsiteX92" fmla="*/ 1463081 w 1866986"/>
                <a:gd name="connsiteY92" fmla="*/ 725098 h 1694229"/>
                <a:gd name="connsiteX93" fmla="*/ 1488076 w 1866986"/>
                <a:gd name="connsiteY93" fmla="*/ 724035 h 1694229"/>
                <a:gd name="connsiteX94" fmla="*/ 1580416 w 1866986"/>
                <a:gd name="connsiteY94" fmla="*/ 740220 h 1694229"/>
                <a:gd name="connsiteX95" fmla="*/ 1615719 w 1866986"/>
                <a:gd name="connsiteY95" fmla="*/ 683758 h 1694229"/>
                <a:gd name="connsiteX96" fmla="*/ 1603753 w 1866986"/>
                <a:gd name="connsiteY96" fmla="*/ 553648 h 1694229"/>
                <a:gd name="connsiteX97" fmla="*/ 1620956 w 1866986"/>
                <a:gd name="connsiteY97" fmla="*/ 405322 h 1694229"/>
                <a:gd name="connsiteX0" fmla="*/ 1620956 w 1880530"/>
                <a:gd name="connsiteY0" fmla="*/ 405322 h 1694229"/>
                <a:gd name="connsiteX1" fmla="*/ 1548806 w 1880530"/>
                <a:gd name="connsiteY1" fmla="*/ 372673 h 1694229"/>
                <a:gd name="connsiteX2" fmla="*/ 1458557 w 1880530"/>
                <a:gd name="connsiteY2" fmla="*/ 348860 h 1694229"/>
                <a:gd name="connsiteX3" fmla="*/ 1405237 w 1880530"/>
                <a:gd name="connsiteY3" fmla="*/ 271776 h 1694229"/>
                <a:gd name="connsiteX4" fmla="*/ 1382136 w 1880530"/>
                <a:gd name="connsiteY4" fmla="*/ 169931 h 1694229"/>
                <a:gd name="connsiteX5" fmla="*/ 1346239 w 1880530"/>
                <a:gd name="connsiteY5" fmla="*/ 1869 h 1694229"/>
                <a:gd name="connsiteX6" fmla="*/ 1278870 w 1880530"/>
                <a:gd name="connsiteY6" fmla="*/ 43567 h 1694229"/>
                <a:gd name="connsiteX7" fmla="*/ 1273302 w 1880530"/>
                <a:gd name="connsiteY7" fmla="*/ 101090 h 1694229"/>
                <a:gd name="connsiteX8" fmla="*/ 1257397 w 1880530"/>
                <a:gd name="connsiteY8" fmla="*/ 152303 h 1694229"/>
                <a:gd name="connsiteX9" fmla="*/ 1237872 w 1880530"/>
                <a:gd name="connsiteY9" fmla="*/ 204316 h 1694229"/>
                <a:gd name="connsiteX10" fmla="*/ 1236143 w 1880530"/>
                <a:gd name="connsiteY10" fmla="*/ 273739 h 1694229"/>
                <a:gd name="connsiteX11" fmla="*/ 1163162 w 1880530"/>
                <a:gd name="connsiteY11" fmla="*/ 283903 h 1694229"/>
                <a:gd name="connsiteX12" fmla="*/ 1098809 w 1880530"/>
                <a:gd name="connsiteY12" fmla="*/ 285917 h 1694229"/>
                <a:gd name="connsiteX13" fmla="*/ 1051208 w 1880530"/>
                <a:gd name="connsiteY13" fmla="*/ 346183 h 1694229"/>
                <a:gd name="connsiteX14" fmla="*/ 996593 w 1880530"/>
                <a:gd name="connsiteY14" fmla="*/ 371690 h 1694229"/>
                <a:gd name="connsiteX15" fmla="*/ 943969 w 1880530"/>
                <a:gd name="connsiteY15" fmla="*/ 358385 h 1694229"/>
                <a:gd name="connsiteX16" fmla="*/ 837229 w 1880530"/>
                <a:gd name="connsiteY16" fmla="*/ 376257 h 1694229"/>
                <a:gd name="connsiteX17" fmla="*/ 814246 w 1880530"/>
                <a:gd name="connsiteY17" fmla="*/ 440035 h 1694229"/>
                <a:gd name="connsiteX18" fmla="*/ 797163 w 1880530"/>
                <a:gd name="connsiteY18" fmla="*/ 475926 h 1694229"/>
                <a:gd name="connsiteX19" fmla="*/ 715132 w 1880530"/>
                <a:gd name="connsiteY19" fmla="*/ 494632 h 1694229"/>
                <a:gd name="connsiteX20" fmla="*/ 697320 w 1880530"/>
                <a:gd name="connsiteY20" fmla="*/ 440647 h 1694229"/>
                <a:gd name="connsiteX21" fmla="*/ 653456 w 1880530"/>
                <a:gd name="connsiteY21" fmla="*/ 420298 h 1694229"/>
                <a:gd name="connsiteX22" fmla="*/ 518140 w 1880530"/>
                <a:gd name="connsiteY22" fmla="*/ 420641 h 1694229"/>
                <a:gd name="connsiteX23" fmla="*/ 434263 w 1880530"/>
                <a:gd name="connsiteY23" fmla="*/ 447350 h 1694229"/>
                <a:gd name="connsiteX24" fmla="*/ 401044 w 1880530"/>
                <a:gd name="connsiteY24" fmla="*/ 420298 h 1694229"/>
                <a:gd name="connsiteX25" fmla="*/ 381994 w 1880530"/>
                <a:gd name="connsiteY25" fmla="*/ 358385 h 1694229"/>
                <a:gd name="connsiteX26" fmla="*/ 315319 w 1880530"/>
                <a:gd name="connsiteY26" fmla="*/ 305998 h 1694229"/>
                <a:gd name="connsiteX27" fmla="*/ 270134 w 1880530"/>
                <a:gd name="connsiteY27" fmla="*/ 229110 h 1694229"/>
                <a:gd name="connsiteX28" fmla="*/ 146784 w 1880530"/>
                <a:gd name="connsiteY28" fmla="*/ 258373 h 1694229"/>
                <a:gd name="connsiteX29" fmla="*/ 127734 w 1880530"/>
                <a:gd name="connsiteY29" fmla="*/ 344785 h 1694229"/>
                <a:gd name="connsiteX30" fmla="*/ 145174 w 1880530"/>
                <a:gd name="connsiteY30" fmla="*/ 411312 h 1694229"/>
                <a:gd name="connsiteX31" fmla="*/ 117735 w 1880530"/>
                <a:gd name="connsiteY31" fmla="*/ 446172 h 1694229"/>
                <a:gd name="connsiteX32" fmla="*/ 65347 w 1880530"/>
                <a:gd name="connsiteY32" fmla="*/ 474059 h 1694229"/>
                <a:gd name="connsiteX33" fmla="*/ 37246 w 1880530"/>
                <a:gd name="connsiteY33" fmla="*/ 482063 h 1694229"/>
                <a:gd name="connsiteX34" fmla="*/ 15281 w 1880530"/>
                <a:gd name="connsiteY34" fmla="*/ 520310 h 1694229"/>
                <a:gd name="connsiteX35" fmla="*/ 1469 w 1880530"/>
                <a:gd name="connsiteY35" fmla="*/ 632745 h 1694229"/>
                <a:gd name="connsiteX36" fmla="*/ 51178 w 1880530"/>
                <a:gd name="connsiteY36" fmla="*/ 685967 h 1694229"/>
                <a:gd name="connsiteX37" fmla="*/ 108092 w 1880530"/>
                <a:gd name="connsiteY37" fmla="*/ 681547 h 1694229"/>
                <a:gd name="connsiteX38" fmla="*/ 93804 w 1880530"/>
                <a:gd name="connsiteY38" fmla="*/ 751806 h 1694229"/>
                <a:gd name="connsiteX39" fmla="*/ 148631 w 1880530"/>
                <a:gd name="connsiteY39" fmla="*/ 782248 h 1694229"/>
                <a:gd name="connsiteX40" fmla="*/ 217629 w 1880530"/>
                <a:gd name="connsiteY40" fmla="*/ 792460 h 1694229"/>
                <a:gd name="connsiteX41" fmla="*/ 252932 w 1880530"/>
                <a:gd name="connsiteY41" fmla="*/ 848431 h 1694229"/>
                <a:gd name="connsiteX42" fmla="*/ 252339 w 1880530"/>
                <a:gd name="connsiteY42" fmla="*/ 893503 h 1694229"/>
                <a:gd name="connsiteX43" fmla="*/ 276863 w 1880530"/>
                <a:gd name="connsiteY43" fmla="*/ 932978 h 1694229"/>
                <a:gd name="connsiteX44" fmla="*/ 322521 w 1880530"/>
                <a:gd name="connsiteY44" fmla="*/ 971570 h 1694229"/>
                <a:gd name="connsiteX45" fmla="*/ 407654 w 1880530"/>
                <a:gd name="connsiteY45" fmla="*/ 1025822 h 1694229"/>
                <a:gd name="connsiteX46" fmla="*/ 443431 w 1880530"/>
                <a:gd name="connsiteY46" fmla="*/ 1096915 h 1694229"/>
                <a:gd name="connsiteX47" fmla="*/ 422534 w 1880530"/>
                <a:gd name="connsiteY47" fmla="*/ 1166488 h 1694229"/>
                <a:gd name="connsiteX48" fmla="*/ 500581 w 1880530"/>
                <a:gd name="connsiteY48" fmla="*/ 1222951 h 1694229"/>
                <a:gd name="connsiteX49" fmla="*/ 572613 w 1880530"/>
                <a:gd name="connsiteY49" fmla="*/ 1255945 h 1694229"/>
                <a:gd name="connsiteX50" fmla="*/ 553444 w 1880530"/>
                <a:gd name="connsiteY50" fmla="*/ 1315648 h 1694229"/>
                <a:gd name="connsiteX51" fmla="*/ 643931 w 1880530"/>
                <a:gd name="connsiteY51" fmla="*/ 1468048 h 1694229"/>
                <a:gd name="connsiteX52" fmla="*/ 736741 w 1880530"/>
                <a:gd name="connsiteY52" fmla="*/ 1541202 h 1694229"/>
                <a:gd name="connsiteX53" fmla="*/ 786806 w 1880530"/>
                <a:gd name="connsiteY53" fmla="*/ 1491860 h 1694229"/>
                <a:gd name="connsiteX54" fmla="*/ 851396 w 1880530"/>
                <a:gd name="connsiteY54" fmla="*/ 1519257 h 1694229"/>
                <a:gd name="connsiteX55" fmla="*/ 905869 w 1880530"/>
                <a:gd name="connsiteY55" fmla="*/ 1487098 h 1694229"/>
                <a:gd name="connsiteX56" fmla="*/ 922716 w 1880530"/>
                <a:gd name="connsiteY56" fmla="*/ 1444922 h 1694229"/>
                <a:gd name="connsiteX57" fmla="*/ 986593 w 1880530"/>
                <a:gd name="connsiteY57" fmla="*/ 1531334 h 1694229"/>
                <a:gd name="connsiteX58" fmla="*/ 1031660 w 1880530"/>
                <a:gd name="connsiteY58" fmla="*/ 1602428 h 1694229"/>
                <a:gd name="connsiteX59" fmla="*/ 1101606 w 1880530"/>
                <a:gd name="connsiteY59" fmla="*/ 1693947 h 1694229"/>
                <a:gd name="connsiteX60" fmla="*/ 1132504 w 1880530"/>
                <a:gd name="connsiteY60" fmla="*/ 1630856 h 1694229"/>
                <a:gd name="connsiteX61" fmla="*/ 1163163 w 1880530"/>
                <a:gd name="connsiteY61" fmla="*/ 1624376 h 1694229"/>
                <a:gd name="connsiteX62" fmla="*/ 1206262 w 1880530"/>
                <a:gd name="connsiteY62" fmla="*/ 1653639 h 1694229"/>
                <a:gd name="connsiteX63" fmla="*/ 1239837 w 1880530"/>
                <a:gd name="connsiteY63" fmla="*/ 1612985 h 1694229"/>
                <a:gd name="connsiteX64" fmla="*/ 1258658 w 1880530"/>
                <a:gd name="connsiteY64" fmla="*/ 1617602 h 1694229"/>
                <a:gd name="connsiteX65" fmla="*/ 1292700 w 1880530"/>
                <a:gd name="connsiteY65" fmla="*/ 1684079 h 1694229"/>
                <a:gd name="connsiteX66" fmla="*/ 1349256 w 1880530"/>
                <a:gd name="connsiteY66" fmla="*/ 1660610 h 1694229"/>
                <a:gd name="connsiteX67" fmla="*/ 1401288 w 1880530"/>
                <a:gd name="connsiteY67" fmla="*/ 1604489 h 1694229"/>
                <a:gd name="connsiteX68" fmla="*/ 1452065 w 1880530"/>
                <a:gd name="connsiteY68" fmla="*/ 1587946 h 1694229"/>
                <a:gd name="connsiteX69" fmla="*/ 1469744 w 1880530"/>
                <a:gd name="connsiteY69" fmla="*/ 1643768 h 1694229"/>
                <a:gd name="connsiteX70" fmla="*/ 1539639 w 1880530"/>
                <a:gd name="connsiteY70" fmla="*/ 1618090 h 1694229"/>
                <a:gd name="connsiteX71" fmla="*/ 1570417 w 1880530"/>
                <a:gd name="connsiteY71" fmla="*/ 1531334 h 1694229"/>
                <a:gd name="connsiteX72" fmla="*/ 1651853 w 1880530"/>
                <a:gd name="connsiteY72" fmla="*/ 1441192 h 1694229"/>
                <a:gd name="connsiteX73" fmla="*/ 1696444 w 1880530"/>
                <a:gd name="connsiteY73" fmla="*/ 1410062 h 1694229"/>
                <a:gd name="connsiteX74" fmla="*/ 1724813 w 1880530"/>
                <a:gd name="connsiteY74" fmla="*/ 1413357 h 1694229"/>
                <a:gd name="connsiteX75" fmla="*/ 1802405 w 1880530"/>
                <a:gd name="connsiteY75" fmla="*/ 1402749 h 1694229"/>
                <a:gd name="connsiteX76" fmla="*/ 1797524 w 1880530"/>
                <a:gd name="connsiteY76" fmla="*/ 1456313 h 1694229"/>
                <a:gd name="connsiteX77" fmla="*/ 1855691 w 1880530"/>
                <a:gd name="connsiteY77" fmla="*/ 1479634 h 1694229"/>
                <a:gd name="connsiteX78" fmla="*/ 1857299 w 1880530"/>
                <a:gd name="connsiteY78" fmla="*/ 1457000 h 1694229"/>
                <a:gd name="connsiteX79" fmla="*/ 1856521 w 1880530"/>
                <a:gd name="connsiteY79" fmla="*/ 1396266 h 1694229"/>
                <a:gd name="connsiteX80" fmla="*/ 1878487 w 1880530"/>
                <a:gd name="connsiteY80" fmla="*/ 1326546 h 1694229"/>
                <a:gd name="connsiteX81" fmla="*/ 1797946 w 1880530"/>
                <a:gd name="connsiteY81" fmla="*/ 1305140 h 1694229"/>
                <a:gd name="connsiteX82" fmla="*/ 1747763 w 1880530"/>
                <a:gd name="connsiteY82" fmla="*/ 1264979 h 1694229"/>
                <a:gd name="connsiteX83" fmla="*/ 1737459 w 1880530"/>
                <a:gd name="connsiteY83" fmla="*/ 1176356 h 1694229"/>
                <a:gd name="connsiteX84" fmla="*/ 1704241 w 1880530"/>
                <a:gd name="connsiteY84" fmla="*/ 1038783 h 1694229"/>
                <a:gd name="connsiteX85" fmla="*/ 1627446 w 1880530"/>
                <a:gd name="connsiteY85" fmla="*/ 972257 h 1694229"/>
                <a:gd name="connsiteX86" fmla="*/ 1594228 w 1880530"/>
                <a:gd name="connsiteY86" fmla="*/ 917660 h 1694229"/>
                <a:gd name="connsiteX87" fmla="*/ 1544162 w 1880530"/>
                <a:gd name="connsiteY87" fmla="*/ 872587 h 1694229"/>
                <a:gd name="connsiteX88" fmla="*/ 1472251 w 1880530"/>
                <a:gd name="connsiteY88" fmla="*/ 845878 h 1694229"/>
                <a:gd name="connsiteX89" fmla="*/ 1449150 w 1880530"/>
                <a:gd name="connsiteY89" fmla="*/ 823245 h 1694229"/>
                <a:gd name="connsiteX90" fmla="*/ 1477013 w 1880530"/>
                <a:gd name="connsiteY90" fmla="*/ 784801 h 1694229"/>
                <a:gd name="connsiteX91" fmla="*/ 1458319 w 1880530"/>
                <a:gd name="connsiteY91" fmla="*/ 748910 h 1694229"/>
                <a:gd name="connsiteX92" fmla="*/ 1463081 w 1880530"/>
                <a:gd name="connsiteY92" fmla="*/ 725098 h 1694229"/>
                <a:gd name="connsiteX93" fmla="*/ 1488076 w 1880530"/>
                <a:gd name="connsiteY93" fmla="*/ 724035 h 1694229"/>
                <a:gd name="connsiteX94" fmla="*/ 1580416 w 1880530"/>
                <a:gd name="connsiteY94" fmla="*/ 740220 h 1694229"/>
                <a:gd name="connsiteX95" fmla="*/ 1615719 w 1880530"/>
                <a:gd name="connsiteY95" fmla="*/ 683758 h 1694229"/>
                <a:gd name="connsiteX96" fmla="*/ 1603753 w 1880530"/>
                <a:gd name="connsiteY96" fmla="*/ 553648 h 1694229"/>
                <a:gd name="connsiteX97" fmla="*/ 1620956 w 1880530"/>
                <a:gd name="connsiteY97" fmla="*/ 405322 h 1694229"/>
                <a:gd name="connsiteX0" fmla="*/ 1620956 w 1881147"/>
                <a:gd name="connsiteY0" fmla="*/ 405322 h 1694229"/>
                <a:gd name="connsiteX1" fmla="*/ 1548806 w 1881147"/>
                <a:gd name="connsiteY1" fmla="*/ 372673 h 1694229"/>
                <a:gd name="connsiteX2" fmla="*/ 1458557 w 1881147"/>
                <a:gd name="connsiteY2" fmla="*/ 348860 h 1694229"/>
                <a:gd name="connsiteX3" fmla="*/ 1405237 w 1881147"/>
                <a:gd name="connsiteY3" fmla="*/ 271776 h 1694229"/>
                <a:gd name="connsiteX4" fmla="*/ 1382136 w 1881147"/>
                <a:gd name="connsiteY4" fmla="*/ 169931 h 1694229"/>
                <a:gd name="connsiteX5" fmla="*/ 1346239 w 1881147"/>
                <a:gd name="connsiteY5" fmla="*/ 1869 h 1694229"/>
                <a:gd name="connsiteX6" fmla="*/ 1278870 w 1881147"/>
                <a:gd name="connsiteY6" fmla="*/ 43567 h 1694229"/>
                <a:gd name="connsiteX7" fmla="*/ 1273302 w 1881147"/>
                <a:gd name="connsiteY7" fmla="*/ 101090 h 1694229"/>
                <a:gd name="connsiteX8" fmla="*/ 1257397 w 1881147"/>
                <a:gd name="connsiteY8" fmla="*/ 152303 h 1694229"/>
                <a:gd name="connsiteX9" fmla="*/ 1237872 w 1881147"/>
                <a:gd name="connsiteY9" fmla="*/ 204316 h 1694229"/>
                <a:gd name="connsiteX10" fmla="*/ 1236143 w 1881147"/>
                <a:gd name="connsiteY10" fmla="*/ 273739 h 1694229"/>
                <a:gd name="connsiteX11" fmla="*/ 1163162 w 1881147"/>
                <a:gd name="connsiteY11" fmla="*/ 283903 h 1694229"/>
                <a:gd name="connsiteX12" fmla="*/ 1098809 w 1881147"/>
                <a:gd name="connsiteY12" fmla="*/ 285917 h 1694229"/>
                <a:gd name="connsiteX13" fmla="*/ 1051208 w 1881147"/>
                <a:gd name="connsiteY13" fmla="*/ 346183 h 1694229"/>
                <a:gd name="connsiteX14" fmla="*/ 996593 w 1881147"/>
                <a:gd name="connsiteY14" fmla="*/ 371690 h 1694229"/>
                <a:gd name="connsiteX15" fmla="*/ 943969 w 1881147"/>
                <a:gd name="connsiteY15" fmla="*/ 358385 h 1694229"/>
                <a:gd name="connsiteX16" fmla="*/ 837229 w 1881147"/>
                <a:gd name="connsiteY16" fmla="*/ 376257 h 1694229"/>
                <a:gd name="connsiteX17" fmla="*/ 814246 w 1881147"/>
                <a:gd name="connsiteY17" fmla="*/ 440035 h 1694229"/>
                <a:gd name="connsiteX18" fmla="*/ 797163 w 1881147"/>
                <a:gd name="connsiteY18" fmla="*/ 475926 h 1694229"/>
                <a:gd name="connsiteX19" fmla="*/ 715132 w 1881147"/>
                <a:gd name="connsiteY19" fmla="*/ 494632 h 1694229"/>
                <a:gd name="connsiteX20" fmla="*/ 697320 w 1881147"/>
                <a:gd name="connsiteY20" fmla="*/ 440647 h 1694229"/>
                <a:gd name="connsiteX21" fmla="*/ 653456 w 1881147"/>
                <a:gd name="connsiteY21" fmla="*/ 420298 h 1694229"/>
                <a:gd name="connsiteX22" fmla="*/ 518140 w 1881147"/>
                <a:gd name="connsiteY22" fmla="*/ 420641 h 1694229"/>
                <a:gd name="connsiteX23" fmla="*/ 434263 w 1881147"/>
                <a:gd name="connsiteY23" fmla="*/ 447350 h 1694229"/>
                <a:gd name="connsiteX24" fmla="*/ 401044 w 1881147"/>
                <a:gd name="connsiteY24" fmla="*/ 420298 h 1694229"/>
                <a:gd name="connsiteX25" fmla="*/ 381994 w 1881147"/>
                <a:gd name="connsiteY25" fmla="*/ 358385 h 1694229"/>
                <a:gd name="connsiteX26" fmla="*/ 315319 w 1881147"/>
                <a:gd name="connsiteY26" fmla="*/ 305998 h 1694229"/>
                <a:gd name="connsiteX27" fmla="*/ 270134 w 1881147"/>
                <a:gd name="connsiteY27" fmla="*/ 229110 h 1694229"/>
                <a:gd name="connsiteX28" fmla="*/ 146784 w 1881147"/>
                <a:gd name="connsiteY28" fmla="*/ 258373 h 1694229"/>
                <a:gd name="connsiteX29" fmla="*/ 127734 w 1881147"/>
                <a:gd name="connsiteY29" fmla="*/ 344785 h 1694229"/>
                <a:gd name="connsiteX30" fmla="*/ 145174 w 1881147"/>
                <a:gd name="connsiteY30" fmla="*/ 411312 h 1694229"/>
                <a:gd name="connsiteX31" fmla="*/ 117735 w 1881147"/>
                <a:gd name="connsiteY31" fmla="*/ 446172 h 1694229"/>
                <a:gd name="connsiteX32" fmla="*/ 65347 w 1881147"/>
                <a:gd name="connsiteY32" fmla="*/ 474059 h 1694229"/>
                <a:gd name="connsiteX33" fmla="*/ 37246 w 1881147"/>
                <a:gd name="connsiteY33" fmla="*/ 482063 h 1694229"/>
                <a:gd name="connsiteX34" fmla="*/ 15281 w 1881147"/>
                <a:gd name="connsiteY34" fmla="*/ 520310 h 1694229"/>
                <a:gd name="connsiteX35" fmla="*/ 1469 w 1881147"/>
                <a:gd name="connsiteY35" fmla="*/ 632745 h 1694229"/>
                <a:gd name="connsiteX36" fmla="*/ 51178 w 1881147"/>
                <a:gd name="connsiteY36" fmla="*/ 685967 h 1694229"/>
                <a:gd name="connsiteX37" fmla="*/ 108092 w 1881147"/>
                <a:gd name="connsiteY37" fmla="*/ 681547 h 1694229"/>
                <a:gd name="connsiteX38" fmla="*/ 93804 w 1881147"/>
                <a:gd name="connsiteY38" fmla="*/ 751806 h 1694229"/>
                <a:gd name="connsiteX39" fmla="*/ 148631 w 1881147"/>
                <a:gd name="connsiteY39" fmla="*/ 782248 h 1694229"/>
                <a:gd name="connsiteX40" fmla="*/ 217629 w 1881147"/>
                <a:gd name="connsiteY40" fmla="*/ 792460 h 1694229"/>
                <a:gd name="connsiteX41" fmla="*/ 252932 w 1881147"/>
                <a:gd name="connsiteY41" fmla="*/ 848431 h 1694229"/>
                <a:gd name="connsiteX42" fmla="*/ 252339 w 1881147"/>
                <a:gd name="connsiteY42" fmla="*/ 893503 h 1694229"/>
                <a:gd name="connsiteX43" fmla="*/ 276863 w 1881147"/>
                <a:gd name="connsiteY43" fmla="*/ 932978 h 1694229"/>
                <a:gd name="connsiteX44" fmla="*/ 322521 w 1881147"/>
                <a:gd name="connsiteY44" fmla="*/ 971570 h 1694229"/>
                <a:gd name="connsiteX45" fmla="*/ 407654 w 1881147"/>
                <a:gd name="connsiteY45" fmla="*/ 1025822 h 1694229"/>
                <a:gd name="connsiteX46" fmla="*/ 443431 w 1881147"/>
                <a:gd name="connsiteY46" fmla="*/ 1096915 h 1694229"/>
                <a:gd name="connsiteX47" fmla="*/ 422534 w 1881147"/>
                <a:gd name="connsiteY47" fmla="*/ 1166488 h 1694229"/>
                <a:gd name="connsiteX48" fmla="*/ 500581 w 1881147"/>
                <a:gd name="connsiteY48" fmla="*/ 1222951 h 1694229"/>
                <a:gd name="connsiteX49" fmla="*/ 572613 w 1881147"/>
                <a:gd name="connsiteY49" fmla="*/ 1255945 h 1694229"/>
                <a:gd name="connsiteX50" fmla="*/ 553444 w 1881147"/>
                <a:gd name="connsiteY50" fmla="*/ 1315648 h 1694229"/>
                <a:gd name="connsiteX51" fmla="*/ 643931 w 1881147"/>
                <a:gd name="connsiteY51" fmla="*/ 1468048 h 1694229"/>
                <a:gd name="connsiteX52" fmla="*/ 736741 w 1881147"/>
                <a:gd name="connsiteY52" fmla="*/ 1541202 h 1694229"/>
                <a:gd name="connsiteX53" fmla="*/ 786806 w 1881147"/>
                <a:gd name="connsiteY53" fmla="*/ 1491860 h 1694229"/>
                <a:gd name="connsiteX54" fmla="*/ 851396 w 1881147"/>
                <a:gd name="connsiteY54" fmla="*/ 1519257 h 1694229"/>
                <a:gd name="connsiteX55" fmla="*/ 905869 w 1881147"/>
                <a:gd name="connsiteY55" fmla="*/ 1487098 h 1694229"/>
                <a:gd name="connsiteX56" fmla="*/ 922716 w 1881147"/>
                <a:gd name="connsiteY56" fmla="*/ 1444922 h 1694229"/>
                <a:gd name="connsiteX57" fmla="*/ 986593 w 1881147"/>
                <a:gd name="connsiteY57" fmla="*/ 1531334 h 1694229"/>
                <a:gd name="connsiteX58" fmla="*/ 1031660 w 1881147"/>
                <a:gd name="connsiteY58" fmla="*/ 1602428 h 1694229"/>
                <a:gd name="connsiteX59" fmla="*/ 1101606 w 1881147"/>
                <a:gd name="connsiteY59" fmla="*/ 1693947 h 1694229"/>
                <a:gd name="connsiteX60" fmla="*/ 1132504 w 1881147"/>
                <a:gd name="connsiteY60" fmla="*/ 1630856 h 1694229"/>
                <a:gd name="connsiteX61" fmla="*/ 1163163 w 1881147"/>
                <a:gd name="connsiteY61" fmla="*/ 1624376 h 1694229"/>
                <a:gd name="connsiteX62" fmla="*/ 1206262 w 1881147"/>
                <a:gd name="connsiteY62" fmla="*/ 1653639 h 1694229"/>
                <a:gd name="connsiteX63" fmla="*/ 1239837 w 1881147"/>
                <a:gd name="connsiteY63" fmla="*/ 1612985 h 1694229"/>
                <a:gd name="connsiteX64" fmla="*/ 1258658 w 1881147"/>
                <a:gd name="connsiteY64" fmla="*/ 1617602 h 1694229"/>
                <a:gd name="connsiteX65" fmla="*/ 1292700 w 1881147"/>
                <a:gd name="connsiteY65" fmla="*/ 1684079 h 1694229"/>
                <a:gd name="connsiteX66" fmla="*/ 1349256 w 1881147"/>
                <a:gd name="connsiteY66" fmla="*/ 1660610 h 1694229"/>
                <a:gd name="connsiteX67" fmla="*/ 1401288 w 1881147"/>
                <a:gd name="connsiteY67" fmla="*/ 1604489 h 1694229"/>
                <a:gd name="connsiteX68" fmla="*/ 1452065 w 1881147"/>
                <a:gd name="connsiteY68" fmla="*/ 1587946 h 1694229"/>
                <a:gd name="connsiteX69" fmla="*/ 1469744 w 1881147"/>
                <a:gd name="connsiteY69" fmla="*/ 1643768 h 1694229"/>
                <a:gd name="connsiteX70" fmla="*/ 1539639 w 1881147"/>
                <a:gd name="connsiteY70" fmla="*/ 1618090 h 1694229"/>
                <a:gd name="connsiteX71" fmla="*/ 1570417 w 1881147"/>
                <a:gd name="connsiteY71" fmla="*/ 1531334 h 1694229"/>
                <a:gd name="connsiteX72" fmla="*/ 1651853 w 1881147"/>
                <a:gd name="connsiteY72" fmla="*/ 1441192 h 1694229"/>
                <a:gd name="connsiteX73" fmla="*/ 1696444 w 1881147"/>
                <a:gd name="connsiteY73" fmla="*/ 1410062 h 1694229"/>
                <a:gd name="connsiteX74" fmla="*/ 1724813 w 1881147"/>
                <a:gd name="connsiteY74" fmla="*/ 1413357 h 1694229"/>
                <a:gd name="connsiteX75" fmla="*/ 1802405 w 1881147"/>
                <a:gd name="connsiteY75" fmla="*/ 1402749 h 1694229"/>
                <a:gd name="connsiteX76" fmla="*/ 1797524 w 1881147"/>
                <a:gd name="connsiteY76" fmla="*/ 1456313 h 1694229"/>
                <a:gd name="connsiteX77" fmla="*/ 1855691 w 1881147"/>
                <a:gd name="connsiteY77" fmla="*/ 1479634 h 1694229"/>
                <a:gd name="connsiteX78" fmla="*/ 1857299 w 1881147"/>
                <a:gd name="connsiteY78" fmla="*/ 1457000 h 1694229"/>
                <a:gd name="connsiteX79" fmla="*/ 1861403 w 1881147"/>
                <a:gd name="connsiteY79" fmla="*/ 1401373 h 1694229"/>
                <a:gd name="connsiteX80" fmla="*/ 1878487 w 1881147"/>
                <a:gd name="connsiteY80" fmla="*/ 1326546 h 1694229"/>
                <a:gd name="connsiteX81" fmla="*/ 1797946 w 1881147"/>
                <a:gd name="connsiteY81" fmla="*/ 1305140 h 1694229"/>
                <a:gd name="connsiteX82" fmla="*/ 1747763 w 1881147"/>
                <a:gd name="connsiteY82" fmla="*/ 1264979 h 1694229"/>
                <a:gd name="connsiteX83" fmla="*/ 1737459 w 1881147"/>
                <a:gd name="connsiteY83" fmla="*/ 1176356 h 1694229"/>
                <a:gd name="connsiteX84" fmla="*/ 1704241 w 1881147"/>
                <a:gd name="connsiteY84" fmla="*/ 1038783 h 1694229"/>
                <a:gd name="connsiteX85" fmla="*/ 1627446 w 1881147"/>
                <a:gd name="connsiteY85" fmla="*/ 972257 h 1694229"/>
                <a:gd name="connsiteX86" fmla="*/ 1594228 w 1881147"/>
                <a:gd name="connsiteY86" fmla="*/ 917660 h 1694229"/>
                <a:gd name="connsiteX87" fmla="*/ 1544162 w 1881147"/>
                <a:gd name="connsiteY87" fmla="*/ 872587 h 1694229"/>
                <a:gd name="connsiteX88" fmla="*/ 1472251 w 1881147"/>
                <a:gd name="connsiteY88" fmla="*/ 845878 h 1694229"/>
                <a:gd name="connsiteX89" fmla="*/ 1449150 w 1881147"/>
                <a:gd name="connsiteY89" fmla="*/ 823245 h 1694229"/>
                <a:gd name="connsiteX90" fmla="*/ 1477013 w 1881147"/>
                <a:gd name="connsiteY90" fmla="*/ 784801 h 1694229"/>
                <a:gd name="connsiteX91" fmla="*/ 1458319 w 1881147"/>
                <a:gd name="connsiteY91" fmla="*/ 748910 h 1694229"/>
                <a:gd name="connsiteX92" fmla="*/ 1463081 w 1881147"/>
                <a:gd name="connsiteY92" fmla="*/ 725098 h 1694229"/>
                <a:gd name="connsiteX93" fmla="*/ 1488076 w 1881147"/>
                <a:gd name="connsiteY93" fmla="*/ 724035 h 1694229"/>
                <a:gd name="connsiteX94" fmla="*/ 1580416 w 1881147"/>
                <a:gd name="connsiteY94" fmla="*/ 740220 h 1694229"/>
                <a:gd name="connsiteX95" fmla="*/ 1615719 w 1881147"/>
                <a:gd name="connsiteY95" fmla="*/ 683758 h 1694229"/>
                <a:gd name="connsiteX96" fmla="*/ 1603753 w 1881147"/>
                <a:gd name="connsiteY96" fmla="*/ 553648 h 1694229"/>
                <a:gd name="connsiteX97" fmla="*/ 1620956 w 1881147"/>
                <a:gd name="connsiteY97" fmla="*/ 405322 h 1694229"/>
                <a:gd name="connsiteX0" fmla="*/ 1620956 w 1868187"/>
                <a:gd name="connsiteY0" fmla="*/ 405322 h 1694229"/>
                <a:gd name="connsiteX1" fmla="*/ 1548806 w 1868187"/>
                <a:gd name="connsiteY1" fmla="*/ 372673 h 1694229"/>
                <a:gd name="connsiteX2" fmla="*/ 1458557 w 1868187"/>
                <a:gd name="connsiteY2" fmla="*/ 348860 h 1694229"/>
                <a:gd name="connsiteX3" fmla="*/ 1405237 w 1868187"/>
                <a:gd name="connsiteY3" fmla="*/ 271776 h 1694229"/>
                <a:gd name="connsiteX4" fmla="*/ 1382136 w 1868187"/>
                <a:gd name="connsiteY4" fmla="*/ 169931 h 1694229"/>
                <a:gd name="connsiteX5" fmla="*/ 1346239 w 1868187"/>
                <a:gd name="connsiteY5" fmla="*/ 1869 h 1694229"/>
                <a:gd name="connsiteX6" fmla="*/ 1278870 w 1868187"/>
                <a:gd name="connsiteY6" fmla="*/ 43567 h 1694229"/>
                <a:gd name="connsiteX7" fmla="*/ 1273302 w 1868187"/>
                <a:gd name="connsiteY7" fmla="*/ 101090 h 1694229"/>
                <a:gd name="connsiteX8" fmla="*/ 1257397 w 1868187"/>
                <a:gd name="connsiteY8" fmla="*/ 152303 h 1694229"/>
                <a:gd name="connsiteX9" fmla="*/ 1237872 w 1868187"/>
                <a:gd name="connsiteY9" fmla="*/ 204316 h 1694229"/>
                <a:gd name="connsiteX10" fmla="*/ 1236143 w 1868187"/>
                <a:gd name="connsiteY10" fmla="*/ 273739 h 1694229"/>
                <a:gd name="connsiteX11" fmla="*/ 1163162 w 1868187"/>
                <a:gd name="connsiteY11" fmla="*/ 283903 h 1694229"/>
                <a:gd name="connsiteX12" fmla="*/ 1098809 w 1868187"/>
                <a:gd name="connsiteY12" fmla="*/ 285917 h 1694229"/>
                <a:gd name="connsiteX13" fmla="*/ 1051208 w 1868187"/>
                <a:gd name="connsiteY13" fmla="*/ 346183 h 1694229"/>
                <a:gd name="connsiteX14" fmla="*/ 996593 w 1868187"/>
                <a:gd name="connsiteY14" fmla="*/ 371690 h 1694229"/>
                <a:gd name="connsiteX15" fmla="*/ 943969 w 1868187"/>
                <a:gd name="connsiteY15" fmla="*/ 358385 h 1694229"/>
                <a:gd name="connsiteX16" fmla="*/ 837229 w 1868187"/>
                <a:gd name="connsiteY16" fmla="*/ 376257 h 1694229"/>
                <a:gd name="connsiteX17" fmla="*/ 814246 w 1868187"/>
                <a:gd name="connsiteY17" fmla="*/ 440035 h 1694229"/>
                <a:gd name="connsiteX18" fmla="*/ 797163 w 1868187"/>
                <a:gd name="connsiteY18" fmla="*/ 475926 h 1694229"/>
                <a:gd name="connsiteX19" fmla="*/ 715132 w 1868187"/>
                <a:gd name="connsiteY19" fmla="*/ 494632 h 1694229"/>
                <a:gd name="connsiteX20" fmla="*/ 697320 w 1868187"/>
                <a:gd name="connsiteY20" fmla="*/ 440647 h 1694229"/>
                <a:gd name="connsiteX21" fmla="*/ 653456 w 1868187"/>
                <a:gd name="connsiteY21" fmla="*/ 420298 h 1694229"/>
                <a:gd name="connsiteX22" fmla="*/ 518140 w 1868187"/>
                <a:gd name="connsiteY22" fmla="*/ 420641 h 1694229"/>
                <a:gd name="connsiteX23" fmla="*/ 434263 w 1868187"/>
                <a:gd name="connsiteY23" fmla="*/ 447350 h 1694229"/>
                <a:gd name="connsiteX24" fmla="*/ 401044 w 1868187"/>
                <a:gd name="connsiteY24" fmla="*/ 420298 h 1694229"/>
                <a:gd name="connsiteX25" fmla="*/ 381994 w 1868187"/>
                <a:gd name="connsiteY25" fmla="*/ 358385 h 1694229"/>
                <a:gd name="connsiteX26" fmla="*/ 315319 w 1868187"/>
                <a:gd name="connsiteY26" fmla="*/ 305998 h 1694229"/>
                <a:gd name="connsiteX27" fmla="*/ 270134 w 1868187"/>
                <a:gd name="connsiteY27" fmla="*/ 229110 h 1694229"/>
                <a:gd name="connsiteX28" fmla="*/ 146784 w 1868187"/>
                <a:gd name="connsiteY28" fmla="*/ 258373 h 1694229"/>
                <a:gd name="connsiteX29" fmla="*/ 127734 w 1868187"/>
                <a:gd name="connsiteY29" fmla="*/ 344785 h 1694229"/>
                <a:gd name="connsiteX30" fmla="*/ 145174 w 1868187"/>
                <a:gd name="connsiteY30" fmla="*/ 411312 h 1694229"/>
                <a:gd name="connsiteX31" fmla="*/ 117735 w 1868187"/>
                <a:gd name="connsiteY31" fmla="*/ 446172 h 1694229"/>
                <a:gd name="connsiteX32" fmla="*/ 65347 w 1868187"/>
                <a:gd name="connsiteY32" fmla="*/ 474059 h 1694229"/>
                <a:gd name="connsiteX33" fmla="*/ 37246 w 1868187"/>
                <a:gd name="connsiteY33" fmla="*/ 482063 h 1694229"/>
                <a:gd name="connsiteX34" fmla="*/ 15281 w 1868187"/>
                <a:gd name="connsiteY34" fmla="*/ 520310 h 1694229"/>
                <a:gd name="connsiteX35" fmla="*/ 1469 w 1868187"/>
                <a:gd name="connsiteY35" fmla="*/ 632745 h 1694229"/>
                <a:gd name="connsiteX36" fmla="*/ 51178 w 1868187"/>
                <a:gd name="connsiteY36" fmla="*/ 685967 h 1694229"/>
                <a:gd name="connsiteX37" fmla="*/ 108092 w 1868187"/>
                <a:gd name="connsiteY37" fmla="*/ 681547 h 1694229"/>
                <a:gd name="connsiteX38" fmla="*/ 93804 w 1868187"/>
                <a:gd name="connsiteY38" fmla="*/ 751806 h 1694229"/>
                <a:gd name="connsiteX39" fmla="*/ 148631 w 1868187"/>
                <a:gd name="connsiteY39" fmla="*/ 782248 h 1694229"/>
                <a:gd name="connsiteX40" fmla="*/ 217629 w 1868187"/>
                <a:gd name="connsiteY40" fmla="*/ 792460 h 1694229"/>
                <a:gd name="connsiteX41" fmla="*/ 252932 w 1868187"/>
                <a:gd name="connsiteY41" fmla="*/ 848431 h 1694229"/>
                <a:gd name="connsiteX42" fmla="*/ 252339 w 1868187"/>
                <a:gd name="connsiteY42" fmla="*/ 893503 h 1694229"/>
                <a:gd name="connsiteX43" fmla="*/ 276863 w 1868187"/>
                <a:gd name="connsiteY43" fmla="*/ 932978 h 1694229"/>
                <a:gd name="connsiteX44" fmla="*/ 322521 w 1868187"/>
                <a:gd name="connsiteY44" fmla="*/ 971570 h 1694229"/>
                <a:gd name="connsiteX45" fmla="*/ 407654 w 1868187"/>
                <a:gd name="connsiteY45" fmla="*/ 1025822 h 1694229"/>
                <a:gd name="connsiteX46" fmla="*/ 443431 w 1868187"/>
                <a:gd name="connsiteY46" fmla="*/ 1096915 h 1694229"/>
                <a:gd name="connsiteX47" fmla="*/ 422534 w 1868187"/>
                <a:gd name="connsiteY47" fmla="*/ 1166488 h 1694229"/>
                <a:gd name="connsiteX48" fmla="*/ 500581 w 1868187"/>
                <a:gd name="connsiteY48" fmla="*/ 1222951 h 1694229"/>
                <a:gd name="connsiteX49" fmla="*/ 572613 w 1868187"/>
                <a:gd name="connsiteY49" fmla="*/ 1255945 h 1694229"/>
                <a:gd name="connsiteX50" fmla="*/ 553444 w 1868187"/>
                <a:gd name="connsiteY50" fmla="*/ 1315648 h 1694229"/>
                <a:gd name="connsiteX51" fmla="*/ 643931 w 1868187"/>
                <a:gd name="connsiteY51" fmla="*/ 1468048 h 1694229"/>
                <a:gd name="connsiteX52" fmla="*/ 736741 w 1868187"/>
                <a:gd name="connsiteY52" fmla="*/ 1541202 h 1694229"/>
                <a:gd name="connsiteX53" fmla="*/ 786806 w 1868187"/>
                <a:gd name="connsiteY53" fmla="*/ 1491860 h 1694229"/>
                <a:gd name="connsiteX54" fmla="*/ 851396 w 1868187"/>
                <a:gd name="connsiteY54" fmla="*/ 1519257 h 1694229"/>
                <a:gd name="connsiteX55" fmla="*/ 905869 w 1868187"/>
                <a:gd name="connsiteY55" fmla="*/ 1487098 h 1694229"/>
                <a:gd name="connsiteX56" fmla="*/ 922716 w 1868187"/>
                <a:gd name="connsiteY56" fmla="*/ 1444922 h 1694229"/>
                <a:gd name="connsiteX57" fmla="*/ 986593 w 1868187"/>
                <a:gd name="connsiteY57" fmla="*/ 1531334 h 1694229"/>
                <a:gd name="connsiteX58" fmla="*/ 1031660 w 1868187"/>
                <a:gd name="connsiteY58" fmla="*/ 1602428 h 1694229"/>
                <a:gd name="connsiteX59" fmla="*/ 1101606 w 1868187"/>
                <a:gd name="connsiteY59" fmla="*/ 1693947 h 1694229"/>
                <a:gd name="connsiteX60" fmla="*/ 1132504 w 1868187"/>
                <a:gd name="connsiteY60" fmla="*/ 1630856 h 1694229"/>
                <a:gd name="connsiteX61" fmla="*/ 1163163 w 1868187"/>
                <a:gd name="connsiteY61" fmla="*/ 1624376 h 1694229"/>
                <a:gd name="connsiteX62" fmla="*/ 1206262 w 1868187"/>
                <a:gd name="connsiteY62" fmla="*/ 1653639 h 1694229"/>
                <a:gd name="connsiteX63" fmla="*/ 1239837 w 1868187"/>
                <a:gd name="connsiteY63" fmla="*/ 1612985 h 1694229"/>
                <a:gd name="connsiteX64" fmla="*/ 1258658 w 1868187"/>
                <a:gd name="connsiteY64" fmla="*/ 1617602 h 1694229"/>
                <a:gd name="connsiteX65" fmla="*/ 1292700 w 1868187"/>
                <a:gd name="connsiteY65" fmla="*/ 1684079 h 1694229"/>
                <a:gd name="connsiteX66" fmla="*/ 1349256 w 1868187"/>
                <a:gd name="connsiteY66" fmla="*/ 1660610 h 1694229"/>
                <a:gd name="connsiteX67" fmla="*/ 1401288 w 1868187"/>
                <a:gd name="connsiteY67" fmla="*/ 1604489 h 1694229"/>
                <a:gd name="connsiteX68" fmla="*/ 1452065 w 1868187"/>
                <a:gd name="connsiteY68" fmla="*/ 1587946 h 1694229"/>
                <a:gd name="connsiteX69" fmla="*/ 1469744 w 1868187"/>
                <a:gd name="connsiteY69" fmla="*/ 1643768 h 1694229"/>
                <a:gd name="connsiteX70" fmla="*/ 1539639 w 1868187"/>
                <a:gd name="connsiteY70" fmla="*/ 1618090 h 1694229"/>
                <a:gd name="connsiteX71" fmla="*/ 1570417 w 1868187"/>
                <a:gd name="connsiteY71" fmla="*/ 1531334 h 1694229"/>
                <a:gd name="connsiteX72" fmla="*/ 1651853 w 1868187"/>
                <a:gd name="connsiteY72" fmla="*/ 1441192 h 1694229"/>
                <a:gd name="connsiteX73" fmla="*/ 1696444 w 1868187"/>
                <a:gd name="connsiteY73" fmla="*/ 1410062 h 1694229"/>
                <a:gd name="connsiteX74" fmla="*/ 1724813 w 1868187"/>
                <a:gd name="connsiteY74" fmla="*/ 1413357 h 1694229"/>
                <a:gd name="connsiteX75" fmla="*/ 1802405 w 1868187"/>
                <a:gd name="connsiteY75" fmla="*/ 1402749 h 1694229"/>
                <a:gd name="connsiteX76" fmla="*/ 1797524 w 1868187"/>
                <a:gd name="connsiteY76" fmla="*/ 1456313 h 1694229"/>
                <a:gd name="connsiteX77" fmla="*/ 1855691 w 1868187"/>
                <a:gd name="connsiteY77" fmla="*/ 1479634 h 1694229"/>
                <a:gd name="connsiteX78" fmla="*/ 1857299 w 1868187"/>
                <a:gd name="connsiteY78" fmla="*/ 1457000 h 1694229"/>
                <a:gd name="connsiteX79" fmla="*/ 1861403 w 1868187"/>
                <a:gd name="connsiteY79" fmla="*/ 1401373 h 1694229"/>
                <a:gd name="connsiteX80" fmla="*/ 1863844 w 1868187"/>
                <a:gd name="connsiteY80" fmla="*/ 1326546 h 1694229"/>
                <a:gd name="connsiteX81" fmla="*/ 1797946 w 1868187"/>
                <a:gd name="connsiteY81" fmla="*/ 1305140 h 1694229"/>
                <a:gd name="connsiteX82" fmla="*/ 1747763 w 1868187"/>
                <a:gd name="connsiteY82" fmla="*/ 1264979 h 1694229"/>
                <a:gd name="connsiteX83" fmla="*/ 1737459 w 1868187"/>
                <a:gd name="connsiteY83" fmla="*/ 1176356 h 1694229"/>
                <a:gd name="connsiteX84" fmla="*/ 1704241 w 1868187"/>
                <a:gd name="connsiteY84" fmla="*/ 1038783 h 1694229"/>
                <a:gd name="connsiteX85" fmla="*/ 1627446 w 1868187"/>
                <a:gd name="connsiteY85" fmla="*/ 972257 h 1694229"/>
                <a:gd name="connsiteX86" fmla="*/ 1594228 w 1868187"/>
                <a:gd name="connsiteY86" fmla="*/ 917660 h 1694229"/>
                <a:gd name="connsiteX87" fmla="*/ 1544162 w 1868187"/>
                <a:gd name="connsiteY87" fmla="*/ 872587 h 1694229"/>
                <a:gd name="connsiteX88" fmla="*/ 1472251 w 1868187"/>
                <a:gd name="connsiteY88" fmla="*/ 845878 h 1694229"/>
                <a:gd name="connsiteX89" fmla="*/ 1449150 w 1868187"/>
                <a:gd name="connsiteY89" fmla="*/ 823245 h 1694229"/>
                <a:gd name="connsiteX90" fmla="*/ 1477013 w 1868187"/>
                <a:gd name="connsiteY90" fmla="*/ 784801 h 1694229"/>
                <a:gd name="connsiteX91" fmla="*/ 1458319 w 1868187"/>
                <a:gd name="connsiteY91" fmla="*/ 748910 h 1694229"/>
                <a:gd name="connsiteX92" fmla="*/ 1463081 w 1868187"/>
                <a:gd name="connsiteY92" fmla="*/ 725098 h 1694229"/>
                <a:gd name="connsiteX93" fmla="*/ 1488076 w 1868187"/>
                <a:gd name="connsiteY93" fmla="*/ 724035 h 1694229"/>
                <a:gd name="connsiteX94" fmla="*/ 1580416 w 1868187"/>
                <a:gd name="connsiteY94" fmla="*/ 740220 h 1694229"/>
                <a:gd name="connsiteX95" fmla="*/ 1615719 w 1868187"/>
                <a:gd name="connsiteY95" fmla="*/ 683758 h 1694229"/>
                <a:gd name="connsiteX96" fmla="*/ 1603753 w 1868187"/>
                <a:gd name="connsiteY96" fmla="*/ 553648 h 1694229"/>
                <a:gd name="connsiteX97" fmla="*/ 1620956 w 1868187"/>
                <a:gd name="connsiteY97" fmla="*/ 405322 h 1694229"/>
                <a:gd name="connsiteX0" fmla="*/ 1620956 w 1872005"/>
                <a:gd name="connsiteY0" fmla="*/ 405322 h 1694229"/>
                <a:gd name="connsiteX1" fmla="*/ 1548806 w 1872005"/>
                <a:gd name="connsiteY1" fmla="*/ 372673 h 1694229"/>
                <a:gd name="connsiteX2" fmla="*/ 1458557 w 1872005"/>
                <a:gd name="connsiteY2" fmla="*/ 348860 h 1694229"/>
                <a:gd name="connsiteX3" fmla="*/ 1405237 w 1872005"/>
                <a:gd name="connsiteY3" fmla="*/ 271776 h 1694229"/>
                <a:gd name="connsiteX4" fmla="*/ 1382136 w 1872005"/>
                <a:gd name="connsiteY4" fmla="*/ 169931 h 1694229"/>
                <a:gd name="connsiteX5" fmla="*/ 1346239 w 1872005"/>
                <a:gd name="connsiteY5" fmla="*/ 1869 h 1694229"/>
                <a:gd name="connsiteX6" fmla="*/ 1278870 w 1872005"/>
                <a:gd name="connsiteY6" fmla="*/ 43567 h 1694229"/>
                <a:gd name="connsiteX7" fmla="*/ 1273302 w 1872005"/>
                <a:gd name="connsiteY7" fmla="*/ 101090 h 1694229"/>
                <a:gd name="connsiteX8" fmla="*/ 1257397 w 1872005"/>
                <a:gd name="connsiteY8" fmla="*/ 152303 h 1694229"/>
                <a:gd name="connsiteX9" fmla="*/ 1237872 w 1872005"/>
                <a:gd name="connsiteY9" fmla="*/ 204316 h 1694229"/>
                <a:gd name="connsiteX10" fmla="*/ 1236143 w 1872005"/>
                <a:gd name="connsiteY10" fmla="*/ 273739 h 1694229"/>
                <a:gd name="connsiteX11" fmla="*/ 1163162 w 1872005"/>
                <a:gd name="connsiteY11" fmla="*/ 283903 h 1694229"/>
                <a:gd name="connsiteX12" fmla="*/ 1098809 w 1872005"/>
                <a:gd name="connsiteY12" fmla="*/ 285917 h 1694229"/>
                <a:gd name="connsiteX13" fmla="*/ 1051208 w 1872005"/>
                <a:gd name="connsiteY13" fmla="*/ 346183 h 1694229"/>
                <a:gd name="connsiteX14" fmla="*/ 996593 w 1872005"/>
                <a:gd name="connsiteY14" fmla="*/ 371690 h 1694229"/>
                <a:gd name="connsiteX15" fmla="*/ 943969 w 1872005"/>
                <a:gd name="connsiteY15" fmla="*/ 358385 h 1694229"/>
                <a:gd name="connsiteX16" fmla="*/ 837229 w 1872005"/>
                <a:gd name="connsiteY16" fmla="*/ 376257 h 1694229"/>
                <a:gd name="connsiteX17" fmla="*/ 814246 w 1872005"/>
                <a:gd name="connsiteY17" fmla="*/ 440035 h 1694229"/>
                <a:gd name="connsiteX18" fmla="*/ 797163 w 1872005"/>
                <a:gd name="connsiteY18" fmla="*/ 475926 h 1694229"/>
                <a:gd name="connsiteX19" fmla="*/ 715132 w 1872005"/>
                <a:gd name="connsiteY19" fmla="*/ 494632 h 1694229"/>
                <a:gd name="connsiteX20" fmla="*/ 697320 w 1872005"/>
                <a:gd name="connsiteY20" fmla="*/ 440647 h 1694229"/>
                <a:gd name="connsiteX21" fmla="*/ 653456 w 1872005"/>
                <a:gd name="connsiteY21" fmla="*/ 420298 h 1694229"/>
                <a:gd name="connsiteX22" fmla="*/ 518140 w 1872005"/>
                <a:gd name="connsiteY22" fmla="*/ 420641 h 1694229"/>
                <a:gd name="connsiteX23" fmla="*/ 434263 w 1872005"/>
                <a:gd name="connsiteY23" fmla="*/ 447350 h 1694229"/>
                <a:gd name="connsiteX24" fmla="*/ 401044 w 1872005"/>
                <a:gd name="connsiteY24" fmla="*/ 420298 h 1694229"/>
                <a:gd name="connsiteX25" fmla="*/ 381994 w 1872005"/>
                <a:gd name="connsiteY25" fmla="*/ 358385 h 1694229"/>
                <a:gd name="connsiteX26" fmla="*/ 315319 w 1872005"/>
                <a:gd name="connsiteY26" fmla="*/ 305998 h 1694229"/>
                <a:gd name="connsiteX27" fmla="*/ 270134 w 1872005"/>
                <a:gd name="connsiteY27" fmla="*/ 229110 h 1694229"/>
                <a:gd name="connsiteX28" fmla="*/ 146784 w 1872005"/>
                <a:gd name="connsiteY28" fmla="*/ 258373 h 1694229"/>
                <a:gd name="connsiteX29" fmla="*/ 127734 w 1872005"/>
                <a:gd name="connsiteY29" fmla="*/ 344785 h 1694229"/>
                <a:gd name="connsiteX30" fmla="*/ 145174 w 1872005"/>
                <a:gd name="connsiteY30" fmla="*/ 411312 h 1694229"/>
                <a:gd name="connsiteX31" fmla="*/ 117735 w 1872005"/>
                <a:gd name="connsiteY31" fmla="*/ 446172 h 1694229"/>
                <a:gd name="connsiteX32" fmla="*/ 65347 w 1872005"/>
                <a:gd name="connsiteY32" fmla="*/ 474059 h 1694229"/>
                <a:gd name="connsiteX33" fmla="*/ 37246 w 1872005"/>
                <a:gd name="connsiteY33" fmla="*/ 482063 h 1694229"/>
                <a:gd name="connsiteX34" fmla="*/ 15281 w 1872005"/>
                <a:gd name="connsiteY34" fmla="*/ 520310 h 1694229"/>
                <a:gd name="connsiteX35" fmla="*/ 1469 w 1872005"/>
                <a:gd name="connsiteY35" fmla="*/ 632745 h 1694229"/>
                <a:gd name="connsiteX36" fmla="*/ 51178 w 1872005"/>
                <a:gd name="connsiteY36" fmla="*/ 685967 h 1694229"/>
                <a:gd name="connsiteX37" fmla="*/ 108092 w 1872005"/>
                <a:gd name="connsiteY37" fmla="*/ 681547 h 1694229"/>
                <a:gd name="connsiteX38" fmla="*/ 93804 w 1872005"/>
                <a:gd name="connsiteY38" fmla="*/ 751806 h 1694229"/>
                <a:gd name="connsiteX39" fmla="*/ 148631 w 1872005"/>
                <a:gd name="connsiteY39" fmla="*/ 782248 h 1694229"/>
                <a:gd name="connsiteX40" fmla="*/ 217629 w 1872005"/>
                <a:gd name="connsiteY40" fmla="*/ 792460 h 1694229"/>
                <a:gd name="connsiteX41" fmla="*/ 252932 w 1872005"/>
                <a:gd name="connsiteY41" fmla="*/ 848431 h 1694229"/>
                <a:gd name="connsiteX42" fmla="*/ 252339 w 1872005"/>
                <a:gd name="connsiteY42" fmla="*/ 893503 h 1694229"/>
                <a:gd name="connsiteX43" fmla="*/ 276863 w 1872005"/>
                <a:gd name="connsiteY43" fmla="*/ 932978 h 1694229"/>
                <a:gd name="connsiteX44" fmla="*/ 322521 w 1872005"/>
                <a:gd name="connsiteY44" fmla="*/ 971570 h 1694229"/>
                <a:gd name="connsiteX45" fmla="*/ 407654 w 1872005"/>
                <a:gd name="connsiteY45" fmla="*/ 1025822 h 1694229"/>
                <a:gd name="connsiteX46" fmla="*/ 443431 w 1872005"/>
                <a:gd name="connsiteY46" fmla="*/ 1096915 h 1694229"/>
                <a:gd name="connsiteX47" fmla="*/ 422534 w 1872005"/>
                <a:gd name="connsiteY47" fmla="*/ 1166488 h 1694229"/>
                <a:gd name="connsiteX48" fmla="*/ 500581 w 1872005"/>
                <a:gd name="connsiteY48" fmla="*/ 1222951 h 1694229"/>
                <a:gd name="connsiteX49" fmla="*/ 572613 w 1872005"/>
                <a:gd name="connsiteY49" fmla="*/ 1255945 h 1694229"/>
                <a:gd name="connsiteX50" fmla="*/ 553444 w 1872005"/>
                <a:gd name="connsiteY50" fmla="*/ 1315648 h 1694229"/>
                <a:gd name="connsiteX51" fmla="*/ 643931 w 1872005"/>
                <a:gd name="connsiteY51" fmla="*/ 1468048 h 1694229"/>
                <a:gd name="connsiteX52" fmla="*/ 736741 w 1872005"/>
                <a:gd name="connsiteY52" fmla="*/ 1541202 h 1694229"/>
                <a:gd name="connsiteX53" fmla="*/ 786806 w 1872005"/>
                <a:gd name="connsiteY53" fmla="*/ 1491860 h 1694229"/>
                <a:gd name="connsiteX54" fmla="*/ 851396 w 1872005"/>
                <a:gd name="connsiteY54" fmla="*/ 1519257 h 1694229"/>
                <a:gd name="connsiteX55" fmla="*/ 905869 w 1872005"/>
                <a:gd name="connsiteY55" fmla="*/ 1487098 h 1694229"/>
                <a:gd name="connsiteX56" fmla="*/ 922716 w 1872005"/>
                <a:gd name="connsiteY56" fmla="*/ 1444922 h 1694229"/>
                <a:gd name="connsiteX57" fmla="*/ 986593 w 1872005"/>
                <a:gd name="connsiteY57" fmla="*/ 1531334 h 1694229"/>
                <a:gd name="connsiteX58" fmla="*/ 1031660 w 1872005"/>
                <a:gd name="connsiteY58" fmla="*/ 1602428 h 1694229"/>
                <a:gd name="connsiteX59" fmla="*/ 1101606 w 1872005"/>
                <a:gd name="connsiteY59" fmla="*/ 1693947 h 1694229"/>
                <a:gd name="connsiteX60" fmla="*/ 1132504 w 1872005"/>
                <a:gd name="connsiteY60" fmla="*/ 1630856 h 1694229"/>
                <a:gd name="connsiteX61" fmla="*/ 1163163 w 1872005"/>
                <a:gd name="connsiteY61" fmla="*/ 1624376 h 1694229"/>
                <a:gd name="connsiteX62" fmla="*/ 1206262 w 1872005"/>
                <a:gd name="connsiteY62" fmla="*/ 1653639 h 1694229"/>
                <a:gd name="connsiteX63" fmla="*/ 1239837 w 1872005"/>
                <a:gd name="connsiteY63" fmla="*/ 1612985 h 1694229"/>
                <a:gd name="connsiteX64" fmla="*/ 1258658 w 1872005"/>
                <a:gd name="connsiteY64" fmla="*/ 1617602 h 1694229"/>
                <a:gd name="connsiteX65" fmla="*/ 1292700 w 1872005"/>
                <a:gd name="connsiteY65" fmla="*/ 1684079 h 1694229"/>
                <a:gd name="connsiteX66" fmla="*/ 1349256 w 1872005"/>
                <a:gd name="connsiteY66" fmla="*/ 1660610 h 1694229"/>
                <a:gd name="connsiteX67" fmla="*/ 1401288 w 1872005"/>
                <a:gd name="connsiteY67" fmla="*/ 1604489 h 1694229"/>
                <a:gd name="connsiteX68" fmla="*/ 1452065 w 1872005"/>
                <a:gd name="connsiteY68" fmla="*/ 1587946 h 1694229"/>
                <a:gd name="connsiteX69" fmla="*/ 1469744 w 1872005"/>
                <a:gd name="connsiteY69" fmla="*/ 1643768 h 1694229"/>
                <a:gd name="connsiteX70" fmla="*/ 1539639 w 1872005"/>
                <a:gd name="connsiteY70" fmla="*/ 1618090 h 1694229"/>
                <a:gd name="connsiteX71" fmla="*/ 1570417 w 1872005"/>
                <a:gd name="connsiteY71" fmla="*/ 1531334 h 1694229"/>
                <a:gd name="connsiteX72" fmla="*/ 1651853 w 1872005"/>
                <a:gd name="connsiteY72" fmla="*/ 1441192 h 1694229"/>
                <a:gd name="connsiteX73" fmla="*/ 1696444 w 1872005"/>
                <a:gd name="connsiteY73" fmla="*/ 1410062 h 1694229"/>
                <a:gd name="connsiteX74" fmla="*/ 1724813 w 1872005"/>
                <a:gd name="connsiteY74" fmla="*/ 1413357 h 1694229"/>
                <a:gd name="connsiteX75" fmla="*/ 1802405 w 1872005"/>
                <a:gd name="connsiteY75" fmla="*/ 1402749 h 1694229"/>
                <a:gd name="connsiteX76" fmla="*/ 1797524 w 1872005"/>
                <a:gd name="connsiteY76" fmla="*/ 1456313 h 1694229"/>
                <a:gd name="connsiteX77" fmla="*/ 1855691 w 1872005"/>
                <a:gd name="connsiteY77" fmla="*/ 1479634 h 1694229"/>
                <a:gd name="connsiteX78" fmla="*/ 1871943 w 1872005"/>
                <a:gd name="connsiteY78" fmla="*/ 1454448 h 1694229"/>
                <a:gd name="connsiteX79" fmla="*/ 1861403 w 1872005"/>
                <a:gd name="connsiteY79" fmla="*/ 1401373 h 1694229"/>
                <a:gd name="connsiteX80" fmla="*/ 1863844 w 1872005"/>
                <a:gd name="connsiteY80" fmla="*/ 1326546 h 1694229"/>
                <a:gd name="connsiteX81" fmla="*/ 1797946 w 1872005"/>
                <a:gd name="connsiteY81" fmla="*/ 1305140 h 1694229"/>
                <a:gd name="connsiteX82" fmla="*/ 1747763 w 1872005"/>
                <a:gd name="connsiteY82" fmla="*/ 1264979 h 1694229"/>
                <a:gd name="connsiteX83" fmla="*/ 1737459 w 1872005"/>
                <a:gd name="connsiteY83" fmla="*/ 1176356 h 1694229"/>
                <a:gd name="connsiteX84" fmla="*/ 1704241 w 1872005"/>
                <a:gd name="connsiteY84" fmla="*/ 1038783 h 1694229"/>
                <a:gd name="connsiteX85" fmla="*/ 1627446 w 1872005"/>
                <a:gd name="connsiteY85" fmla="*/ 972257 h 1694229"/>
                <a:gd name="connsiteX86" fmla="*/ 1594228 w 1872005"/>
                <a:gd name="connsiteY86" fmla="*/ 917660 h 1694229"/>
                <a:gd name="connsiteX87" fmla="*/ 1544162 w 1872005"/>
                <a:gd name="connsiteY87" fmla="*/ 872587 h 1694229"/>
                <a:gd name="connsiteX88" fmla="*/ 1472251 w 1872005"/>
                <a:gd name="connsiteY88" fmla="*/ 845878 h 1694229"/>
                <a:gd name="connsiteX89" fmla="*/ 1449150 w 1872005"/>
                <a:gd name="connsiteY89" fmla="*/ 823245 h 1694229"/>
                <a:gd name="connsiteX90" fmla="*/ 1477013 w 1872005"/>
                <a:gd name="connsiteY90" fmla="*/ 784801 h 1694229"/>
                <a:gd name="connsiteX91" fmla="*/ 1458319 w 1872005"/>
                <a:gd name="connsiteY91" fmla="*/ 748910 h 1694229"/>
                <a:gd name="connsiteX92" fmla="*/ 1463081 w 1872005"/>
                <a:gd name="connsiteY92" fmla="*/ 725098 h 1694229"/>
                <a:gd name="connsiteX93" fmla="*/ 1488076 w 1872005"/>
                <a:gd name="connsiteY93" fmla="*/ 724035 h 1694229"/>
                <a:gd name="connsiteX94" fmla="*/ 1580416 w 1872005"/>
                <a:gd name="connsiteY94" fmla="*/ 740220 h 1694229"/>
                <a:gd name="connsiteX95" fmla="*/ 1615719 w 1872005"/>
                <a:gd name="connsiteY95" fmla="*/ 683758 h 1694229"/>
                <a:gd name="connsiteX96" fmla="*/ 1603753 w 1872005"/>
                <a:gd name="connsiteY96" fmla="*/ 553648 h 1694229"/>
                <a:gd name="connsiteX97" fmla="*/ 1620956 w 1872005"/>
                <a:gd name="connsiteY97" fmla="*/ 405322 h 1694229"/>
                <a:gd name="connsiteX0" fmla="*/ 1620956 w 1888788"/>
                <a:gd name="connsiteY0" fmla="*/ 405322 h 1694229"/>
                <a:gd name="connsiteX1" fmla="*/ 1548806 w 1888788"/>
                <a:gd name="connsiteY1" fmla="*/ 372673 h 1694229"/>
                <a:gd name="connsiteX2" fmla="*/ 1458557 w 1888788"/>
                <a:gd name="connsiteY2" fmla="*/ 348860 h 1694229"/>
                <a:gd name="connsiteX3" fmla="*/ 1405237 w 1888788"/>
                <a:gd name="connsiteY3" fmla="*/ 271776 h 1694229"/>
                <a:gd name="connsiteX4" fmla="*/ 1382136 w 1888788"/>
                <a:gd name="connsiteY4" fmla="*/ 169931 h 1694229"/>
                <a:gd name="connsiteX5" fmla="*/ 1346239 w 1888788"/>
                <a:gd name="connsiteY5" fmla="*/ 1869 h 1694229"/>
                <a:gd name="connsiteX6" fmla="*/ 1278870 w 1888788"/>
                <a:gd name="connsiteY6" fmla="*/ 43567 h 1694229"/>
                <a:gd name="connsiteX7" fmla="*/ 1273302 w 1888788"/>
                <a:gd name="connsiteY7" fmla="*/ 101090 h 1694229"/>
                <a:gd name="connsiteX8" fmla="*/ 1257397 w 1888788"/>
                <a:gd name="connsiteY8" fmla="*/ 152303 h 1694229"/>
                <a:gd name="connsiteX9" fmla="*/ 1237872 w 1888788"/>
                <a:gd name="connsiteY9" fmla="*/ 204316 h 1694229"/>
                <a:gd name="connsiteX10" fmla="*/ 1236143 w 1888788"/>
                <a:gd name="connsiteY10" fmla="*/ 273739 h 1694229"/>
                <a:gd name="connsiteX11" fmla="*/ 1163162 w 1888788"/>
                <a:gd name="connsiteY11" fmla="*/ 283903 h 1694229"/>
                <a:gd name="connsiteX12" fmla="*/ 1098809 w 1888788"/>
                <a:gd name="connsiteY12" fmla="*/ 285917 h 1694229"/>
                <a:gd name="connsiteX13" fmla="*/ 1051208 w 1888788"/>
                <a:gd name="connsiteY13" fmla="*/ 346183 h 1694229"/>
                <a:gd name="connsiteX14" fmla="*/ 996593 w 1888788"/>
                <a:gd name="connsiteY14" fmla="*/ 371690 h 1694229"/>
                <a:gd name="connsiteX15" fmla="*/ 943969 w 1888788"/>
                <a:gd name="connsiteY15" fmla="*/ 358385 h 1694229"/>
                <a:gd name="connsiteX16" fmla="*/ 837229 w 1888788"/>
                <a:gd name="connsiteY16" fmla="*/ 376257 h 1694229"/>
                <a:gd name="connsiteX17" fmla="*/ 814246 w 1888788"/>
                <a:gd name="connsiteY17" fmla="*/ 440035 h 1694229"/>
                <a:gd name="connsiteX18" fmla="*/ 797163 w 1888788"/>
                <a:gd name="connsiteY18" fmla="*/ 475926 h 1694229"/>
                <a:gd name="connsiteX19" fmla="*/ 715132 w 1888788"/>
                <a:gd name="connsiteY19" fmla="*/ 494632 h 1694229"/>
                <a:gd name="connsiteX20" fmla="*/ 697320 w 1888788"/>
                <a:gd name="connsiteY20" fmla="*/ 440647 h 1694229"/>
                <a:gd name="connsiteX21" fmla="*/ 653456 w 1888788"/>
                <a:gd name="connsiteY21" fmla="*/ 420298 h 1694229"/>
                <a:gd name="connsiteX22" fmla="*/ 518140 w 1888788"/>
                <a:gd name="connsiteY22" fmla="*/ 420641 h 1694229"/>
                <a:gd name="connsiteX23" fmla="*/ 434263 w 1888788"/>
                <a:gd name="connsiteY23" fmla="*/ 447350 h 1694229"/>
                <a:gd name="connsiteX24" fmla="*/ 401044 w 1888788"/>
                <a:gd name="connsiteY24" fmla="*/ 420298 h 1694229"/>
                <a:gd name="connsiteX25" fmla="*/ 381994 w 1888788"/>
                <a:gd name="connsiteY25" fmla="*/ 358385 h 1694229"/>
                <a:gd name="connsiteX26" fmla="*/ 315319 w 1888788"/>
                <a:gd name="connsiteY26" fmla="*/ 305998 h 1694229"/>
                <a:gd name="connsiteX27" fmla="*/ 270134 w 1888788"/>
                <a:gd name="connsiteY27" fmla="*/ 229110 h 1694229"/>
                <a:gd name="connsiteX28" fmla="*/ 146784 w 1888788"/>
                <a:gd name="connsiteY28" fmla="*/ 258373 h 1694229"/>
                <a:gd name="connsiteX29" fmla="*/ 127734 w 1888788"/>
                <a:gd name="connsiteY29" fmla="*/ 344785 h 1694229"/>
                <a:gd name="connsiteX30" fmla="*/ 145174 w 1888788"/>
                <a:gd name="connsiteY30" fmla="*/ 411312 h 1694229"/>
                <a:gd name="connsiteX31" fmla="*/ 117735 w 1888788"/>
                <a:gd name="connsiteY31" fmla="*/ 446172 h 1694229"/>
                <a:gd name="connsiteX32" fmla="*/ 65347 w 1888788"/>
                <a:gd name="connsiteY32" fmla="*/ 474059 h 1694229"/>
                <a:gd name="connsiteX33" fmla="*/ 37246 w 1888788"/>
                <a:gd name="connsiteY33" fmla="*/ 482063 h 1694229"/>
                <a:gd name="connsiteX34" fmla="*/ 15281 w 1888788"/>
                <a:gd name="connsiteY34" fmla="*/ 520310 h 1694229"/>
                <a:gd name="connsiteX35" fmla="*/ 1469 w 1888788"/>
                <a:gd name="connsiteY35" fmla="*/ 632745 h 1694229"/>
                <a:gd name="connsiteX36" fmla="*/ 51178 w 1888788"/>
                <a:gd name="connsiteY36" fmla="*/ 685967 h 1694229"/>
                <a:gd name="connsiteX37" fmla="*/ 108092 w 1888788"/>
                <a:gd name="connsiteY37" fmla="*/ 681547 h 1694229"/>
                <a:gd name="connsiteX38" fmla="*/ 93804 w 1888788"/>
                <a:gd name="connsiteY38" fmla="*/ 751806 h 1694229"/>
                <a:gd name="connsiteX39" fmla="*/ 148631 w 1888788"/>
                <a:gd name="connsiteY39" fmla="*/ 782248 h 1694229"/>
                <a:gd name="connsiteX40" fmla="*/ 217629 w 1888788"/>
                <a:gd name="connsiteY40" fmla="*/ 792460 h 1694229"/>
                <a:gd name="connsiteX41" fmla="*/ 252932 w 1888788"/>
                <a:gd name="connsiteY41" fmla="*/ 848431 h 1694229"/>
                <a:gd name="connsiteX42" fmla="*/ 252339 w 1888788"/>
                <a:gd name="connsiteY42" fmla="*/ 893503 h 1694229"/>
                <a:gd name="connsiteX43" fmla="*/ 276863 w 1888788"/>
                <a:gd name="connsiteY43" fmla="*/ 932978 h 1694229"/>
                <a:gd name="connsiteX44" fmla="*/ 322521 w 1888788"/>
                <a:gd name="connsiteY44" fmla="*/ 971570 h 1694229"/>
                <a:gd name="connsiteX45" fmla="*/ 407654 w 1888788"/>
                <a:gd name="connsiteY45" fmla="*/ 1025822 h 1694229"/>
                <a:gd name="connsiteX46" fmla="*/ 443431 w 1888788"/>
                <a:gd name="connsiteY46" fmla="*/ 1096915 h 1694229"/>
                <a:gd name="connsiteX47" fmla="*/ 422534 w 1888788"/>
                <a:gd name="connsiteY47" fmla="*/ 1166488 h 1694229"/>
                <a:gd name="connsiteX48" fmla="*/ 500581 w 1888788"/>
                <a:gd name="connsiteY48" fmla="*/ 1222951 h 1694229"/>
                <a:gd name="connsiteX49" fmla="*/ 572613 w 1888788"/>
                <a:gd name="connsiteY49" fmla="*/ 1255945 h 1694229"/>
                <a:gd name="connsiteX50" fmla="*/ 553444 w 1888788"/>
                <a:gd name="connsiteY50" fmla="*/ 1315648 h 1694229"/>
                <a:gd name="connsiteX51" fmla="*/ 643931 w 1888788"/>
                <a:gd name="connsiteY51" fmla="*/ 1468048 h 1694229"/>
                <a:gd name="connsiteX52" fmla="*/ 736741 w 1888788"/>
                <a:gd name="connsiteY52" fmla="*/ 1541202 h 1694229"/>
                <a:gd name="connsiteX53" fmla="*/ 786806 w 1888788"/>
                <a:gd name="connsiteY53" fmla="*/ 1491860 h 1694229"/>
                <a:gd name="connsiteX54" fmla="*/ 851396 w 1888788"/>
                <a:gd name="connsiteY54" fmla="*/ 1519257 h 1694229"/>
                <a:gd name="connsiteX55" fmla="*/ 905869 w 1888788"/>
                <a:gd name="connsiteY55" fmla="*/ 1487098 h 1694229"/>
                <a:gd name="connsiteX56" fmla="*/ 922716 w 1888788"/>
                <a:gd name="connsiteY56" fmla="*/ 1444922 h 1694229"/>
                <a:gd name="connsiteX57" fmla="*/ 986593 w 1888788"/>
                <a:gd name="connsiteY57" fmla="*/ 1531334 h 1694229"/>
                <a:gd name="connsiteX58" fmla="*/ 1031660 w 1888788"/>
                <a:gd name="connsiteY58" fmla="*/ 1602428 h 1694229"/>
                <a:gd name="connsiteX59" fmla="*/ 1101606 w 1888788"/>
                <a:gd name="connsiteY59" fmla="*/ 1693947 h 1694229"/>
                <a:gd name="connsiteX60" fmla="*/ 1132504 w 1888788"/>
                <a:gd name="connsiteY60" fmla="*/ 1630856 h 1694229"/>
                <a:gd name="connsiteX61" fmla="*/ 1163163 w 1888788"/>
                <a:gd name="connsiteY61" fmla="*/ 1624376 h 1694229"/>
                <a:gd name="connsiteX62" fmla="*/ 1206262 w 1888788"/>
                <a:gd name="connsiteY62" fmla="*/ 1653639 h 1694229"/>
                <a:gd name="connsiteX63" fmla="*/ 1239837 w 1888788"/>
                <a:gd name="connsiteY63" fmla="*/ 1612985 h 1694229"/>
                <a:gd name="connsiteX64" fmla="*/ 1258658 w 1888788"/>
                <a:gd name="connsiteY64" fmla="*/ 1617602 h 1694229"/>
                <a:gd name="connsiteX65" fmla="*/ 1292700 w 1888788"/>
                <a:gd name="connsiteY65" fmla="*/ 1684079 h 1694229"/>
                <a:gd name="connsiteX66" fmla="*/ 1349256 w 1888788"/>
                <a:gd name="connsiteY66" fmla="*/ 1660610 h 1694229"/>
                <a:gd name="connsiteX67" fmla="*/ 1401288 w 1888788"/>
                <a:gd name="connsiteY67" fmla="*/ 1604489 h 1694229"/>
                <a:gd name="connsiteX68" fmla="*/ 1452065 w 1888788"/>
                <a:gd name="connsiteY68" fmla="*/ 1587946 h 1694229"/>
                <a:gd name="connsiteX69" fmla="*/ 1469744 w 1888788"/>
                <a:gd name="connsiteY69" fmla="*/ 1643768 h 1694229"/>
                <a:gd name="connsiteX70" fmla="*/ 1539639 w 1888788"/>
                <a:gd name="connsiteY70" fmla="*/ 1618090 h 1694229"/>
                <a:gd name="connsiteX71" fmla="*/ 1570417 w 1888788"/>
                <a:gd name="connsiteY71" fmla="*/ 1531334 h 1694229"/>
                <a:gd name="connsiteX72" fmla="*/ 1651853 w 1888788"/>
                <a:gd name="connsiteY72" fmla="*/ 1441192 h 1694229"/>
                <a:gd name="connsiteX73" fmla="*/ 1696444 w 1888788"/>
                <a:gd name="connsiteY73" fmla="*/ 1410062 h 1694229"/>
                <a:gd name="connsiteX74" fmla="*/ 1724813 w 1888788"/>
                <a:gd name="connsiteY74" fmla="*/ 1413357 h 1694229"/>
                <a:gd name="connsiteX75" fmla="*/ 1802405 w 1888788"/>
                <a:gd name="connsiteY75" fmla="*/ 1402749 h 1694229"/>
                <a:gd name="connsiteX76" fmla="*/ 1797524 w 1888788"/>
                <a:gd name="connsiteY76" fmla="*/ 1456313 h 1694229"/>
                <a:gd name="connsiteX77" fmla="*/ 1884978 w 1888788"/>
                <a:gd name="connsiteY77" fmla="*/ 1492399 h 1694229"/>
                <a:gd name="connsiteX78" fmla="*/ 1871943 w 1888788"/>
                <a:gd name="connsiteY78" fmla="*/ 1454448 h 1694229"/>
                <a:gd name="connsiteX79" fmla="*/ 1861403 w 1888788"/>
                <a:gd name="connsiteY79" fmla="*/ 1401373 h 1694229"/>
                <a:gd name="connsiteX80" fmla="*/ 1863844 w 1888788"/>
                <a:gd name="connsiteY80" fmla="*/ 1326546 h 1694229"/>
                <a:gd name="connsiteX81" fmla="*/ 1797946 w 1888788"/>
                <a:gd name="connsiteY81" fmla="*/ 1305140 h 1694229"/>
                <a:gd name="connsiteX82" fmla="*/ 1747763 w 1888788"/>
                <a:gd name="connsiteY82" fmla="*/ 1264979 h 1694229"/>
                <a:gd name="connsiteX83" fmla="*/ 1737459 w 1888788"/>
                <a:gd name="connsiteY83" fmla="*/ 1176356 h 1694229"/>
                <a:gd name="connsiteX84" fmla="*/ 1704241 w 1888788"/>
                <a:gd name="connsiteY84" fmla="*/ 1038783 h 1694229"/>
                <a:gd name="connsiteX85" fmla="*/ 1627446 w 1888788"/>
                <a:gd name="connsiteY85" fmla="*/ 972257 h 1694229"/>
                <a:gd name="connsiteX86" fmla="*/ 1594228 w 1888788"/>
                <a:gd name="connsiteY86" fmla="*/ 917660 h 1694229"/>
                <a:gd name="connsiteX87" fmla="*/ 1544162 w 1888788"/>
                <a:gd name="connsiteY87" fmla="*/ 872587 h 1694229"/>
                <a:gd name="connsiteX88" fmla="*/ 1472251 w 1888788"/>
                <a:gd name="connsiteY88" fmla="*/ 845878 h 1694229"/>
                <a:gd name="connsiteX89" fmla="*/ 1449150 w 1888788"/>
                <a:gd name="connsiteY89" fmla="*/ 823245 h 1694229"/>
                <a:gd name="connsiteX90" fmla="*/ 1477013 w 1888788"/>
                <a:gd name="connsiteY90" fmla="*/ 784801 h 1694229"/>
                <a:gd name="connsiteX91" fmla="*/ 1458319 w 1888788"/>
                <a:gd name="connsiteY91" fmla="*/ 748910 h 1694229"/>
                <a:gd name="connsiteX92" fmla="*/ 1463081 w 1888788"/>
                <a:gd name="connsiteY92" fmla="*/ 725098 h 1694229"/>
                <a:gd name="connsiteX93" fmla="*/ 1488076 w 1888788"/>
                <a:gd name="connsiteY93" fmla="*/ 724035 h 1694229"/>
                <a:gd name="connsiteX94" fmla="*/ 1580416 w 1888788"/>
                <a:gd name="connsiteY94" fmla="*/ 740220 h 1694229"/>
                <a:gd name="connsiteX95" fmla="*/ 1615719 w 1888788"/>
                <a:gd name="connsiteY95" fmla="*/ 683758 h 1694229"/>
                <a:gd name="connsiteX96" fmla="*/ 1603753 w 1888788"/>
                <a:gd name="connsiteY96" fmla="*/ 553648 h 1694229"/>
                <a:gd name="connsiteX97" fmla="*/ 1620956 w 1888788"/>
                <a:gd name="connsiteY97" fmla="*/ 405322 h 1694229"/>
                <a:gd name="connsiteX0" fmla="*/ 1620956 w 1888788"/>
                <a:gd name="connsiteY0" fmla="*/ 405322 h 1694229"/>
                <a:gd name="connsiteX1" fmla="*/ 1548806 w 1888788"/>
                <a:gd name="connsiteY1" fmla="*/ 372673 h 1694229"/>
                <a:gd name="connsiteX2" fmla="*/ 1458557 w 1888788"/>
                <a:gd name="connsiteY2" fmla="*/ 348860 h 1694229"/>
                <a:gd name="connsiteX3" fmla="*/ 1405237 w 1888788"/>
                <a:gd name="connsiteY3" fmla="*/ 271776 h 1694229"/>
                <a:gd name="connsiteX4" fmla="*/ 1382136 w 1888788"/>
                <a:gd name="connsiteY4" fmla="*/ 169931 h 1694229"/>
                <a:gd name="connsiteX5" fmla="*/ 1346239 w 1888788"/>
                <a:gd name="connsiteY5" fmla="*/ 1869 h 1694229"/>
                <a:gd name="connsiteX6" fmla="*/ 1278870 w 1888788"/>
                <a:gd name="connsiteY6" fmla="*/ 43567 h 1694229"/>
                <a:gd name="connsiteX7" fmla="*/ 1273302 w 1888788"/>
                <a:gd name="connsiteY7" fmla="*/ 101090 h 1694229"/>
                <a:gd name="connsiteX8" fmla="*/ 1257397 w 1888788"/>
                <a:gd name="connsiteY8" fmla="*/ 152303 h 1694229"/>
                <a:gd name="connsiteX9" fmla="*/ 1237872 w 1888788"/>
                <a:gd name="connsiteY9" fmla="*/ 204316 h 1694229"/>
                <a:gd name="connsiteX10" fmla="*/ 1236143 w 1888788"/>
                <a:gd name="connsiteY10" fmla="*/ 273739 h 1694229"/>
                <a:gd name="connsiteX11" fmla="*/ 1163162 w 1888788"/>
                <a:gd name="connsiteY11" fmla="*/ 283903 h 1694229"/>
                <a:gd name="connsiteX12" fmla="*/ 1098809 w 1888788"/>
                <a:gd name="connsiteY12" fmla="*/ 285917 h 1694229"/>
                <a:gd name="connsiteX13" fmla="*/ 1051208 w 1888788"/>
                <a:gd name="connsiteY13" fmla="*/ 346183 h 1694229"/>
                <a:gd name="connsiteX14" fmla="*/ 996593 w 1888788"/>
                <a:gd name="connsiteY14" fmla="*/ 371690 h 1694229"/>
                <a:gd name="connsiteX15" fmla="*/ 943969 w 1888788"/>
                <a:gd name="connsiteY15" fmla="*/ 358385 h 1694229"/>
                <a:gd name="connsiteX16" fmla="*/ 837229 w 1888788"/>
                <a:gd name="connsiteY16" fmla="*/ 376257 h 1694229"/>
                <a:gd name="connsiteX17" fmla="*/ 814246 w 1888788"/>
                <a:gd name="connsiteY17" fmla="*/ 440035 h 1694229"/>
                <a:gd name="connsiteX18" fmla="*/ 797163 w 1888788"/>
                <a:gd name="connsiteY18" fmla="*/ 475926 h 1694229"/>
                <a:gd name="connsiteX19" fmla="*/ 715132 w 1888788"/>
                <a:gd name="connsiteY19" fmla="*/ 494632 h 1694229"/>
                <a:gd name="connsiteX20" fmla="*/ 697320 w 1888788"/>
                <a:gd name="connsiteY20" fmla="*/ 440647 h 1694229"/>
                <a:gd name="connsiteX21" fmla="*/ 653456 w 1888788"/>
                <a:gd name="connsiteY21" fmla="*/ 420298 h 1694229"/>
                <a:gd name="connsiteX22" fmla="*/ 518140 w 1888788"/>
                <a:gd name="connsiteY22" fmla="*/ 420641 h 1694229"/>
                <a:gd name="connsiteX23" fmla="*/ 434263 w 1888788"/>
                <a:gd name="connsiteY23" fmla="*/ 447350 h 1694229"/>
                <a:gd name="connsiteX24" fmla="*/ 401044 w 1888788"/>
                <a:gd name="connsiteY24" fmla="*/ 420298 h 1694229"/>
                <a:gd name="connsiteX25" fmla="*/ 381994 w 1888788"/>
                <a:gd name="connsiteY25" fmla="*/ 358385 h 1694229"/>
                <a:gd name="connsiteX26" fmla="*/ 315319 w 1888788"/>
                <a:gd name="connsiteY26" fmla="*/ 305998 h 1694229"/>
                <a:gd name="connsiteX27" fmla="*/ 270134 w 1888788"/>
                <a:gd name="connsiteY27" fmla="*/ 229110 h 1694229"/>
                <a:gd name="connsiteX28" fmla="*/ 146784 w 1888788"/>
                <a:gd name="connsiteY28" fmla="*/ 258373 h 1694229"/>
                <a:gd name="connsiteX29" fmla="*/ 127734 w 1888788"/>
                <a:gd name="connsiteY29" fmla="*/ 344785 h 1694229"/>
                <a:gd name="connsiteX30" fmla="*/ 145174 w 1888788"/>
                <a:gd name="connsiteY30" fmla="*/ 411312 h 1694229"/>
                <a:gd name="connsiteX31" fmla="*/ 117735 w 1888788"/>
                <a:gd name="connsiteY31" fmla="*/ 446172 h 1694229"/>
                <a:gd name="connsiteX32" fmla="*/ 65347 w 1888788"/>
                <a:gd name="connsiteY32" fmla="*/ 474059 h 1694229"/>
                <a:gd name="connsiteX33" fmla="*/ 37246 w 1888788"/>
                <a:gd name="connsiteY33" fmla="*/ 482063 h 1694229"/>
                <a:gd name="connsiteX34" fmla="*/ 15281 w 1888788"/>
                <a:gd name="connsiteY34" fmla="*/ 520310 h 1694229"/>
                <a:gd name="connsiteX35" fmla="*/ 1469 w 1888788"/>
                <a:gd name="connsiteY35" fmla="*/ 632745 h 1694229"/>
                <a:gd name="connsiteX36" fmla="*/ 51178 w 1888788"/>
                <a:gd name="connsiteY36" fmla="*/ 685967 h 1694229"/>
                <a:gd name="connsiteX37" fmla="*/ 108092 w 1888788"/>
                <a:gd name="connsiteY37" fmla="*/ 681547 h 1694229"/>
                <a:gd name="connsiteX38" fmla="*/ 93804 w 1888788"/>
                <a:gd name="connsiteY38" fmla="*/ 751806 h 1694229"/>
                <a:gd name="connsiteX39" fmla="*/ 148631 w 1888788"/>
                <a:gd name="connsiteY39" fmla="*/ 782248 h 1694229"/>
                <a:gd name="connsiteX40" fmla="*/ 217629 w 1888788"/>
                <a:gd name="connsiteY40" fmla="*/ 792460 h 1694229"/>
                <a:gd name="connsiteX41" fmla="*/ 252932 w 1888788"/>
                <a:gd name="connsiteY41" fmla="*/ 848431 h 1694229"/>
                <a:gd name="connsiteX42" fmla="*/ 252339 w 1888788"/>
                <a:gd name="connsiteY42" fmla="*/ 893503 h 1694229"/>
                <a:gd name="connsiteX43" fmla="*/ 276863 w 1888788"/>
                <a:gd name="connsiteY43" fmla="*/ 932978 h 1694229"/>
                <a:gd name="connsiteX44" fmla="*/ 322521 w 1888788"/>
                <a:gd name="connsiteY44" fmla="*/ 971570 h 1694229"/>
                <a:gd name="connsiteX45" fmla="*/ 407654 w 1888788"/>
                <a:gd name="connsiteY45" fmla="*/ 1025822 h 1694229"/>
                <a:gd name="connsiteX46" fmla="*/ 443431 w 1888788"/>
                <a:gd name="connsiteY46" fmla="*/ 1096915 h 1694229"/>
                <a:gd name="connsiteX47" fmla="*/ 422534 w 1888788"/>
                <a:gd name="connsiteY47" fmla="*/ 1166488 h 1694229"/>
                <a:gd name="connsiteX48" fmla="*/ 500581 w 1888788"/>
                <a:gd name="connsiteY48" fmla="*/ 1222951 h 1694229"/>
                <a:gd name="connsiteX49" fmla="*/ 572613 w 1888788"/>
                <a:gd name="connsiteY49" fmla="*/ 1255945 h 1694229"/>
                <a:gd name="connsiteX50" fmla="*/ 553444 w 1888788"/>
                <a:gd name="connsiteY50" fmla="*/ 1315648 h 1694229"/>
                <a:gd name="connsiteX51" fmla="*/ 643931 w 1888788"/>
                <a:gd name="connsiteY51" fmla="*/ 1468048 h 1694229"/>
                <a:gd name="connsiteX52" fmla="*/ 736741 w 1888788"/>
                <a:gd name="connsiteY52" fmla="*/ 1541202 h 1694229"/>
                <a:gd name="connsiteX53" fmla="*/ 786806 w 1888788"/>
                <a:gd name="connsiteY53" fmla="*/ 1491860 h 1694229"/>
                <a:gd name="connsiteX54" fmla="*/ 851396 w 1888788"/>
                <a:gd name="connsiteY54" fmla="*/ 1519257 h 1694229"/>
                <a:gd name="connsiteX55" fmla="*/ 905869 w 1888788"/>
                <a:gd name="connsiteY55" fmla="*/ 1487098 h 1694229"/>
                <a:gd name="connsiteX56" fmla="*/ 922716 w 1888788"/>
                <a:gd name="connsiteY56" fmla="*/ 1444922 h 1694229"/>
                <a:gd name="connsiteX57" fmla="*/ 986593 w 1888788"/>
                <a:gd name="connsiteY57" fmla="*/ 1531334 h 1694229"/>
                <a:gd name="connsiteX58" fmla="*/ 1031660 w 1888788"/>
                <a:gd name="connsiteY58" fmla="*/ 1602428 h 1694229"/>
                <a:gd name="connsiteX59" fmla="*/ 1101606 w 1888788"/>
                <a:gd name="connsiteY59" fmla="*/ 1693947 h 1694229"/>
                <a:gd name="connsiteX60" fmla="*/ 1132504 w 1888788"/>
                <a:gd name="connsiteY60" fmla="*/ 1630856 h 1694229"/>
                <a:gd name="connsiteX61" fmla="*/ 1163163 w 1888788"/>
                <a:gd name="connsiteY61" fmla="*/ 1624376 h 1694229"/>
                <a:gd name="connsiteX62" fmla="*/ 1206262 w 1888788"/>
                <a:gd name="connsiteY62" fmla="*/ 1653639 h 1694229"/>
                <a:gd name="connsiteX63" fmla="*/ 1239837 w 1888788"/>
                <a:gd name="connsiteY63" fmla="*/ 1612985 h 1694229"/>
                <a:gd name="connsiteX64" fmla="*/ 1258658 w 1888788"/>
                <a:gd name="connsiteY64" fmla="*/ 1617602 h 1694229"/>
                <a:gd name="connsiteX65" fmla="*/ 1292700 w 1888788"/>
                <a:gd name="connsiteY65" fmla="*/ 1684079 h 1694229"/>
                <a:gd name="connsiteX66" fmla="*/ 1349256 w 1888788"/>
                <a:gd name="connsiteY66" fmla="*/ 1660610 h 1694229"/>
                <a:gd name="connsiteX67" fmla="*/ 1401288 w 1888788"/>
                <a:gd name="connsiteY67" fmla="*/ 1604489 h 1694229"/>
                <a:gd name="connsiteX68" fmla="*/ 1452065 w 1888788"/>
                <a:gd name="connsiteY68" fmla="*/ 1587946 h 1694229"/>
                <a:gd name="connsiteX69" fmla="*/ 1469744 w 1888788"/>
                <a:gd name="connsiteY69" fmla="*/ 1643768 h 1694229"/>
                <a:gd name="connsiteX70" fmla="*/ 1539639 w 1888788"/>
                <a:gd name="connsiteY70" fmla="*/ 1618090 h 1694229"/>
                <a:gd name="connsiteX71" fmla="*/ 1570417 w 1888788"/>
                <a:gd name="connsiteY71" fmla="*/ 1531334 h 1694229"/>
                <a:gd name="connsiteX72" fmla="*/ 1651853 w 1888788"/>
                <a:gd name="connsiteY72" fmla="*/ 1441192 h 1694229"/>
                <a:gd name="connsiteX73" fmla="*/ 1696444 w 1888788"/>
                <a:gd name="connsiteY73" fmla="*/ 1410062 h 1694229"/>
                <a:gd name="connsiteX74" fmla="*/ 1724813 w 1888788"/>
                <a:gd name="connsiteY74" fmla="*/ 1413357 h 1694229"/>
                <a:gd name="connsiteX75" fmla="*/ 1814608 w 1888788"/>
                <a:gd name="connsiteY75" fmla="*/ 1402749 h 1694229"/>
                <a:gd name="connsiteX76" fmla="*/ 1797524 w 1888788"/>
                <a:gd name="connsiteY76" fmla="*/ 1456313 h 1694229"/>
                <a:gd name="connsiteX77" fmla="*/ 1884978 w 1888788"/>
                <a:gd name="connsiteY77" fmla="*/ 1492399 h 1694229"/>
                <a:gd name="connsiteX78" fmla="*/ 1871943 w 1888788"/>
                <a:gd name="connsiteY78" fmla="*/ 1454448 h 1694229"/>
                <a:gd name="connsiteX79" fmla="*/ 1861403 w 1888788"/>
                <a:gd name="connsiteY79" fmla="*/ 1401373 h 1694229"/>
                <a:gd name="connsiteX80" fmla="*/ 1863844 w 1888788"/>
                <a:gd name="connsiteY80" fmla="*/ 1326546 h 1694229"/>
                <a:gd name="connsiteX81" fmla="*/ 1797946 w 1888788"/>
                <a:gd name="connsiteY81" fmla="*/ 1305140 h 1694229"/>
                <a:gd name="connsiteX82" fmla="*/ 1747763 w 1888788"/>
                <a:gd name="connsiteY82" fmla="*/ 1264979 h 1694229"/>
                <a:gd name="connsiteX83" fmla="*/ 1737459 w 1888788"/>
                <a:gd name="connsiteY83" fmla="*/ 1176356 h 1694229"/>
                <a:gd name="connsiteX84" fmla="*/ 1704241 w 1888788"/>
                <a:gd name="connsiteY84" fmla="*/ 1038783 h 1694229"/>
                <a:gd name="connsiteX85" fmla="*/ 1627446 w 1888788"/>
                <a:gd name="connsiteY85" fmla="*/ 972257 h 1694229"/>
                <a:gd name="connsiteX86" fmla="*/ 1594228 w 1888788"/>
                <a:gd name="connsiteY86" fmla="*/ 917660 h 1694229"/>
                <a:gd name="connsiteX87" fmla="*/ 1544162 w 1888788"/>
                <a:gd name="connsiteY87" fmla="*/ 872587 h 1694229"/>
                <a:gd name="connsiteX88" fmla="*/ 1472251 w 1888788"/>
                <a:gd name="connsiteY88" fmla="*/ 845878 h 1694229"/>
                <a:gd name="connsiteX89" fmla="*/ 1449150 w 1888788"/>
                <a:gd name="connsiteY89" fmla="*/ 823245 h 1694229"/>
                <a:gd name="connsiteX90" fmla="*/ 1477013 w 1888788"/>
                <a:gd name="connsiteY90" fmla="*/ 784801 h 1694229"/>
                <a:gd name="connsiteX91" fmla="*/ 1458319 w 1888788"/>
                <a:gd name="connsiteY91" fmla="*/ 748910 h 1694229"/>
                <a:gd name="connsiteX92" fmla="*/ 1463081 w 1888788"/>
                <a:gd name="connsiteY92" fmla="*/ 725098 h 1694229"/>
                <a:gd name="connsiteX93" fmla="*/ 1488076 w 1888788"/>
                <a:gd name="connsiteY93" fmla="*/ 724035 h 1694229"/>
                <a:gd name="connsiteX94" fmla="*/ 1580416 w 1888788"/>
                <a:gd name="connsiteY94" fmla="*/ 740220 h 1694229"/>
                <a:gd name="connsiteX95" fmla="*/ 1615719 w 1888788"/>
                <a:gd name="connsiteY95" fmla="*/ 683758 h 1694229"/>
                <a:gd name="connsiteX96" fmla="*/ 1603753 w 1888788"/>
                <a:gd name="connsiteY96" fmla="*/ 553648 h 1694229"/>
                <a:gd name="connsiteX97" fmla="*/ 1620956 w 1888788"/>
                <a:gd name="connsiteY97" fmla="*/ 405322 h 1694229"/>
                <a:gd name="connsiteX0" fmla="*/ 1620956 w 1887825"/>
                <a:gd name="connsiteY0" fmla="*/ 405322 h 1694229"/>
                <a:gd name="connsiteX1" fmla="*/ 1548806 w 1887825"/>
                <a:gd name="connsiteY1" fmla="*/ 372673 h 1694229"/>
                <a:gd name="connsiteX2" fmla="*/ 1458557 w 1887825"/>
                <a:gd name="connsiteY2" fmla="*/ 348860 h 1694229"/>
                <a:gd name="connsiteX3" fmla="*/ 1405237 w 1887825"/>
                <a:gd name="connsiteY3" fmla="*/ 271776 h 1694229"/>
                <a:gd name="connsiteX4" fmla="*/ 1382136 w 1887825"/>
                <a:gd name="connsiteY4" fmla="*/ 169931 h 1694229"/>
                <a:gd name="connsiteX5" fmla="*/ 1346239 w 1887825"/>
                <a:gd name="connsiteY5" fmla="*/ 1869 h 1694229"/>
                <a:gd name="connsiteX6" fmla="*/ 1278870 w 1887825"/>
                <a:gd name="connsiteY6" fmla="*/ 43567 h 1694229"/>
                <a:gd name="connsiteX7" fmla="*/ 1273302 w 1887825"/>
                <a:gd name="connsiteY7" fmla="*/ 101090 h 1694229"/>
                <a:gd name="connsiteX8" fmla="*/ 1257397 w 1887825"/>
                <a:gd name="connsiteY8" fmla="*/ 152303 h 1694229"/>
                <a:gd name="connsiteX9" fmla="*/ 1237872 w 1887825"/>
                <a:gd name="connsiteY9" fmla="*/ 204316 h 1694229"/>
                <a:gd name="connsiteX10" fmla="*/ 1236143 w 1887825"/>
                <a:gd name="connsiteY10" fmla="*/ 273739 h 1694229"/>
                <a:gd name="connsiteX11" fmla="*/ 1163162 w 1887825"/>
                <a:gd name="connsiteY11" fmla="*/ 283903 h 1694229"/>
                <a:gd name="connsiteX12" fmla="*/ 1098809 w 1887825"/>
                <a:gd name="connsiteY12" fmla="*/ 285917 h 1694229"/>
                <a:gd name="connsiteX13" fmla="*/ 1051208 w 1887825"/>
                <a:gd name="connsiteY13" fmla="*/ 346183 h 1694229"/>
                <a:gd name="connsiteX14" fmla="*/ 996593 w 1887825"/>
                <a:gd name="connsiteY14" fmla="*/ 371690 h 1694229"/>
                <a:gd name="connsiteX15" fmla="*/ 943969 w 1887825"/>
                <a:gd name="connsiteY15" fmla="*/ 358385 h 1694229"/>
                <a:gd name="connsiteX16" fmla="*/ 837229 w 1887825"/>
                <a:gd name="connsiteY16" fmla="*/ 376257 h 1694229"/>
                <a:gd name="connsiteX17" fmla="*/ 814246 w 1887825"/>
                <a:gd name="connsiteY17" fmla="*/ 440035 h 1694229"/>
                <a:gd name="connsiteX18" fmla="*/ 797163 w 1887825"/>
                <a:gd name="connsiteY18" fmla="*/ 475926 h 1694229"/>
                <a:gd name="connsiteX19" fmla="*/ 715132 w 1887825"/>
                <a:gd name="connsiteY19" fmla="*/ 494632 h 1694229"/>
                <a:gd name="connsiteX20" fmla="*/ 697320 w 1887825"/>
                <a:gd name="connsiteY20" fmla="*/ 440647 h 1694229"/>
                <a:gd name="connsiteX21" fmla="*/ 653456 w 1887825"/>
                <a:gd name="connsiteY21" fmla="*/ 420298 h 1694229"/>
                <a:gd name="connsiteX22" fmla="*/ 518140 w 1887825"/>
                <a:gd name="connsiteY22" fmla="*/ 420641 h 1694229"/>
                <a:gd name="connsiteX23" fmla="*/ 434263 w 1887825"/>
                <a:gd name="connsiteY23" fmla="*/ 447350 h 1694229"/>
                <a:gd name="connsiteX24" fmla="*/ 401044 w 1887825"/>
                <a:gd name="connsiteY24" fmla="*/ 420298 h 1694229"/>
                <a:gd name="connsiteX25" fmla="*/ 381994 w 1887825"/>
                <a:gd name="connsiteY25" fmla="*/ 358385 h 1694229"/>
                <a:gd name="connsiteX26" fmla="*/ 315319 w 1887825"/>
                <a:gd name="connsiteY26" fmla="*/ 305998 h 1694229"/>
                <a:gd name="connsiteX27" fmla="*/ 270134 w 1887825"/>
                <a:gd name="connsiteY27" fmla="*/ 229110 h 1694229"/>
                <a:gd name="connsiteX28" fmla="*/ 146784 w 1887825"/>
                <a:gd name="connsiteY28" fmla="*/ 258373 h 1694229"/>
                <a:gd name="connsiteX29" fmla="*/ 127734 w 1887825"/>
                <a:gd name="connsiteY29" fmla="*/ 344785 h 1694229"/>
                <a:gd name="connsiteX30" fmla="*/ 145174 w 1887825"/>
                <a:gd name="connsiteY30" fmla="*/ 411312 h 1694229"/>
                <a:gd name="connsiteX31" fmla="*/ 117735 w 1887825"/>
                <a:gd name="connsiteY31" fmla="*/ 446172 h 1694229"/>
                <a:gd name="connsiteX32" fmla="*/ 65347 w 1887825"/>
                <a:gd name="connsiteY32" fmla="*/ 474059 h 1694229"/>
                <a:gd name="connsiteX33" fmla="*/ 37246 w 1887825"/>
                <a:gd name="connsiteY33" fmla="*/ 482063 h 1694229"/>
                <a:gd name="connsiteX34" fmla="*/ 15281 w 1887825"/>
                <a:gd name="connsiteY34" fmla="*/ 520310 h 1694229"/>
                <a:gd name="connsiteX35" fmla="*/ 1469 w 1887825"/>
                <a:gd name="connsiteY35" fmla="*/ 632745 h 1694229"/>
                <a:gd name="connsiteX36" fmla="*/ 51178 w 1887825"/>
                <a:gd name="connsiteY36" fmla="*/ 685967 h 1694229"/>
                <a:gd name="connsiteX37" fmla="*/ 108092 w 1887825"/>
                <a:gd name="connsiteY37" fmla="*/ 681547 h 1694229"/>
                <a:gd name="connsiteX38" fmla="*/ 93804 w 1887825"/>
                <a:gd name="connsiteY38" fmla="*/ 751806 h 1694229"/>
                <a:gd name="connsiteX39" fmla="*/ 148631 w 1887825"/>
                <a:gd name="connsiteY39" fmla="*/ 782248 h 1694229"/>
                <a:gd name="connsiteX40" fmla="*/ 217629 w 1887825"/>
                <a:gd name="connsiteY40" fmla="*/ 792460 h 1694229"/>
                <a:gd name="connsiteX41" fmla="*/ 252932 w 1887825"/>
                <a:gd name="connsiteY41" fmla="*/ 848431 h 1694229"/>
                <a:gd name="connsiteX42" fmla="*/ 252339 w 1887825"/>
                <a:gd name="connsiteY42" fmla="*/ 893503 h 1694229"/>
                <a:gd name="connsiteX43" fmla="*/ 276863 w 1887825"/>
                <a:gd name="connsiteY43" fmla="*/ 932978 h 1694229"/>
                <a:gd name="connsiteX44" fmla="*/ 322521 w 1887825"/>
                <a:gd name="connsiteY44" fmla="*/ 971570 h 1694229"/>
                <a:gd name="connsiteX45" fmla="*/ 407654 w 1887825"/>
                <a:gd name="connsiteY45" fmla="*/ 1025822 h 1694229"/>
                <a:gd name="connsiteX46" fmla="*/ 443431 w 1887825"/>
                <a:gd name="connsiteY46" fmla="*/ 1096915 h 1694229"/>
                <a:gd name="connsiteX47" fmla="*/ 422534 w 1887825"/>
                <a:gd name="connsiteY47" fmla="*/ 1166488 h 1694229"/>
                <a:gd name="connsiteX48" fmla="*/ 500581 w 1887825"/>
                <a:gd name="connsiteY48" fmla="*/ 1222951 h 1694229"/>
                <a:gd name="connsiteX49" fmla="*/ 572613 w 1887825"/>
                <a:gd name="connsiteY49" fmla="*/ 1255945 h 1694229"/>
                <a:gd name="connsiteX50" fmla="*/ 553444 w 1887825"/>
                <a:gd name="connsiteY50" fmla="*/ 1315648 h 1694229"/>
                <a:gd name="connsiteX51" fmla="*/ 643931 w 1887825"/>
                <a:gd name="connsiteY51" fmla="*/ 1468048 h 1694229"/>
                <a:gd name="connsiteX52" fmla="*/ 736741 w 1887825"/>
                <a:gd name="connsiteY52" fmla="*/ 1541202 h 1694229"/>
                <a:gd name="connsiteX53" fmla="*/ 786806 w 1887825"/>
                <a:gd name="connsiteY53" fmla="*/ 1491860 h 1694229"/>
                <a:gd name="connsiteX54" fmla="*/ 851396 w 1887825"/>
                <a:gd name="connsiteY54" fmla="*/ 1519257 h 1694229"/>
                <a:gd name="connsiteX55" fmla="*/ 905869 w 1887825"/>
                <a:gd name="connsiteY55" fmla="*/ 1487098 h 1694229"/>
                <a:gd name="connsiteX56" fmla="*/ 922716 w 1887825"/>
                <a:gd name="connsiteY56" fmla="*/ 1444922 h 1694229"/>
                <a:gd name="connsiteX57" fmla="*/ 986593 w 1887825"/>
                <a:gd name="connsiteY57" fmla="*/ 1531334 h 1694229"/>
                <a:gd name="connsiteX58" fmla="*/ 1031660 w 1887825"/>
                <a:gd name="connsiteY58" fmla="*/ 1602428 h 1694229"/>
                <a:gd name="connsiteX59" fmla="*/ 1101606 w 1887825"/>
                <a:gd name="connsiteY59" fmla="*/ 1693947 h 1694229"/>
                <a:gd name="connsiteX60" fmla="*/ 1132504 w 1887825"/>
                <a:gd name="connsiteY60" fmla="*/ 1630856 h 1694229"/>
                <a:gd name="connsiteX61" fmla="*/ 1163163 w 1887825"/>
                <a:gd name="connsiteY61" fmla="*/ 1624376 h 1694229"/>
                <a:gd name="connsiteX62" fmla="*/ 1206262 w 1887825"/>
                <a:gd name="connsiteY62" fmla="*/ 1653639 h 1694229"/>
                <a:gd name="connsiteX63" fmla="*/ 1239837 w 1887825"/>
                <a:gd name="connsiteY63" fmla="*/ 1612985 h 1694229"/>
                <a:gd name="connsiteX64" fmla="*/ 1258658 w 1887825"/>
                <a:gd name="connsiteY64" fmla="*/ 1617602 h 1694229"/>
                <a:gd name="connsiteX65" fmla="*/ 1292700 w 1887825"/>
                <a:gd name="connsiteY65" fmla="*/ 1684079 h 1694229"/>
                <a:gd name="connsiteX66" fmla="*/ 1349256 w 1887825"/>
                <a:gd name="connsiteY66" fmla="*/ 1660610 h 1694229"/>
                <a:gd name="connsiteX67" fmla="*/ 1401288 w 1887825"/>
                <a:gd name="connsiteY67" fmla="*/ 1604489 h 1694229"/>
                <a:gd name="connsiteX68" fmla="*/ 1452065 w 1887825"/>
                <a:gd name="connsiteY68" fmla="*/ 1587946 h 1694229"/>
                <a:gd name="connsiteX69" fmla="*/ 1469744 w 1887825"/>
                <a:gd name="connsiteY69" fmla="*/ 1643768 h 1694229"/>
                <a:gd name="connsiteX70" fmla="*/ 1539639 w 1887825"/>
                <a:gd name="connsiteY70" fmla="*/ 1618090 h 1694229"/>
                <a:gd name="connsiteX71" fmla="*/ 1570417 w 1887825"/>
                <a:gd name="connsiteY71" fmla="*/ 1531334 h 1694229"/>
                <a:gd name="connsiteX72" fmla="*/ 1651853 w 1887825"/>
                <a:gd name="connsiteY72" fmla="*/ 1441192 h 1694229"/>
                <a:gd name="connsiteX73" fmla="*/ 1696444 w 1887825"/>
                <a:gd name="connsiteY73" fmla="*/ 1410062 h 1694229"/>
                <a:gd name="connsiteX74" fmla="*/ 1724813 w 1887825"/>
                <a:gd name="connsiteY74" fmla="*/ 1413357 h 1694229"/>
                <a:gd name="connsiteX75" fmla="*/ 1814608 w 1887825"/>
                <a:gd name="connsiteY75" fmla="*/ 1402749 h 1694229"/>
                <a:gd name="connsiteX76" fmla="*/ 1812167 w 1887825"/>
                <a:gd name="connsiteY76" fmla="*/ 1466525 h 1694229"/>
                <a:gd name="connsiteX77" fmla="*/ 1884978 w 1887825"/>
                <a:gd name="connsiteY77" fmla="*/ 1492399 h 1694229"/>
                <a:gd name="connsiteX78" fmla="*/ 1871943 w 1887825"/>
                <a:gd name="connsiteY78" fmla="*/ 1454448 h 1694229"/>
                <a:gd name="connsiteX79" fmla="*/ 1861403 w 1887825"/>
                <a:gd name="connsiteY79" fmla="*/ 1401373 h 1694229"/>
                <a:gd name="connsiteX80" fmla="*/ 1863844 w 1887825"/>
                <a:gd name="connsiteY80" fmla="*/ 1326546 h 1694229"/>
                <a:gd name="connsiteX81" fmla="*/ 1797946 w 1887825"/>
                <a:gd name="connsiteY81" fmla="*/ 1305140 h 1694229"/>
                <a:gd name="connsiteX82" fmla="*/ 1747763 w 1887825"/>
                <a:gd name="connsiteY82" fmla="*/ 1264979 h 1694229"/>
                <a:gd name="connsiteX83" fmla="*/ 1737459 w 1887825"/>
                <a:gd name="connsiteY83" fmla="*/ 1176356 h 1694229"/>
                <a:gd name="connsiteX84" fmla="*/ 1704241 w 1887825"/>
                <a:gd name="connsiteY84" fmla="*/ 1038783 h 1694229"/>
                <a:gd name="connsiteX85" fmla="*/ 1627446 w 1887825"/>
                <a:gd name="connsiteY85" fmla="*/ 972257 h 1694229"/>
                <a:gd name="connsiteX86" fmla="*/ 1594228 w 1887825"/>
                <a:gd name="connsiteY86" fmla="*/ 917660 h 1694229"/>
                <a:gd name="connsiteX87" fmla="*/ 1544162 w 1887825"/>
                <a:gd name="connsiteY87" fmla="*/ 872587 h 1694229"/>
                <a:gd name="connsiteX88" fmla="*/ 1472251 w 1887825"/>
                <a:gd name="connsiteY88" fmla="*/ 845878 h 1694229"/>
                <a:gd name="connsiteX89" fmla="*/ 1449150 w 1887825"/>
                <a:gd name="connsiteY89" fmla="*/ 823245 h 1694229"/>
                <a:gd name="connsiteX90" fmla="*/ 1477013 w 1887825"/>
                <a:gd name="connsiteY90" fmla="*/ 784801 h 1694229"/>
                <a:gd name="connsiteX91" fmla="*/ 1458319 w 1887825"/>
                <a:gd name="connsiteY91" fmla="*/ 748910 h 1694229"/>
                <a:gd name="connsiteX92" fmla="*/ 1463081 w 1887825"/>
                <a:gd name="connsiteY92" fmla="*/ 725098 h 1694229"/>
                <a:gd name="connsiteX93" fmla="*/ 1488076 w 1887825"/>
                <a:gd name="connsiteY93" fmla="*/ 724035 h 1694229"/>
                <a:gd name="connsiteX94" fmla="*/ 1580416 w 1887825"/>
                <a:gd name="connsiteY94" fmla="*/ 740220 h 1694229"/>
                <a:gd name="connsiteX95" fmla="*/ 1615719 w 1887825"/>
                <a:gd name="connsiteY95" fmla="*/ 683758 h 1694229"/>
                <a:gd name="connsiteX96" fmla="*/ 1603753 w 1887825"/>
                <a:gd name="connsiteY96" fmla="*/ 553648 h 1694229"/>
                <a:gd name="connsiteX97" fmla="*/ 1620956 w 1887825"/>
                <a:gd name="connsiteY97" fmla="*/ 405322 h 1694229"/>
                <a:gd name="connsiteX0" fmla="*/ 1620956 w 1887825"/>
                <a:gd name="connsiteY0" fmla="*/ 405322 h 1694229"/>
                <a:gd name="connsiteX1" fmla="*/ 1548806 w 1887825"/>
                <a:gd name="connsiteY1" fmla="*/ 372673 h 1694229"/>
                <a:gd name="connsiteX2" fmla="*/ 1458557 w 1887825"/>
                <a:gd name="connsiteY2" fmla="*/ 348860 h 1694229"/>
                <a:gd name="connsiteX3" fmla="*/ 1405237 w 1887825"/>
                <a:gd name="connsiteY3" fmla="*/ 271776 h 1694229"/>
                <a:gd name="connsiteX4" fmla="*/ 1382136 w 1887825"/>
                <a:gd name="connsiteY4" fmla="*/ 169931 h 1694229"/>
                <a:gd name="connsiteX5" fmla="*/ 1346239 w 1887825"/>
                <a:gd name="connsiteY5" fmla="*/ 1869 h 1694229"/>
                <a:gd name="connsiteX6" fmla="*/ 1278870 w 1887825"/>
                <a:gd name="connsiteY6" fmla="*/ 43567 h 1694229"/>
                <a:gd name="connsiteX7" fmla="*/ 1273302 w 1887825"/>
                <a:gd name="connsiteY7" fmla="*/ 101090 h 1694229"/>
                <a:gd name="connsiteX8" fmla="*/ 1257397 w 1887825"/>
                <a:gd name="connsiteY8" fmla="*/ 152303 h 1694229"/>
                <a:gd name="connsiteX9" fmla="*/ 1237872 w 1887825"/>
                <a:gd name="connsiteY9" fmla="*/ 204316 h 1694229"/>
                <a:gd name="connsiteX10" fmla="*/ 1236143 w 1887825"/>
                <a:gd name="connsiteY10" fmla="*/ 273739 h 1694229"/>
                <a:gd name="connsiteX11" fmla="*/ 1163162 w 1887825"/>
                <a:gd name="connsiteY11" fmla="*/ 283903 h 1694229"/>
                <a:gd name="connsiteX12" fmla="*/ 1098809 w 1887825"/>
                <a:gd name="connsiteY12" fmla="*/ 285917 h 1694229"/>
                <a:gd name="connsiteX13" fmla="*/ 1051208 w 1887825"/>
                <a:gd name="connsiteY13" fmla="*/ 346183 h 1694229"/>
                <a:gd name="connsiteX14" fmla="*/ 996593 w 1887825"/>
                <a:gd name="connsiteY14" fmla="*/ 371690 h 1694229"/>
                <a:gd name="connsiteX15" fmla="*/ 943969 w 1887825"/>
                <a:gd name="connsiteY15" fmla="*/ 358385 h 1694229"/>
                <a:gd name="connsiteX16" fmla="*/ 837229 w 1887825"/>
                <a:gd name="connsiteY16" fmla="*/ 376257 h 1694229"/>
                <a:gd name="connsiteX17" fmla="*/ 814246 w 1887825"/>
                <a:gd name="connsiteY17" fmla="*/ 440035 h 1694229"/>
                <a:gd name="connsiteX18" fmla="*/ 797163 w 1887825"/>
                <a:gd name="connsiteY18" fmla="*/ 475926 h 1694229"/>
                <a:gd name="connsiteX19" fmla="*/ 715132 w 1887825"/>
                <a:gd name="connsiteY19" fmla="*/ 494632 h 1694229"/>
                <a:gd name="connsiteX20" fmla="*/ 697320 w 1887825"/>
                <a:gd name="connsiteY20" fmla="*/ 440647 h 1694229"/>
                <a:gd name="connsiteX21" fmla="*/ 653456 w 1887825"/>
                <a:gd name="connsiteY21" fmla="*/ 420298 h 1694229"/>
                <a:gd name="connsiteX22" fmla="*/ 518140 w 1887825"/>
                <a:gd name="connsiteY22" fmla="*/ 420641 h 1694229"/>
                <a:gd name="connsiteX23" fmla="*/ 434263 w 1887825"/>
                <a:gd name="connsiteY23" fmla="*/ 447350 h 1694229"/>
                <a:gd name="connsiteX24" fmla="*/ 401044 w 1887825"/>
                <a:gd name="connsiteY24" fmla="*/ 420298 h 1694229"/>
                <a:gd name="connsiteX25" fmla="*/ 381994 w 1887825"/>
                <a:gd name="connsiteY25" fmla="*/ 358385 h 1694229"/>
                <a:gd name="connsiteX26" fmla="*/ 315319 w 1887825"/>
                <a:gd name="connsiteY26" fmla="*/ 305998 h 1694229"/>
                <a:gd name="connsiteX27" fmla="*/ 270134 w 1887825"/>
                <a:gd name="connsiteY27" fmla="*/ 229110 h 1694229"/>
                <a:gd name="connsiteX28" fmla="*/ 146784 w 1887825"/>
                <a:gd name="connsiteY28" fmla="*/ 258373 h 1694229"/>
                <a:gd name="connsiteX29" fmla="*/ 127734 w 1887825"/>
                <a:gd name="connsiteY29" fmla="*/ 344785 h 1694229"/>
                <a:gd name="connsiteX30" fmla="*/ 145174 w 1887825"/>
                <a:gd name="connsiteY30" fmla="*/ 411312 h 1694229"/>
                <a:gd name="connsiteX31" fmla="*/ 117735 w 1887825"/>
                <a:gd name="connsiteY31" fmla="*/ 446172 h 1694229"/>
                <a:gd name="connsiteX32" fmla="*/ 65347 w 1887825"/>
                <a:gd name="connsiteY32" fmla="*/ 474059 h 1694229"/>
                <a:gd name="connsiteX33" fmla="*/ 37246 w 1887825"/>
                <a:gd name="connsiteY33" fmla="*/ 482063 h 1694229"/>
                <a:gd name="connsiteX34" fmla="*/ 15281 w 1887825"/>
                <a:gd name="connsiteY34" fmla="*/ 520310 h 1694229"/>
                <a:gd name="connsiteX35" fmla="*/ 1469 w 1887825"/>
                <a:gd name="connsiteY35" fmla="*/ 632745 h 1694229"/>
                <a:gd name="connsiteX36" fmla="*/ 51178 w 1887825"/>
                <a:gd name="connsiteY36" fmla="*/ 685967 h 1694229"/>
                <a:gd name="connsiteX37" fmla="*/ 108092 w 1887825"/>
                <a:gd name="connsiteY37" fmla="*/ 681547 h 1694229"/>
                <a:gd name="connsiteX38" fmla="*/ 93804 w 1887825"/>
                <a:gd name="connsiteY38" fmla="*/ 751806 h 1694229"/>
                <a:gd name="connsiteX39" fmla="*/ 148631 w 1887825"/>
                <a:gd name="connsiteY39" fmla="*/ 782248 h 1694229"/>
                <a:gd name="connsiteX40" fmla="*/ 217629 w 1887825"/>
                <a:gd name="connsiteY40" fmla="*/ 792460 h 1694229"/>
                <a:gd name="connsiteX41" fmla="*/ 252932 w 1887825"/>
                <a:gd name="connsiteY41" fmla="*/ 848431 h 1694229"/>
                <a:gd name="connsiteX42" fmla="*/ 252339 w 1887825"/>
                <a:gd name="connsiteY42" fmla="*/ 893503 h 1694229"/>
                <a:gd name="connsiteX43" fmla="*/ 276863 w 1887825"/>
                <a:gd name="connsiteY43" fmla="*/ 932978 h 1694229"/>
                <a:gd name="connsiteX44" fmla="*/ 322521 w 1887825"/>
                <a:gd name="connsiteY44" fmla="*/ 971570 h 1694229"/>
                <a:gd name="connsiteX45" fmla="*/ 407654 w 1887825"/>
                <a:gd name="connsiteY45" fmla="*/ 1025822 h 1694229"/>
                <a:gd name="connsiteX46" fmla="*/ 443431 w 1887825"/>
                <a:gd name="connsiteY46" fmla="*/ 1096915 h 1694229"/>
                <a:gd name="connsiteX47" fmla="*/ 422534 w 1887825"/>
                <a:gd name="connsiteY47" fmla="*/ 1166488 h 1694229"/>
                <a:gd name="connsiteX48" fmla="*/ 500581 w 1887825"/>
                <a:gd name="connsiteY48" fmla="*/ 1222951 h 1694229"/>
                <a:gd name="connsiteX49" fmla="*/ 572613 w 1887825"/>
                <a:gd name="connsiteY49" fmla="*/ 1255945 h 1694229"/>
                <a:gd name="connsiteX50" fmla="*/ 582731 w 1887825"/>
                <a:gd name="connsiteY50" fmla="*/ 1330966 h 1694229"/>
                <a:gd name="connsiteX51" fmla="*/ 643931 w 1887825"/>
                <a:gd name="connsiteY51" fmla="*/ 1468048 h 1694229"/>
                <a:gd name="connsiteX52" fmla="*/ 736741 w 1887825"/>
                <a:gd name="connsiteY52" fmla="*/ 1541202 h 1694229"/>
                <a:gd name="connsiteX53" fmla="*/ 786806 w 1887825"/>
                <a:gd name="connsiteY53" fmla="*/ 1491860 h 1694229"/>
                <a:gd name="connsiteX54" fmla="*/ 851396 w 1887825"/>
                <a:gd name="connsiteY54" fmla="*/ 1519257 h 1694229"/>
                <a:gd name="connsiteX55" fmla="*/ 905869 w 1887825"/>
                <a:gd name="connsiteY55" fmla="*/ 1487098 h 1694229"/>
                <a:gd name="connsiteX56" fmla="*/ 922716 w 1887825"/>
                <a:gd name="connsiteY56" fmla="*/ 1444922 h 1694229"/>
                <a:gd name="connsiteX57" fmla="*/ 986593 w 1887825"/>
                <a:gd name="connsiteY57" fmla="*/ 1531334 h 1694229"/>
                <a:gd name="connsiteX58" fmla="*/ 1031660 w 1887825"/>
                <a:gd name="connsiteY58" fmla="*/ 1602428 h 1694229"/>
                <a:gd name="connsiteX59" fmla="*/ 1101606 w 1887825"/>
                <a:gd name="connsiteY59" fmla="*/ 1693947 h 1694229"/>
                <a:gd name="connsiteX60" fmla="*/ 1132504 w 1887825"/>
                <a:gd name="connsiteY60" fmla="*/ 1630856 h 1694229"/>
                <a:gd name="connsiteX61" fmla="*/ 1163163 w 1887825"/>
                <a:gd name="connsiteY61" fmla="*/ 1624376 h 1694229"/>
                <a:gd name="connsiteX62" fmla="*/ 1206262 w 1887825"/>
                <a:gd name="connsiteY62" fmla="*/ 1653639 h 1694229"/>
                <a:gd name="connsiteX63" fmla="*/ 1239837 w 1887825"/>
                <a:gd name="connsiteY63" fmla="*/ 1612985 h 1694229"/>
                <a:gd name="connsiteX64" fmla="*/ 1258658 w 1887825"/>
                <a:gd name="connsiteY64" fmla="*/ 1617602 h 1694229"/>
                <a:gd name="connsiteX65" fmla="*/ 1292700 w 1887825"/>
                <a:gd name="connsiteY65" fmla="*/ 1684079 h 1694229"/>
                <a:gd name="connsiteX66" fmla="*/ 1349256 w 1887825"/>
                <a:gd name="connsiteY66" fmla="*/ 1660610 h 1694229"/>
                <a:gd name="connsiteX67" fmla="*/ 1401288 w 1887825"/>
                <a:gd name="connsiteY67" fmla="*/ 1604489 h 1694229"/>
                <a:gd name="connsiteX68" fmla="*/ 1452065 w 1887825"/>
                <a:gd name="connsiteY68" fmla="*/ 1587946 h 1694229"/>
                <a:gd name="connsiteX69" fmla="*/ 1469744 w 1887825"/>
                <a:gd name="connsiteY69" fmla="*/ 1643768 h 1694229"/>
                <a:gd name="connsiteX70" fmla="*/ 1539639 w 1887825"/>
                <a:gd name="connsiteY70" fmla="*/ 1618090 h 1694229"/>
                <a:gd name="connsiteX71" fmla="*/ 1570417 w 1887825"/>
                <a:gd name="connsiteY71" fmla="*/ 1531334 h 1694229"/>
                <a:gd name="connsiteX72" fmla="*/ 1651853 w 1887825"/>
                <a:gd name="connsiteY72" fmla="*/ 1441192 h 1694229"/>
                <a:gd name="connsiteX73" fmla="*/ 1696444 w 1887825"/>
                <a:gd name="connsiteY73" fmla="*/ 1410062 h 1694229"/>
                <a:gd name="connsiteX74" fmla="*/ 1724813 w 1887825"/>
                <a:gd name="connsiteY74" fmla="*/ 1413357 h 1694229"/>
                <a:gd name="connsiteX75" fmla="*/ 1814608 w 1887825"/>
                <a:gd name="connsiteY75" fmla="*/ 1402749 h 1694229"/>
                <a:gd name="connsiteX76" fmla="*/ 1812167 w 1887825"/>
                <a:gd name="connsiteY76" fmla="*/ 1466525 h 1694229"/>
                <a:gd name="connsiteX77" fmla="*/ 1884978 w 1887825"/>
                <a:gd name="connsiteY77" fmla="*/ 1492399 h 1694229"/>
                <a:gd name="connsiteX78" fmla="*/ 1871943 w 1887825"/>
                <a:gd name="connsiteY78" fmla="*/ 1454448 h 1694229"/>
                <a:gd name="connsiteX79" fmla="*/ 1861403 w 1887825"/>
                <a:gd name="connsiteY79" fmla="*/ 1401373 h 1694229"/>
                <a:gd name="connsiteX80" fmla="*/ 1863844 w 1887825"/>
                <a:gd name="connsiteY80" fmla="*/ 1326546 h 1694229"/>
                <a:gd name="connsiteX81" fmla="*/ 1797946 w 1887825"/>
                <a:gd name="connsiteY81" fmla="*/ 1305140 h 1694229"/>
                <a:gd name="connsiteX82" fmla="*/ 1747763 w 1887825"/>
                <a:gd name="connsiteY82" fmla="*/ 1264979 h 1694229"/>
                <a:gd name="connsiteX83" fmla="*/ 1737459 w 1887825"/>
                <a:gd name="connsiteY83" fmla="*/ 1176356 h 1694229"/>
                <a:gd name="connsiteX84" fmla="*/ 1704241 w 1887825"/>
                <a:gd name="connsiteY84" fmla="*/ 1038783 h 1694229"/>
                <a:gd name="connsiteX85" fmla="*/ 1627446 w 1887825"/>
                <a:gd name="connsiteY85" fmla="*/ 972257 h 1694229"/>
                <a:gd name="connsiteX86" fmla="*/ 1594228 w 1887825"/>
                <a:gd name="connsiteY86" fmla="*/ 917660 h 1694229"/>
                <a:gd name="connsiteX87" fmla="*/ 1544162 w 1887825"/>
                <a:gd name="connsiteY87" fmla="*/ 872587 h 1694229"/>
                <a:gd name="connsiteX88" fmla="*/ 1472251 w 1887825"/>
                <a:gd name="connsiteY88" fmla="*/ 845878 h 1694229"/>
                <a:gd name="connsiteX89" fmla="*/ 1449150 w 1887825"/>
                <a:gd name="connsiteY89" fmla="*/ 823245 h 1694229"/>
                <a:gd name="connsiteX90" fmla="*/ 1477013 w 1887825"/>
                <a:gd name="connsiteY90" fmla="*/ 784801 h 1694229"/>
                <a:gd name="connsiteX91" fmla="*/ 1458319 w 1887825"/>
                <a:gd name="connsiteY91" fmla="*/ 748910 h 1694229"/>
                <a:gd name="connsiteX92" fmla="*/ 1463081 w 1887825"/>
                <a:gd name="connsiteY92" fmla="*/ 725098 h 1694229"/>
                <a:gd name="connsiteX93" fmla="*/ 1488076 w 1887825"/>
                <a:gd name="connsiteY93" fmla="*/ 724035 h 1694229"/>
                <a:gd name="connsiteX94" fmla="*/ 1580416 w 1887825"/>
                <a:gd name="connsiteY94" fmla="*/ 740220 h 1694229"/>
                <a:gd name="connsiteX95" fmla="*/ 1615719 w 1887825"/>
                <a:gd name="connsiteY95" fmla="*/ 683758 h 1694229"/>
                <a:gd name="connsiteX96" fmla="*/ 1603753 w 1887825"/>
                <a:gd name="connsiteY96" fmla="*/ 553648 h 1694229"/>
                <a:gd name="connsiteX97" fmla="*/ 1620956 w 1887825"/>
                <a:gd name="connsiteY97" fmla="*/ 405322 h 1694229"/>
                <a:gd name="connsiteX0" fmla="*/ 1620956 w 1887825"/>
                <a:gd name="connsiteY0" fmla="*/ 405322 h 1694229"/>
                <a:gd name="connsiteX1" fmla="*/ 1548806 w 1887825"/>
                <a:gd name="connsiteY1" fmla="*/ 372673 h 1694229"/>
                <a:gd name="connsiteX2" fmla="*/ 1458557 w 1887825"/>
                <a:gd name="connsiteY2" fmla="*/ 348860 h 1694229"/>
                <a:gd name="connsiteX3" fmla="*/ 1405237 w 1887825"/>
                <a:gd name="connsiteY3" fmla="*/ 271776 h 1694229"/>
                <a:gd name="connsiteX4" fmla="*/ 1382136 w 1887825"/>
                <a:gd name="connsiteY4" fmla="*/ 169931 h 1694229"/>
                <a:gd name="connsiteX5" fmla="*/ 1346239 w 1887825"/>
                <a:gd name="connsiteY5" fmla="*/ 1869 h 1694229"/>
                <a:gd name="connsiteX6" fmla="*/ 1278870 w 1887825"/>
                <a:gd name="connsiteY6" fmla="*/ 43567 h 1694229"/>
                <a:gd name="connsiteX7" fmla="*/ 1273302 w 1887825"/>
                <a:gd name="connsiteY7" fmla="*/ 101090 h 1694229"/>
                <a:gd name="connsiteX8" fmla="*/ 1257397 w 1887825"/>
                <a:gd name="connsiteY8" fmla="*/ 152303 h 1694229"/>
                <a:gd name="connsiteX9" fmla="*/ 1237872 w 1887825"/>
                <a:gd name="connsiteY9" fmla="*/ 204316 h 1694229"/>
                <a:gd name="connsiteX10" fmla="*/ 1236143 w 1887825"/>
                <a:gd name="connsiteY10" fmla="*/ 273739 h 1694229"/>
                <a:gd name="connsiteX11" fmla="*/ 1163162 w 1887825"/>
                <a:gd name="connsiteY11" fmla="*/ 283903 h 1694229"/>
                <a:gd name="connsiteX12" fmla="*/ 1098809 w 1887825"/>
                <a:gd name="connsiteY12" fmla="*/ 285917 h 1694229"/>
                <a:gd name="connsiteX13" fmla="*/ 1051208 w 1887825"/>
                <a:gd name="connsiteY13" fmla="*/ 346183 h 1694229"/>
                <a:gd name="connsiteX14" fmla="*/ 996593 w 1887825"/>
                <a:gd name="connsiteY14" fmla="*/ 371690 h 1694229"/>
                <a:gd name="connsiteX15" fmla="*/ 943969 w 1887825"/>
                <a:gd name="connsiteY15" fmla="*/ 358385 h 1694229"/>
                <a:gd name="connsiteX16" fmla="*/ 837229 w 1887825"/>
                <a:gd name="connsiteY16" fmla="*/ 376257 h 1694229"/>
                <a:gd name="connsiteX17" fmla="*/ 814246 w 1887825"/>
                <a:gd name="connsiteY17" fmla="*/ 440035 h 1694229"/>
                <a:gd name="connsiteX18" fmla="*/ 797163 w 1887825"/>
                <a:gd name="connsiteY18" fmla="*/ 475926 h 1694229"/>
                <a:gd name="connsiteX19" fmla="*/ 715132 w 1887825"/>
                <a:gd name="connsiteY19" fmla="*/ 494632 h 1694229"/>
                <a:gd name="connsiteX20" fmla="*/ 697320 w 1887825"/>
                <a:gd name="connsiteY20" fmla="*/ 440647 h 1694229"/>
                <a:gd name="connsiteX21" fmla="*/ 653456 w 1887825"/>
                <a:gd name="connsiteY21" fmla="*/ 420298 h 1694229"/>
                <a:gd name="connsiteX22" fmla="*/ 518140 w 1887825"/>
                <a:gd name="connsiteY22" fmla="*/ 420641 h 1694229"/>
                <a:gd name="connsiteX23" fmla="*/ 434263 w 1887825"/>
                <a:gd name="connsiteY23" fmla="*/ 447350 h 1694229"/>
                <a:gd name="connsiteX24" fmla="*/ 401044 w 1887825"/>
                <a:gd name="connsiteY24" fmla="*/ 420298 h 1694229"/>
                <a:gd name="connsiteX25" fmla="*/ 381994 w 1887825"/>
                <a:gd name="connsiteY25" fmla="*/ 358385 h 1694229"/>
                <a:gd name="connsiteX26" fmla="*/ 315319 w 1887825"/>
                <a:gd name="connsiteY26" fmla="*/ 305998 h 1694229"/>
                <a:gd name="connsiteX27" fmla="*/ 270134 w 1887825"/>
                <a:gd name="connsiteY27" fmla="*/ 229110 h 1694229"/>
                <a:gd name="connsiteX28" fmla="*/ 146784 w 1887825"/>
                <a:gd name="connsiteY28" fmla="*/ 258373 h 1694229"/>
                <a:gd name="connsiteX29" fmla="*/ 127734 w 1887825"/>
                <a:gd name="connsiteY29" fmla="*/ 344785 h 1694229"/>
                <a:gd name="connsiteX30" fmla="*/ 145174 w 1887825"/>
                <a:gd name="connsiteY30" fmla="*/ 411312 h 1694229"/>
                <a:gd name="connsiteX31" fmla="*/ 117735 w 1887825"/>
                <a:gd name="connsiteY31" fmla="*/ 446172 h 1694229"/>
                <a:gd name="connsiteX32" fmla="*/ 65347 w 1887825"/>
                <a:gd name="connsiteY32" fmla="*/ 474059 h 1694229"/>
                <a:gd name="connsiteX33" fmla="*/ 37246 w 1887825"/>
                <a:gd name="connsiteY33" fmla="*/ 482063 h 1694229"/>
                <a:gd name="connsiteX34" fmla="*/ 15281 w 1887825"/>
                <a:gd name="connsiteY34" fmla="*/ 520310 h 1694229"/>
                <a:gd name="connsiteX35" fmla="*/ 1469 w 1887825"/>
                <a:gd name="connsiteY35" fmla="*/ 632745 h 1694229"/>
                <a:gd name="connsiteX36" fmla="*/ 51178 w 1887825"/>
                <a:gd name="connsiteY36" fmla="*/ 685967 h 1694229"/>
                <a:gd name="connsiteX37" fmla="*/ 108092 w 1887825"/>
                <a:gd name="connsiteY37" fmla="*/ 681547 h 1694229"/>
                <a:gd name="connsiteX38" fmla="*/ 93804 w 1887825"/>
                <a:gd name="connsiteY38" fmla="*/ 751806 h 1694229"/>
                <a:gd name="connsiteX39" fmla="*/ 148631 w 1887825"/>
                <a:gd name="connsiteY39" fmla="*/ 782248 h 1694229"/>
                <a:gd name="connsiteX40" fmla="*/ 217629 w 1887825"/>
                <a:gd name="connsiteY40" fmla="*/ 792460 h 1694229"/>
                <a:gd name="connsiteX41" fmla="*/ 252932 w 1887825"/>
                <a:gd name="connsiteY41" fmla="*/ 848431 h 1694229"/>
                <a:gd name="connsiteX42" fmla="*/ 252339 w 1887825"/>
                <a:gd name="connsiteY42" fmla="*/ 893503 h 1694229"/>
                <a:gd name="connsiteX43" fmla="*/ 276863 w 1887825"/>
                <a:gd name="connsiteY43" fmla="*/ 932978 h 1694229"/>
                <a:gd name="connsiteX44" fmla="*/ 322521 w 1887825"/>
                <a:gd name="connsiteY44" fmla="*/ 971570 h 1694229"/>
                <a:gd name="connsiteX45" fmla="*/ 407654 w 1887825"/>
                <a:gd name="connsiteY45" fmla="*/ 1025822 h 1694229"/>
                <a:gd name="connsiteX46" fmla="*/ 443431 w 1887825"/>
                <a:gd name="connsiteY46" fmla="*/ 1096915 h 1694229"/>
                <a:gd name="connsiteX47" fmla="*/ 422534 w 1887825"/>
                <a:gd name="connsiteY47" fmla="*/ 1166488 h 1694229"/>
                <a:gd name="connsiteX48" fmla="*/ 500581 w 1887825"/>
                <a:gd name="connsiteY48" fmla="*/ 1222951 h 1694229"/>
                <a:gd name="connsiteX49" fmla="*/ 572613 w 1887825"/>
                <a:gd name="connsiteY49" fmla="*/ 1255945 h 1694229"/>
                <a:gd name="connsiteX50" fmla="*/ 582731 w 1887825"/>
                <a:gd name="connsiteY50" fmla="*/ 1330966 h 1694229"/>
                <a:gd name="connsiteX51" fmla="*/ 643931 w 1887825"/>
                <a:gd name="connsiteY51" fmla="*/ 1468048 h 1694229"/>
                <a:gd name="connsiteX52" fmla="*/ 736741 w 1887825"/>
                <a:gd name="connsiteY52" fmla="*/ 1541202 h 1694229"/>
                <a:gd name="connsiteX53" fmla="*/ 786806 w 1887825"/>
                <a:gd name="connsiteY53" fmla="*/ 1491860 h 1694229"/>
                <a:gd name="connsiteX54" fmla="*/ 851396 w 1887825"/>
                <a:gd name="connsiteY54" fmla="*/ 1519257 h 1694229"/>
                <a:gd name="connsiteX55" fmla="*/ 905869 w 1887825"/>
                <a:gd name="connsiteY55" fmla="*/ 1487098 h 1694229"/>
                <a:gd name="connsiteX56" fmla="*/ 922716 w 1887825"/>
                <a:gd name="connsiteY56" fmla="*/ 1444922 h 1694229"/>
                <a:gd name="connsiteX57" fmla="*/ 986593 w 1887825"/>
                <a:gd name="connsiteY57" fmla="*/ 1531334 h 1694229"/>
                <a:gd name="connsiteX58" fmla="*/ 1031660 w 1887825"/>
                <a:gd name="connsiteY58" fmla="*/ 1602428 h 1694229"/>
                <a:gd name="connsiteX59" fmla="*/ 1101606 w 1887825"/>
                <a:gd name="connsiteY59" fmla="*/ 1693947 h 1694229"/>
                <a:gd name="connsiteX60" fmla="*/ 1132504 w 1887825"/>
                <a:gd name="connsiteY60" fmla="*/ 1630856 h 1694229"/>
                <a:gd name="connsiteX61" fmla="*/ 1163163 w 1887825"/>
                <a:gd name="connsiteY61" fmla="*/ 1624376 h 1694229"/>
                <a:gd name="connsiteX62" fmla="*/ 1206262 w 1887825"/>
                <a:gd name="connsiteY62" fmla="*/ 1653639 h 1694229"/>
                <a:gd name="connsiteX63" fmla="*/ 1239837 w 1887825"/>
                <a:gd name="connsiteY63" fmla="*/ 1612985 h 1694229"/>
                <a:gd name="connsiteX64" fmla="*/ 1258658 w 1887825"/>
                <a:gd name="connsiteY64" fmla="*/ 1617602 h 1694229"/>
                <a:gd name="connsiteX65" fmla="*/ 1292700 w 1887825"/>
                <a:gd name="connsiteY65" fmla="*/ 1684079 h 1694229"/>
                <a:gd name="connsiteX66" fmla="*/ 1349256 w 1887825"/>
                <a:gd name="connsiteY66" fmla="*/ 1660610 h 1694229"/>
                <a:gd name="connsiteX67" fmla="*/ 1401288 w 1887825"/>
                <a:gd name="connsiteY67" fmla="*/ 1604489 h 1694229"/>
                <a:gd name="connsiteX68" fmla="*/ 1452065 w 1887825"/>
                <a:gd name="connsiteY68" fmla="*/ 1587946 h 1694229"/>
                <a:gd name="connsiteX69" fmla="*/ 1469744 w 1887825"/>
                <a:gd name="connsiteY69" fmla="*/ 1643768 h 1694229"/>
                <a:gd name="connsiteX70" fmla="*/ 1539639 w 1887825"/>
                <a:gd name="connsiteY70" fmla="*/ 1618090 h 1694229"/>
                <a:gd name="connsiteX71" fmla="*/ 1570417 w 1887825"/>
                <a:gd name="connsiteY71" fmla="*/ 1531334 h 1694229"/>
                <a:gd name="connsiteX72" fmla="*/ 1651853 w 1887825"/>
                <a:gd name="connsiteY72" fmla="*/ 1441192 h 1694229"/>
                <a:gd name="connsiteX73" fmla="*/ 1696444 w 1887825"/>
                <a:gd name="connsiteY73" fmla="*/ 1410062 h 1694229"/>
                <a:gd name="connsiteX74" fmla="*/ 1724813 w 1887825"/>
                <a:gd name="connsiteY74" fmla="*/ 1413357 h 1694229"/>
                <a:gd name="connsiteX75" fmla="*/ 1814608 w 1887825"/>
                <a:gd name="connsiteY75" fmla="*/ 1402749 h 1694229"/>
                <a:gd name="connsiteX76" fmla="*/ 1812167 w 1887825"/>
                <a:gd name="connsiteY76" fmla="*/ 1466525 h 1694229"/>
                <a:gd name="connsiteX77" fmla="*/ 1884978 w 1887825"/>
                <a:gd name="connsiteY77" fmla="*/ 1492399 h 1694229"/>
                <a:gd name="connsiteX78" fmla="*/ 1871943 w 1887825"/>
                <a:gd name="connsiteY78" fmla="*/ 1454448 h 1694229"/>
                <a:gd name="connsiteX79" fmla="*/ 1861403 w 1887825"/>
                <a:gd name="connsiteY79" fmla="*/ 1401373 h 1694229"/>
                <a:gd name="connsiteX80" fmla="*/ 1863844 w 1887825"/>
                <a:gd name="connsiteY80" fmla="*/ 1326546 h 1694229"/>
                <a:gd name="connsiteX81" fmla="*/ 1797946 w 1887825"/>
                <a:gd name="connsiteY81" fmla="*/ 1305140 h 1694229"/>
                <a:gd name="connsiteX82" fmla="*/ 1747763 w 1887825"/>
                <a:gd name="connsiteY82" fmla="*/ 1264979 h 1694229"/>
                <a:gd name="connsiteX83" fmla="*/ 1737459 w 1887825"/>
                <a:gd name="connsiteY83" fmla="*/ 1176356 h 1694229"/>
                <a:gd name="connsiteX84" fmla="*/ 1704241 w 1887825"/>
                <a:gd name="connsiteY84" fmla="*/ 1038783 h 1694229"/>
                <a:gd name="connsiteX85" fmla="*/ 1627446 w 1887825"/>
                <a:gd name="connsiteY85" fmla="*/ 972257 h 1694229"/>
                <a:gd name="connsiteX86" fmla="*/ 1594228 w 1887825"/>
                <a:gd name="connsiteY86" fmla="*/ 917660 h 1694229"/>
                <a:gd name="connsiteX87" fmla="*/ 1544162 w 1887825"/>
                <a:gd name="connsiteY87" fmla="*/ 872587 h 1694229"/>
                <a:gd name="connsiteX88" fmla="*/ 1472251 w 1887825"/>
                <a:gd name="connsiteY88" fmla="*/ 845878 h 1694229"/>
                <a:gd name="connsiteX89" fmla="*/ 1449150 w 1887825"/>
                <a:gd name="connsiteY89" fmla="*/ 823245 h 1694229"/>
                <a:gd name="connsiteX90" fmla="*/ 1477013 w 1887825"/>
                <a:gd name="connsiteY90" fmla="*/ 784801 h 1694229"/>
                <a:gd name="connsiteX91" fmla="*/ 1458319 w 1887825"/>
                <a:gd name="connsiteY91" fmla="*/ 748910 h 1694229"/>
                <a:gd name="connsiteX92" fmla="*/ 1463081 w 1887825"/>
                <a:gd name="connsiteY92" fmla="*/ 725098 h 1694229"/>
                <a:gd name="connsiteX93" fmla="*/ 1488076 w 1887825"/>
                <a:gd name="connsiteY93" fmla="*/ 724035 h 1694229"/>
                <a:gd name="connsiteX94" fmla="*/ 1580416 w 1887825"/>
                <a:gd name="connsiteY94" fmla="*/ 740220 h 1694229"/>
                <a:gd name="connsiteX95" fmla="*/ 1615719 w 1887825"/>
                <a:gd name="connsiteY95" fmla="*/ 683758 h 1694229"/>
                <a:gd name="connsiteX96" fmla="*/ 1603753 w 1887825"/>
                <a:gd name="connsiteY96" fmla="*/ 553648 h 1694229"/>
                <a:gd name="connsiteX97" fmla="*/ 1620956 w 1887825"/>
                <a:gd name="connsiteY97" fmla="*/ 405322 h 1694229"/>
                <a:gd name="connsiteX0" fmla="*/ 1620956 w 1887825"/>
                <a:gd name="connsiteY0" fmla="*/ 405322 h 1694229"/>
                <a:gd name="connsiteX1" fmla="*/ 1548806 w 1887825"/>
                <a:gd name="connsiteY1" fmla="*/ 372673 h 1694229"/>
                <a:gd name="connsiteX2" fmla="*/ 1458557 w 1887825"/>
                <a:gd name="connsiteY2" fmla="*/ 348860 h 1694229"/>
                <a:gd name="connsiteX3" fmla="*/ 1405237 w 1887825"/>
                <a:gd name="connsiteY3" fmla="*/ 271776 h 1694229"/>
                <a:gd name="connsiteX4" fmla="*/ 1382136 w 1887825"/>
                <a:gd name="connsiteY4" fmla="*/ 169931 h 1694229"/>
                <a:gd name="connsiteX5" fmla="*/ 1346239 w 1887825"/>
                <a:gd name="connsiteY5" fmla="*/ 1869 h 1694229"/>
                <a:gd name="connsiteX6" fmla="*/ 1278870 w 1887825"/>
                <a:gd name="connsiteY6" fmla="*/ 43567 h 1694229"/>
                <a:gd name="connsiteX7" fmla="*/ 1273302 w 1887825"/>
                <a:gd name="connsiteY7" fmla="*/ 101090 h 1694229"/>
                <a:gd name="connsiteX8" fmla="*/ 1257397 w 1887825"/>
                <a:gd name="connsiteY8" fmla="*/ 152303 h 1694229"/>
                <a:gd name="connsiteX9" fmla="*/ 1237872 w 1887825"/>
                <a:gd name="connsiteY9" fmla="*/ 204316 h 1694229"/>
                <a:gd name="connsiteX10" fmla="*/ 1236143 w 1887825"/>
                <a:gd name="connsiteY10" fmla="*/ 273739 h 1694229"/>
                <a:gd name="connsiteX11" fmla="*/ 1163162 w 1887825"/>
                <a:gd name="connsiteY11" fmla="*/ 283903 h 1694229"/>
                <a:gd name="connsiteX12" fmla="*/ 1098809 w 1887825"/>
                <a:gd name="connsiteY12" fmla="*/ 285917 h 1694229"/>
                <a:gd name="connsiteX13" fmla="*/ 1051208 w 1887825"/>
                <a:gd name="connsiteY13" fmla="*/ 346183 h 1694229"/>
                <a:gd name="connsiteX14" fmla="*/ 996593 w 1887825"/>
                <a:gd name="connsiteY14" fmla="*/ 371690 h 1694229"/>
                <a:gd name="connsiteX15" fmla="*/ 943969 w 1887825"/>
                <a:gd name="connsiteY15" fmla="*/ 358385 h 1694229"/>
                <a:gd name="connsiteX16" fmla="*/ 837229 w 1887825"/>
                <a:gd name="connsiteY16" fmla="*/ 376257 h 1694229"/>
                <a:gd name="connsiteX17" fmla="*/ 814246 w 1887825"/>
                <a:gd name="connsiteY17" fmla="*/ 440035 h 1694229"/>
                <a:gd name="connsiteX18" fmla="*/ 797163 w 1887825"/>
                <a:gd name="connsiteY18" fmla="*/ 475926 h 1694229"/>
                <a:gd name="connsiteX19" fmla="*/ 715132 w 1887825"/>
                <a:gd name="connsiteY19" fmla="*/ 494632 h 1694229"/>
                <a:gd name="connsiteX20" fmla="*/ 697320 w 1887825"/>
                <a:gd name="connsiteY20" fmla="*/ 440647 h 1694229"/>
                <a:gd name="connsiteX21" fmla="*/ 653456 w 1887825"/>
                <a:gd name="connsiteY21" fmla="*/ 420298 h 1694229"/>
                <a:gd name="connsiteX22" fmla="*/ 518140 w 1887825"/>
                <a:gd name="connsiteY22" fmla="*/ 420641 h 1694229"/>
                <a:gd name="connsiteX23" fmla="*/ 434263 w 1887825"/>
                <a:gd name="connsiteY23" fmla="*/ 447350 h 1694229"/>
                <a:gd name="connsiteX24" fmla="*/ 401044 w 1887825"/>
                <a:gd name="connsiteY24" fmla="*/ 420298 h 1694229"/>
                <a:gd name="connsiteX25" fmla="*/ 381994 w 1887825"/>
                <a:gd name="connsiteY25" fmla="*/ 358385 h 1694229"/>
                <a:gd name="connsiteX26" fmla="*/ 315319 w 1887825"/>
                <a:gd name="connsiteY26" fmla="*/ 305998 h 1694229"/>
                <a:gd name="connsiteX27" fmla="*/ 270134 w 1887825"/>
                <a:gd name="connsiteY27" fmla="*/ 229110 h 1694229"/>
                <a:gd name="connsiteX28" fmla="*/ 146784 w 1887825"/>
                <a:gd name="connsiteY28" fmla="*/ 258373 h 1694229"/>
                <a:gd name="connsiteX29" fmla="*/ 127734 w 1887825"/>
                <a:gd name="connsiteY29" fmla="*/ 344785 h 1694229"/>
                <a:gd name="connsiteX30" fmla="*/ 145174 w 1887825"/>
                <a:gd name="connsiteY30" fmla="*/ 411312 h 1694229"/>
                <a:gd name="connsiteX31" fmla="*/ 117735 w 1887825"/>
                <a:gd name="connsiteY31" fmla="*/ 446172 h 1694229"/>
                <a:gd name="connsiteX32" fmla="*/ 65347 w 1887825"/>
                <a:gd name="connsiteY32" fmla="*/ 474059 h 1694229"/>
                <a:gd name="connsiteX33" fmla="*/ 37246 w 1887825"/>
                <a:gd name="connsiteY33" fmla="*/ 482063 h 1694229"/>
                <a:gd name="connsiteX34" fmla="*/ 15281 w 1887825"/>
                <a:gd name="connsiteY34" fmla="*/ 520310 h 1694229"/>
                <a:gd name="connsiteX35" fmla="*/ 1469 w 1887825"/>
                <a:gd name="connsiteY35" fmla="*/ 632745 h 1694229"/>
                <a:gd name="connsiteX36" fmla="*/ 51178 w 1887825"/>
                <a:gd name="connsiteY36" fmla="*/ 685967 h 1694229"/>
                <a:gd name="connsiteX37" fmla="*/ 108092 w 1887825"/>
                <a:gd name="connsiteY37" fmla="*/ 681547 h 1694229"/>
                <a:gd name="connsiteX38" fmla="*/ 93804 w 1887825"/>
                <a:gd name="connsiteY38" fmla="*/ 751806 h 1694229"/>
                <a:gd name="connsiteX39" fmla="*/ 148631 w 1887825"/>
                <a:gd name="connsiteY39" fmla="*/ 782248 h 1694229"/>
                <a:gd name="connsiteX40" fmla="*/ 217629 w 1887825"/>
                <a:gd name="connsiteY40" fmla="*/ 792460 h 1694229"/>
                <a:gd name="connsiteX41" fmla="*/ 252932 w 1887825"/>
                <a:gd name="connsiteY41" fmla="*/ 848431 h 1694229"/>
                <a:gd name="connsiteX42" fmla="*/ 252339 w 1887825"/>
                <a:gd name="connsiteY42" fmla="*/ 893503 h 1694229"/>
                <a:gd name="connsiteX43" fmla="*/ 276863 w 1887825"/>
                <a:gd name="connsiteY43" fmla="*/ 932978 h 1694229"/>
                <a:gd name="connsiteX44" fmla="*/ 322521 w 1887825"/>
                <a:gd name="connsiteY44" fmla="*/ 971570 h 1694229"/>
                <a:gd name="connsiteX45" fmla="*/ 407654 w 1887825"/>
                <a:gd name="connsiteY45" fmla="*/ 1025822 h 1694229"/>
                <a:gd name="connsiteX46" fmla="*/ 443431 w 1887825"/>
                <a:gd name="connsiteY46" fmla="*/ 1096915 h 1694229"/>
                <a:gd name="connsiteX47" fmla="*/ 422534 w 1887825"/>
                <a:gd name="connsiteY47" fmla="*/ 1166488 h 1694229"/>
                <a:gd name="connsiteX48" fmla="*/ 500581 w 1887825"/>
                <a:gd name="connsiteY48" fmla="*/ 1222951 h 1694229"/>
                <a:gd name="connsiteX49" fmla="*/ 572613 w 1887825"/>
                <a:gd name="connsiteY49" fmla="*/ 1255945 h 1694229"/>
                <a:gd name="connsiteX50" fmla="*/ 582731 w 1887825"/>
                <a:gd name="connsiteY50" fmla="*/ 1330966 h 1694229"/>
                <a:gd name="connsiteX51" fmla="*/ 651253 w 1887825"/>
                <a:gd name="connsiteY51" fmla="*/ 1450176 h 1694229"/>
                <a:gd name="connsiteX52" fmla="*/ 736741 w 1887825"/>
                <a:gd name="connsiteY52" fmla="*/ 1541202 h 1694229"/>
                <a:gd name="connsiteX53" fmla="*/ 786806 w 1887825"/>
                <a:gd name="connsiteY53" fmla="*/ 1491860 h 1694229"/>
                <a:gd name="connsiteX54" fmla="*/ 851396 w 1887825"/>
                <a:gd name="connsiteY54" fmla="*/ 1519257 h 1694229"/>
                <a:gd name="connsiteX55" fmla="*/ 905869 w 1887825"/>
                <a:gd name="connsiteY55" fmla="*/ 1487098 h 1694229"/>
                <a:gd name="connsiteX56" fmla="*/ 922716 w 1887825"/>
                <a:gd name="connsiteY56" fmla="*/ 1444922 h 1694229"/>
                <a:gd name="connsiteX57" fmla="*/ 986593 w 1887825"/>
                <a:gd name="connsiteY57" fmla="*/ 1531334 h 1694229"/>
                <a:gd name="connsiteX58" fmla="*/ 1031660 w 1887825"/>
                <a:gd name="connsiteY58" fmla="*/ 1602428 h 1694229"/>
                <a:gd name="connsiteX59" fmla="*/ 1101606 w 1887825"/>
                <a:gd name="connsiteY59" fmla="*/ 1693947 h 1694229"/>
                <a:gd name="connsiteX60" fmla="*/ 1132504 w 1887825"/>
                <a:gd name="connsiteY60" fmla="*/ 1630856 h 1694229"/>
                <a:gd name="connsiteX61" fmla="*/ 1163163 w 1887825"/>
                <a:gd name="connsiteY61" fmla="*/ 1624376 h 1694229"/>
                <a:gd name="connsiteX62" fmla="*/ 1206262 w 1887825"/>
                <a:gd name="connsiteY62" fmla="*/ 1653639 h 1694229"/>
                <a:gd name="connsiteX63" fmla="*/ 1239837 w 1887825"/>
                <a:gd name="connsiteY63" fmla="*/ 1612985 h 1694229"/>
                <a:gd name="connsiteX64" fmla="*/ 1258658 w 1887825"/>
                <a:gd name="connsiteY64" fmla="*/ 1617602 h 1694229"/>
                <a:gd name="connsiteX65" fmla="*/ 1292700 w 1887825"/>
                <a:gd name="connsiteY65" fmla="*/ 1684079 h 1694229"/>
                <a:gd name="connsiteX66" fmla="*/ 1349256 w 1887825"/>
                <a:gd name="connsiteY66" fmla="*/ 1660610 h 1694229"/>
                <a:gd name="connsiteX67" fmla="*/ 1401288 w 1887825"/>
                <a:gd name="connsiteY67" fmla="*/ 1604489 h 1694229"/>
                <a:gd name="connsiteX68" fmla="*/ 1452065 w 1887825"/>
                <a:gd name="connsiteY68" fmla="*/ 1587946 h 1694229"/>
                <a:gd name="connsiteX69" fmla="*/ 1469744 w 1887825"/>
                <a:gd name="connsiteY69" fmla="*/ 1643768 h 1694229"/>
                <a:gd name="connsiteX70" fmla="*/ 1539639 w 1887825"/>
                <a:gd name="connsiteY70" fmla="*/ 1618090 h 1694229"/>
                <a:gd name="connsiteX71" fmla="*/ 1570417 w 1887825"/>
                <a:gd name="connsiteY71" fmla="*/ 1531334 h 1694229"/>
                <a:gd name="connsiteX72" fmla="*/ 1651853 w 1887825"/>
                <a:gd name="connsiteY72" fmla="*/ 1441192 h 1694229"/>
                <a:gd name="connsiteX73" fmla="*/ 1696444 w 1887825"/>
                <a:gd name="connsiteY73" fmla="*/ 1410062 h 1694229"/>
                <a:gd name="connsiteX74" fmla="*/ 1724813 w 1887825"/>
                <a:gd name="connsiteY74" fmla="*/ 1413357 h 1694229"/>
                <a:gd name="connsiteX75" fmla="*/ 1814608 w 1887825"/>
                <a:gd name="connsiteY75" fmla="*/ 1402749 h 1694229"/>
                <a:gd name="connsiteX76" fmla="*/ 1812167 w 1887825"/>
                <a:gd name="connsiteY76" fmla="*/ 1466525 h 1694229"/>
                <a:gd name="connsiteX77" fmla="*/ 1884978 w 1887825"/>
                <a:gd name="connsiteY77" fmla="*/ 1492399 h 1694229"/>
                <a:gd name="connsiteX78" fmla="*/ 1871943 w 1887825"/>
                <a:gd name="connsiteY78" fmla="*/ 1454448 h 1694229"/>
                <a:gd name="connsiteX79" fmla="*/ 1861403 w 1887825"/>
                <a:gd name="connsiteY79" fmla="*/ 1401373 h 1694229"/>
                <a:gd name="connsiteX80" fmla="*/ 1863844 w 1887825"/>
                <a:gd name="connsiteY80" fmla="*/ 1326546 h 1694229"/>
                <a:gd name="connsiteX81" fmla="*/ 1797946 w 1887825"/>
                <a:gd name="connsiteY81" fmla="*/ 1305140 h 1694229"/>
                <a:gd name="connsiteX82" fmla="*/ 1747763 w 1887825"/>
                <a:gd name="connsiteY82" fmla="*/ 1264979 h 1694229"/>
                <a:gd name="connsiteX83" fmla="*/ 1737459 w 1887825"/>
                <a:gd name="connsiteY83" fmla="*/ 1176356 h 1694229"/>
                <a:gd name="connsiteX84" fmla="*/ 1704241 w 1887825"/>
                <a:gd name="connsiteY84" fmla="*/ 1038783 h 1694229"/>
                <a:gd name="connsiteX85" fmla="*/ 1627446 w 1887825"/>
                <a:gd name="connsiteY85" fmla="*/ 972257 h 1694229"/>
                <a:gd name="connsiteX86" fmla="*/ 1594228 w 1887825"/>
                <a:gd name="connsiteY86" fmla="*/ 917660 h 1694229"/>
                <a:gd name="connsiteX87" fmla="*/ 1544162 w 1887825"/>
                <a:gd name="connsiteY87" fmla="*/ 872587 h 1694229"/>
                <a:gd name="connsiteX88" fmla="*/ 1472251 w 1887825"/>
                <a:gd name="connsiteY88" fmla="*/ 845878 h 1694229"/>
                <a:gd name="connsiteX89" fmla="*/ 1449150 w 1887825"/>
                <a:gd name="connsiteY89" fmla="*/ 823245 h 1694229"/>
                <a:gd name="connsiteX90" fmla="*/ 1477013 w 1887825"/>
                <a:gd name="connsiteY90" fmla="*/ 784801 h 1694229"/>
                <a:gd name="connsiteX91" fmla="*/ 1458319 w 1887825"/>
                <a:gd name="connsiteY91" fmla="*/ 748910 h 1694229"/>
                <a:gd name="connsiteX92" fmla="*/ 1463081 w 1887825"/>
                <a:gd name="connsiteY92" fmla="*/ 725098 h 1694229"/>
                <a:gd name="connsiteX93" fmla="*/ 1488076 w 1887825"/>
                <a:gd name="connsiteY93" fmla="*/ 724035 h 1694229"/>
                <a:gd name="connsiteX94" fmla="*/ 1580416 w 1887825"/>
                <a:gd name="connsiteY94" fmla="*/ 740220 h 1694229"/>
                <a:gd name="connsiteX95" fmla="*/ 1615719 w 1887825"/>
                <a:gd name="connsiteY95" fmla="*/ 683758 h 1694229"/>
                <a:gd name="connsiteX96" fmla="*/ 1603753 w 1887825"/>
                <a:gd name="connsiteY96" fmla="*/ 553648 h 1694229"/>
                <a:gd name="connsiteX97" fmla="*/ 1620956 w 1887825"/>
                <a:gd name="connsiteY97" fmla="*/ 405322 h 1694229"/>
                <a:gd name="connsiteX0" fmla="*/ 1620956 w 1887825"/>
                <a:gd name="connsiteY0" fmla="*/ 405322 h 1694229"/>
                <a:gd name="connsiteX1" fmla="*/ 1548806 w 1887825"/>
                <a:gd name="connsiteY1" fmla="*/ 372673 h 1694229"/>
                <a:gd name="connsiteX2" fmla="*/ 1458557 w 1887825"/>
                <a:gd name="connsiteY2" fmla="*/ 348860 h 1694229"/>
                <a:gd name="connsiteX3" fmla="*/ 1405237 w 1887825"/>
                <a:gd name="connsiteY3" fmla="*/ 271776 h 1694229"/>
                <a:gd name="connsiteX4" fmla="*/ 1382136 w 1887825"/>
                <a:gd name="connsiteY4" fmla="*/ 169931 h 1694229"/>
                <a:gd name="connsiteX5" fmla="*/ 1346239 w 1887825"/>
                <a:gd name="connsiteY5" fmla="*/ 1869 h 1694229"/>
                <a:gd name="connsiteX6" fmla="*/ 1278870 w 1887825"/>
                <a:gd name="connsiteY6" fmla="*/ 43567 h 1694229"/>
                <a:gd name="connsiteX7" fmla="*/ 1273302 w 1887825"/>
                <a:gd name="connsiteY7" fmla="*/ 101090 h 1694229"/>
                <a:gd name="connsiteX8" fmla="*/ 1257397 w 1887825"/>
                <a:gd name="connsiteY8" fmla="*/ 152303 h 1694229"/>
                <a:gd name="connsiteX9" fmla="*/ 1237872 w 1887825"/>
                <a:gd name="connsiteY9" fmla="*/ 204316 h 1694229"/>
                <a:gd name="connsiteX10" fmla="*/ 1236143 w 1887825"/>
                <a:gd name="connsiteY10" fmla="*/ 273739 h 1694229"/>
                <a:gd name="connsiteX11" fmla="*/ 1163162 w 1887825"/>
                <a:gd name="connsiteY11" fmla="*/ 283903 h 1694229"/>
                <a:gd name="connsiteX12" fmla="*/ 1098809 w 1887825"/>
                <a:gd name="connsiteY12" fmla="*/ 285917 h 1694229"/>
                <a:gd name="connsiteX13" fmla="*/ 1051208 w 1887825"/>
                <a:gd name="connsiteY13" fmla="*/ 346183 h 1694229"/>
                <a:gd name="connsiteX14" fmla="*/ 996593 w 1887825"/>
                <a:gd name="connsiteY14" fmla="*/ 371690 h 1694229"/>
                <a:gd name="connsiteX15" fmla="*/ 943969 w 1887825"/>
                <a:gd name="connsiteY15" fmla="*/ 358385 h 1694229"/>
                <a:gd name="connsiteX16" fmla="*/ 837229 w 1887825"/>
                <a:gd name="connsiteY16" fmla="*/ 376257 h 1694229"/>
                <a:gd name="connsiteX17" fmla="*/ 814246 w 1887825"/>
                <a:gd name="connsiteY17" fmla="*/ 440035 h 1694229"/>
                <a:gd name="connsiteX18" fmla="*/ 797163 w 1887825"/>
                <a:gd name="connsiteY18" fmla="*/ 475926 h 1694229"/>
                <a:gd name="connsiteX19" fmla="*/ 715132 w 1887825"/>
                <a:gd name="connsiteY19" fmla="*/ 494632 h 1694229"/>
                <a:gd name="connsiteX20" fmla="*/ 697320 w 1887825"/>
                <a:gd name="connsiteY20" fmla="*/ 440647 h 1694229"/>
                <a:gd name="connsiteX21" fmla="*/ 653456 w 1887825"/>
                <a:gd name="connsiteY21" fmla="*/ 420298 h 1694229"/>
                <a:gd name="connsiteX22" fmla="*/ 518140 w 1887825"/>
                <a:gd name="connsiteY22" fmla="*/ 420641 h 1694229"/>
                <a:gd name="connsiteX23" fmla="*/ 434263 w 1887825"/>
                <a:gd name="connsiteY23" fmla="*/ 447350 h 1694229"/>
                <a:gd name="connsiteX24" fmla="*/ 401044 w 1887825"/>
                <a:gd name="connsiteY24" fmla="*/ 420298 h 1694229"/>
                <a:gd name="connsiteX25" fmla="*/ 381994 w 1887825"/>
                <a:gd name="connsiteY25" fmla="*/ 358385 h 1694229"/>
                <a:gd name="connsiteX26" fmla="*/ 315319 w 1887825"/>
                <a:gd name="connsiteY26" fmla="*/ 305998 h 1694229"/>
                <a:gd name="connsiteX27" fmla="*/ 270134 w 1887825"/>
                <a:gd name="connsiteY27" fmla="*/ 229110 h 1694229"/>
                <a:gd name="connsiteX28" fmla="*/ 146784 w 1887825"/>
                <a:gd name="connsiteY28" fmla="*/ 258373 h 1694229"/>
                <a:gd name="connsiteX29" fmla="*/ 127734 w 1887825"/>
                <a:gd name="connsiteY29" fmla="*/ 344785 h 1694229"/>
                <a:gd name="connsiteX30" fmla="*/ 145174 w 1887825"/>
                <a:gd name="connsiteY30" fmla="*/ 411312 h 1694229"/>
                <a:gd name="connsiteX31" fmla="*/ 117735 w 1887825"/>
                <a:gd name="connsiteY31" fmla="*/ 446172 h 1694229"/>
                <a:gd name="connsiteX32" fmla="*/ 65347 w 1887825"/>
                <a:gd name="connsiteY32" fmla="*/ 474059 h 1694229"/>
                <a:gd name="connsiteX33" fmla="*/ 37246 w 1887825"/>
                <a:gd name="connsiteY33" fmla="*/ 482063 h 1694229"/>
                <a:gd name="connsiteX34" fmla="*/ 15281 w 1887825"/>
                <a:gd name="connsiteY34" fmla="*/ 520310 h 1694229"/>
                <a:gd name="connsiteX35" fmla="*/ 1469 w 1887825"/>
                <a:gd name="connsiteY35" fmla="*/ 632745 h 1694229"/>
                <a:gd name="connsiteX36" fmla="*/ 51178 w 1887825"/>
                <a:gd name="connsiteY36" fmla="*/ 685967 h 1694229"/>
                <a:gd name="connsiteX37" fmla="*/ 108092 w 1887825"/>
                <a:gd name="connsiteY37" fmla="*/ 681547 h 1694229"/>
                <a:gd name="connsiteX38" fmla="*/ 93804 w 1887825"/>
                <a:gd name="connsiteY38" fmla="*/ 751806 h 1694229"/>
                <a:gd name="connsiteX39" fmla="*/ 148631 w 1887825"/>
                <a:gd name="connsiteY39" fmla="*/ 782248 h 1694229"/>
                <a:gd name="connsiteX40" fmla="*/ 217629 w 1887825"/>
                <a:gd name="connsiteY40" fmla="*/ 792460 h 1694229"/>
                <a:gd name="connsiteX41" fmla="*/ 252932 w 1887825"/>
                <a:gd name="connsiteY41" fmla="*/ 848431 h 1694229"/>
                <a:gd name="connsiteX42" fmla="*/ 252339 w 1887825"/>
                <a:gd name="connsiteY42" fmla="*/ 893503 h 1694229"/>
                <a:gd name="connsiteX43" fmla="*/ 276863 w 1887825"/>
                <a:gd name="connsiteY43" fmla="*/ 932978 h 1694229"/>
                <a:gd name="connsiteX44" fmla="*/ 322521 w 1887825"/>
                <a:gd name="connsiteY44" fmla="*/ 971570 h 1694229"/>
                <a:gd name="connsiteX45" fmla="*/ 407654 w 1887825"/>
                <a:gd name="connsiteY45" fmla="*/ 1025822 h 1694229"/>
                <a:gd name="connsiteX46" fmla="*/ 443431 w 1887825"/>
                <a:gd name="connsiteY46" fmla="*/ 1096915 h 1694229"/>
                <a:gd name="connsiteX47" fmla="*/ 422534 w 1887825"/>
                <a:gd name="connsiteY47" fmla="*/ 1166488 h 1694229"/>
                <a:gd name="connsiteX48" fmla="*/ 500581 w 1887825"/>
                <a:gd name="connsiteY48" fmla="*/ 1222951 h 1694229"/>
                <a:gd name="connsiteX49" fmla="*/ 572613 w 1887825"/>
                <a:gd name="connsiteY49" fmla="*/ 1255945 h 1694229"/>
                <a:gd name="connsiteX50" fmla="*/ 582731 w 1887825"/>
                <a:gd name="connsiteY50" fmla="*/ 1330966 h 1694229"/>
                <a:gd name="connsiteX51" fmla="*/ 651253 w 1887825"/>
                <a:gd name="connsiteY51" fmla="*/ 1450176 h 1694229"/>
                <a:gd name="connsiteX52" fmla="*/ 736741 w 1887825"/>
                <a:gd name="connsiteY52" fmla="*/ 1541202 h 1694229"/>
                <a:gd name="connsiteX53" fmla="*/ 786806 w 1887825"/>
                <a:gd name="connsiteY53" fmla="*/ 1491860 h 1694229"/>
                <a:gd name="connsiteX54" fmla="*/ 851396 w 1887825"/>
                <a:gd name="connsiteY54" fmla="*/ 1519257 h 1694229"/>
                <a:gd name="connsiteX55" fmla="*/ 905869 w 1887825"/>
                <a:gd name="connsiteY55" fmla="*/ 1487098 h 1694229"/>
                <a:gd name="connsiteX56" fmla="*/ 922716 w 1887825"/>
                <a:gd name="connsiteY56" fmla="*/ 1444922 h 1694229"/>
                <a:gd name="connsiteX57" fmla="*/ 986593 w 1887825"/>
                <a:gd name="connsiteY57" fmla="*/ 1531334 h 1694229"/>
                <a:gd name="connsiteX58" fmla="*/ 1031660 w 1887825"/>
                <a:gd name="connsiteY58" fmla="*/ 1602428 h 1694229"/>
                <a:gd name="connsiteX59" fmla="*/ 1101606 w 1887825"/>
                <a:gd name="connsiteY59" fmla="*/ 1693947 h 1694229"/>
                <a:gd name="connsiteX60" fmla="*/ 1132504 w 1887825"/>
                <a:gd name="connsiteY60" fmla="*/ 1630856 h 1694229"/>
                <a:gd name="connsiteX61" fmla="*/ 1163163 w 1887825"/>
                <a:gd name="connsiteY61" fmla="*/ 1624376 h 1694229"/>
                <a:gd name="connsiteX62" fmla="*/ 1206262 w 1887825"/>
                <a:gd name="connsiteY62" fmla="*/ 1653639 h 1694229"/>
                <a:gd name="connsiteX63" fmla="*/ 1239837 w 1887825"/>
                <a:gd name="connsiteY63" fmla="*/ 1612985 h 1694229"/>
                <a:gd name="connsiteX64" fmla="*/ 1258658 w 1887825"/>
                <a:gd name="connsiteY64" fmla="*/ 1617602 h 1694229"/>
                <a:gd name="connsiteX65" fmla="*/ 1292700 w 1887825"/>
                <a:gd name="connsiteY65" fmla="*/ 1684079 h 1694229"/>
                <a:gd name="connsiteX66" fmla="*/ 1349256 w 1887825"/>
                <a:gd name="connsiteY66" fmla="*/ 1660610 h 1694229"/>
                <a:gd name="connsiteX67" fmla="*/ 1401288 w 1887825"/>
                <a:gd name="connsiteY67" fmla="*/ 1604489 h 1694229"/>
                <a:gd name="connsiteX68" fmla="*/ 1452065 w 1887825"/>
                <a:gd name="connsiteY68" fmla="*/ 1587946 h 1694229"/>
                <a:gd name="connsiteX69" fmla="*/ 1469744 w 1887825"/>
                <a:gd name="connsiteY69" fmla="*/ 1643768 h 1694229"/>
                <a:gd name="connsiteX70" fmla="*/ 1539639 w 1887825"/>
                <a:gd name="connsiteY70" fmla="*/ 1618090 h 1694229"/>
                <a:gd name="connsiteX71" fmla="*/ 1570417 w 1887825"/>
                <a:gd name="connsiteY71" fmla="*/ 1531334 h 1694229"/>
                <a:gd name="connsiteX72" fmla="*/ 1651853 w 1887825"/>
                <a:gd name="connsiteY72" fmla="*/ 1441192 h 1694229"/>
                <a:gd name="connsiteX73" fmla="*/ 1696444 w 1887825"/>
                <a:gd name="connsiteY73" fmla="*/ 1410062 h 1694229"/>
                <a:gd name="connsiteX74" fmla="*/ 1724813 w 1887825"/>
                <a:gd name="connsiteY74" fmla="*/ 1413357 h 1694229"/>
                <a:gd name="connsiteX75" fmla="*/ 1814608 w 1887825"/>
                <a:gd name="connsiteY75" fmla="*/ 1402749 h 1694229"/>
                <a:gd name="connsiteX76" fmla="*/ 1812167 w 1887825"/>
                <a:gd name="connsiteY76" fmla="*/ 1466525 h 1694229"/>
                <a:gd name="connsiteX77" fmla="*/ 1884978 w 1887825"/>
                <a:gd name="connsiteY77" fmla="*/ 1492399 h 1694229"/>
                <a:gd name="connsiteX78" fmla="*/ 1871943 w 1887825"/>
                <a:gd name="connsiteY78" fmla="*/ 1454448 h 1694229"/>
                <a:gd name="connsiteX79" fmla="*/ 1861403 w 1887825"/>
                <a:gd name="connsiteY79" fmla="*/ 1401373 h 1694229"/>
                <a:gd name="connsiteX80" fmla="*/ 1863844 w 1887825"/>
                <a:gd name="connsiteY80" fmla="*/ 1326546 h 1694229"/>
                <a:gd name="connsiteX81" fmla="*/ 1797946 w 1887825"/>
                <a:gd name="connsiteY81" fmla="*/ 1305140 h 1694229"/>
                <a:gd name="connsiteX82" fmla="*/ 1747763 w 1887825"/>
                <a:gd name="connsiteY82" fmla="*/ 1264979 h 1694229"/>
                <a:gd name="connsiteX83" fmla="*/ 1737459 w 1887825"/>
                <a:gd name="connsiteY83" fmla="*/ 1176356 h 1694229"/>
                <a:gd name="connsiteX84" fmla="*/ 1704241 w 1887825"/>
                <a:gd name="connsiteY84" fmla="*/ 1038783 h 1694229"/>
                <a:gd name="connsiteX85" fmla="*/ 1627446 w 1887825"/>
                <a:gd name="connsiteY85" fmla="*/ 972257 h 1694229"/>
                <a:gd name="connsiteX86" fmla="*/ 1594228 w 1887825"/>
                <a:gd name="connsiteY86" fmla="*/ 917660 h 1694229"/>
                <a:gd name="connsiteX87" fmla="*/ 1544162 w 1887825"/>
                <a:gd name="connsiteY87" fmla="*/ 872587 h 1694229"/>
                <a:gd name="connsiteX88" fmla="*/ 1472251 w 1887825"/>
                <a:gd name="connsiteY88" fmla="*/ 845878 h 1694229"/>
                <a:gd name="connsiteX89" fmla="*/ 1449150 w 1887825"/>
                <a:gd name="connsiteY89" fmla="*/ 823245 h 1694229"/>
                <a:gd name="connsiteX90" fmla="*/ 1477013 w 1887825"/>
                <a:gd name="connsiteY90" fmla="*/ 784801 h 1694229"/>
                <a:gd name="connsiteX91" fmla="*/ 1458319 w 1887825"/>
                <a:gd name="connsiteY91" fmla="*/ 748910 h 1694229"/>
                <a:gd name="connsiteX92" fmla="*/ 1463081 w 1887825"/>
                <a:gd name="connsiteY92" fmla="*/ 725098 h 1694229"/>
                <a:gd name="connsiteX93" fmla="*/ 1488076 w 1887825"/>
                <a:gd name="connsiteY93" fmla="*/ 724035 h 1694229"/>
                <a:gd name="connsiteX94" fmla="*/ 1580416 w 1887825"/>
                <a:gd name="connsiteY94" fmla="*/ 740220 h 1694229"/>
                <a:gd name="connsiteX95" fmla="*/ 1615719 w 1887825"/>
                <a:gd name="connsiteY95" fmla="*/ 683758 h 1694229"/>
                <a:gd name="connsiteX96" fmla="*/ 1603753 w 1887825"/>
                <a:gd name="connsiteY96" fmla="*/ 553648 h 1694229"/>
                <a:gd name="connsiteX97" fmla="*/ 1620956 w 1887825"/>
                <a:gd name="connsiteY97" fmla="*/ 405322 h 16942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Lst>
              <a:rect l="l" t="t" r="r" b="b"/>
              <a:pathLst>
                <a:path w="1887825" h="1694229">
                  <a:moveTo>
                    <a:pt x="1620956" y="405322"/>
                  </a:moveTo>
                  <a:cubicBezTo>
                    <a:pt x="1611798" y="375160"/>
                    <a:pt x="1575873" y="382083"/>
                    <a:pt x="1548806" y="372673"/>
                  </a:cubicBezTo>
                  <a:cubicBezTo>
                    <a:pt x="1521740" y="363263"/>
                    <a:pt x="1482485" y="365676"/>
                    <a:pt x="1458557" y="348860"/>
                  </a:cubicBezTo>
                  <a:cubicBezTo>
                    <a:pt x="1434629" y="332044"/>
                    <a:pt x="1417974" y="301598"/>
                    <a:pt x="1405237" y="271776"/>
                  </a:cubicBezTo>
                  <a:cubicBezTo>
                    <a:pt x="1392500" y="241954"/>
                    <a:pt x="1391969" y="214915"/>
                    <a:pt x="1382136" y="169931"/>
                  </a:cubicBezTo>
                  <a:cubicBezTo>
                    <a:pt x="1372303" y="124947"/>
                    <a:pt x="1353688" y="-17918"/>
                    <a:pt x="1346239" y="1869"/>
                  </a:cubicBezTo>
                  <a:cubicBezTo>
                    <a:pt x="1338790" y="21656"/>
                    <a:pt x="1288585" y="9160"/>
                    <a:pt x="1278870" y="43567"/>
                  </a:cubicBezTo>
                  <a:cubicBezTo>
                    <a:pt x="1269155" y="77974"/>
                    <a:pt x="1274440" y="66798"/>
                    <a:pt x="1273302" y="101090"/>
                  </a:cubicBezTo>
                  <a:cubicBezTo>
                    <a:pt x="1272164" y="120063"/>
                    <a:pt x="1263302" y="135099"/>
                    <a:pt x="1257397" y="152303"/>
                  </a:cubicBezTo>
                  <a:cubicBezTo>
                    <a:pt x="1251492" y="169507"/>
                    <a:pt x="1241414" y="184077"/>
                    <a:pt x="1237872" y="204316"/>
                  </a:cubicBezTo>
                  <a:cubicBezTo>
                    <a:pt x="1234330" y="224555"/>
                    <a:pt x="1248595" y="260475"/>
                    <a:pt x="1236143" y="273739"/>
                  </a:cubicBezTo>
                  <a:cubicBezTo>
                    <a:pt x="1223691" y="287004"/>
                    <a:pt x="1198254" y="286979"/>
                    <a:pt x="1163162" y="283903"/>
                  </a:cubicBezTo>
                  <a:cubicBezTo>
                    <a:pt x="1128070" y="280827"/>
                    <a:pt x="1117468" y="275537"/>
                    <a:pt x="1098809" y="285917"/>
                  </a:cubicBezTo>
                  <a:cubicBezTo>
                    <a:pt x="1080150" y="296297"/>
                    <a:pt x="1069871" y="341249"/>
                    <a:pt x="1051208" y="346183"/>
                  </a:cubicBezTo>
                  <a:cubicBezTo>
                    <a:pt x="1037427" y="374095"/>
                    <a:pt x="1014466" y="369656"/>
                    <a:pt x="996593" y="371690"/>
                  </a:cubicBezTo>
                  <a:cubicBezTo>
                    <a:pt x="978720" y="373724"/>
                    <a:pt x="975412" y="370390"/>
                    <a:pt x="943969" y="358385"/>
                  </a:cubicBezTo>
                  <a:cubicBezTo>
                    <a:pt x="912526" y="346380"/>
                    <a:pt x="858849" y="362649"/>
                    <a:pt x="837229" y="376257"/>
                  </a:cubicBezTo>
                  <a:cubicBezTo>
                    <a:pt x="815609" y="389865"/>
                    <a:pt x="820924" y="423424"/>
                    <a:pt x="814246" y="440035"/>
                  </a:cubicBezTo>
                  <a:cubicBezTo>
                    <a:pt x="807568" y="456646"/>
                    <a:pt x="813682" y="466827"/>
                    <a:pt x="797163" y="475926"/>
                  </a:cubicBezTo>
                  <a:cubicBezTo>
                    <a:pt x="780644" y="485025"/>
                    <a:pt x="731772" y="500512"/>
                    <a:pt x="715132" y="494632"/>
                  </a:cubicBezTo>
                  <a:cubicBezTo>
                    <a:pt x="698492" y="488752"/>
                    <a:pt x="707599" y="453036"/>
                    <a:pt x="697320" y="440647"/>
                  </a:cubicBezTo>
                  <a:cubicBezTo>
                    <a:pt x="687041" y="428258"/>
                    <a:pt x="683319" y="423632"/>
                    <a:pt x="653456" y="420298"/>
                  </a:cubicBezTo>
                  <a:cubicBezTo>
                    <a:pt x="623593" y="416964"/>
                    <a:pt x="554672" y="416132"/>
                    <a:pt x="518140" y="420641"/>
                  </a:cubicBezTo>
                  <a:cubicBezTo>
                    <a:pt x="481608" y="425150"/>
                    <a:pt x="453779" y="447407"/>
                    <a:pt x="434263" y="447350"/>
                  </a:cubicBezTo>
                  <a:cubicBezTo>
                    <a:pt x="414747" y="447293"/>
                    <a:pt x="409756" y="435126"/>
                    <a:pt x="401044" y="420298"/>
                  </a:cubicBezTo>
                  <a:cubicBezTo>
                    <a:pt x="392332" y="405470"/>
                    <a:pt x="396281" y="377435"/>
                    <a:pt x="381994" y="358385"/>
                  </a:cubicBezTo>
                  <a:cubicBezTo>
                    <a:pt x="367706" y="339335"/>
                    <a:pt x="333962" y="327544"/>
                    <a:pt x="315319" y="305998"/>
                  </a:cubicBezTo>
                  <a:cubicBezTo>
                    <a:pt x="296676" y="284452"/>
                    <a:pt x="298223" y="237047"/>
                    <a:pt x="270134" y="229110"/>
                  </a:cubicBezTo>
                  <a:cubicBezTo>
                    <a:pt x="242045" y="221173"/>
                    <a:pt x="170517" y="239094"/>
                    <a:pt x="146784" y="258373"/>
                  </a:cubicBezTo>
                  <a:cubicBezTo>
                    <a:pt x="123051" y="277652"/>
                    <a:pt x="128002" y="319295"/>
                    <a:pt x="127734" y="344785"/>
                  </a:cubicBezTo>
                  <a:cubicBezTo>
                    <a:pt x="127466" y="370275"/>
                    <a:pt x="146840" y="394414"/>
                    <a:pt x="145174" y="411312"/>
                  </a:cubicBezTo>
                  <a:cubicBezTo>
                    <a:pt x="143508" y="428210"/>
                    <a:pt x="131040" y="435714"/>
                    <a:pt x="117735" y="446172"/>
                  </a:cubicBezTo>
                  <a:cubicBezTo>
                    <a:pt x="104431" y="456630"/>
                    <a:pt x="78762" y="468077"/>
                    <a:pt x="65347" y="474059"/>
                  </a:cubicBezTo>
                  <a:cubicBezTo>
                    <a:pt x="51932" y="480041"/>
                    <a:pt x="45590" y="474355"/>
                    <a:pt x="37246" y="482063"/>
                  </a:cubicBezTo>
                  <a:cubicBezTo>
                    <a:pt x="28902" y="489771"/>
                    <a:pt x="21244" y="495196"/>
                    <a:pt x="15281" y="520310"/>
                  </a:cubicBezTo>
                  <a:cubicBezTo>
                    <a:pt x="9318" y="545424"/>
                    <a:pt x="-4514" y="605136"/>
                    <a:pt x="1469" y="632745"/>
                  </a:cubicBezTo>
                  <a:cubicBezTo>
                    <a:pt x="7452" y="660354"/>
                    <a:pt x="33408" y="677833"/>
                    <a:pt x="51178" y="685967"/>
                  </a:cubicBezTo>
                  <a:cubicBezTo>
                    <a:pt x="68948" y="694101"/>
                    <a:pt x="100988" y="670574"/>
                    <a:pt x="108092" y="681547"/>
                  </a:cubicBezTo>
                  <a:cubicBezTo>
                    <a:pt x="115196" y="692520"/>
                    <a:pt x="87047" y="735022"/>
                    <a:pt x="93804" y="751806"/>
                  </a:cubicBezTo>
                  <a:cubicBezTo>
                    <a:pt x="100561" y="768590"/>
                    <a:pt x="127994" y="775472"/>
                    <a:pt x="148631" y="782248"/>
                  </a:cubicBezTo>
                  <a:cubicBezTo>
                    <a:pt x="169268" y="789024"/>
                    <a:pt x="200246" y="781430"/>
                    <a:pt x="217629" y="792460"/>
                  </a:cubicBezTo>
                  <a:cubicBezTo>
                    <a:pt x="235013" y="803491"/>
                    <a:pt x="247147" y="831591"/>
                    <a:pt x="252932" y="848431"/>
                  </a:cubicBezTo>
                  <a:cubicBezTo>
                    <a:pt x="258717" y="865271"/>
                    <a:pt x="248351" y="879412"/>
                    <a:pt x="252339" y="893503"/>
                  </a:cubicBezTo>
                  <a:cubicBezTo>
                    <a:pt x="256327" y="907594"/>
                    <a:pt x="265166" y="919967"/>
                    <a:pt x="276863" y="932978"/>
                  </a:cubicBezTo>
                  <a:cubicBezTo>
                    <a:pt x="288560" y="945989"/>
                    <a:pt x="300723" y="956096"/>
                    <a:pt x="322521" y="971570"/>
                  </a:cubicBezTo>
                  <a:cubicBezTo>
                    <a:pt x="344320" y="987044"/>
                    <a:pt x="387502" y="1004931"/>
                    <a:pt x="407654" y="1025822"/>
                  </a:cubicBezTo>
                  <a:cubicBezTo>
                    <a:pt x="427806" y="1046713"/>
                    <a:pt x="440951" y="1073471"/>
                    <a:pt x="443431" y="1096915"/>
                  </a:cubicBezTo>
                  <a:cubicBezTo>
                    <a:pt x="445911" y="1120359"/>
                    <a:pt x="413009" y="1145482"/>
                    <a:pt x="422534" y="1166488"/>
                  </a:cubicBezTo>
                  <a:cubicBezTo>
                    <a:pt x="432059" y="1187494"/>
                    <a:pt x="475568" y="1208042"/>
                    <a:pt x="500581" y="1222951"/>
                  </a:cubicBezTo>
                  <a:cubicBezTo>
                    <a:pt x="525594" y="1237860"/>
                    <a:pt x="558921" y="1237943"/>
                    <a:pt x="572613" y="1255945"/>
                  </a:cubicBezTo>
                  <a:cubicBezTo>
                    <a:pt x="586305" y="1273947"/>
                    <a:pt x="579387" y="1290935"/>
                    <a:pt x="582731" y="1330966"/>
                  </a:cubicBezTo>
                  <a:cubicBezTo>
                    <a:pt x="586075" y="1370997"/>
                    <a:pt x="625585" y="1415137"/>
                    <a:pt x="651253" y="1450176"/>
                  </a:cubicBezTo>
                  <a:cubicBezTo>
                    <a:pt x="676921" y="1485215"/>
                    <a:pt x="714149" y="1534255"/>
                    <a:pt x="736741" y="1541202"/>
                  </a:cubicBezTo>
                  <a:cubicBezTo>
                    <a:pt x="759333" y="1548149"/>
                    <a:pt x="767697" y="1495518"/>
                    <a:pt x="786806" y="1491860"/>
                  </a:cubicBezTo>
                  <a:cubicBezTo>
                    <a:pt x="805915" y="1488203"/>
                    <a:pt x="831552" y="1520051"/>
                    <a:pt x="851396" y="1519257"/>
                  </a:cubicBezTo>
                  <a:cubicBezTo>
                    <a:pt x="871240" y="1518463"/>
                    <a:pt x="893982" y="1499487"/>
                    <a:pt x="905869" y="1487098"/>
                  </a:cubicBezTo>
                  <a:cubicBezTo>
                    <a:pt x="917756" y="1474709"/>
                    <a:pt x="877533" y="1437549"/>
                    <a:pt x="922716" y="1444922"/>
                  </a:cubicBezTo>
                  <a:cubicBezTo>
                    <a:pt x="967899" y="1452295"/>
                    <a:pt x="978199" y="1487211"/>
                    <a:pt x="986593" y="1531334"/>
                  </a:cubicBezTo>
                  <a:cubicBezTo>
                    <a:pt x="994987" y="1575457"/>
                    <a:pt x="997847" y="1588092"/>
                    <a:pt x="1031660" y="1602428"/>
                  </a:cubicBezTo>
                  <a:cubicBezTo>
                    <a:pt x="1065473" y="1616764"/>
                    <a:pt x="1084799" y="1689209"/>
                    <a:pt x="1101606" y="1693947"/>
                  </a:cubicBezTo>
                  <a:cubicBezTo>
                    <a:pt x="1118413" y="1698685"/>
                    <a:pt x="1122245" y="1642451"/>
                    <a:pt x="1132504" y="1630856"/>
                  </a:cubicBezTo>
                  <a:cubicBezTo>
                    <a:pt x="1142764" y="1619261"/>
                    <a:pt x="1150870" y="1620579"/>
                    <a:pt x="1163163" y="1624376"/>
                  </a:cubicBezTo>
                  <a:cubicBezTo>
                    <a:pt x="1175456" y="1628173"/>
                    <a:pt x="1193483" y="1655537"/>
                    <a:pt x="1206262" y="1653639"/>
                  </a:cubicBezTo>
                  <a:cubicBezTo>
                    <a:pt x="1219041" y="1651741"/>
                    <a:pt x="1231104" y="1618991"/>
                    <a:pt x="1239837" y="1612985"/>
                  </a:cubicBezTo>
                  <a:cubicBezTo>
                    <a:pt x="1248570" y="1606979"/>
                    <a:pt x="1249848" y="1605753"/>
                    <a:pt x="1258658" y="1617602"/>
                  </a:cubicBezTo>
                  <a:cubicBezTo>
                    <a:pt x="1267468" y="1629451"/>
                    <a:pt x="1277600" y="1676911"/>
                    <a:pt x="1292700" y="1684079"/>
                  </a:cubicBezTo>
                  <a:cubicBezTo>
                    <a:pt x="1307800" y="1691247"/>
                    <a:pt x="1331158" y="1673875"/>
                    <a:pt x="1349256" y="1660610"/>
                  </a:cubicBezTo>
                  <a:cubicBezTo>
                    <a:pt x="1367354" y="1647345"/>
                    <a:pt x="1384153" y="1616600"/>
                    <a:pt x="1401288" y="1604489"/>
                  </a:cubicBezTo>
                  <a:cubicBezTo>
                    <a:pt x="1418423" y="1592378"/>
                    <a:pt x="1440656" y="1581400"/>
                    <a:pt x="1452065" y="1587946"/>
                  </a:cubicBezTo>
                  <a:cubicBezTo>
                    <a:pt x="1463474" y="1594493"/>
                    <a:pt x="1455148" y="1638744"/>
                    <a:pt x="1469744" y="1643768"/>
                  </a:cubicBezTo>
                  <a:cubicBezTo>
                    <a:pt x="1484340" y="1648792"/>
                    <a:pt x="1522860" y="1636829"/>
                    <a:pt x="1539639" y="1618090"/>
                  </a:cubicBezTo>
                  <a:cubicBezTo>
                    <a:pt x="1556418" y="1599351"/>
                    <a:pt x="1551715" y="1560817"/>
                    <a:pt x="1570417" y="1531334"/>
                  </a:cubicBezTo>
                  <a:cubicBezTo>
                    <a:pt x="1589119" y="1501851"/>
                    <a:pt x="1630849" y="1461404"/>
                    <a:pt x="1651853" y="1441192"/>
                  </a:cubicBezTo>
                  <a:cubicBezTo>
                    <a:pt x="1672857" y="1420980"/>
                    <a:pt x="1684284" y="1414701"/>
                    <a:pt x="1696444" y="1410062"/>
                  </a:cubicBezTo>
                  <a:cubicBezTo>
                    <a:pt x="1708604" y="1405423"/>
                    <a:pt x="1715288" y="1414151"/>
                    <a:pt x="1724813" y="1413357"/>
                  </a:cubicBezTo>
                  <a:cubicBezTo>
                    <a:pt x="1734338" y="1412563"/>
                    <a:pt x="1800049" y="1393888"/>
                    <a:pt x="1814608" y="1402749"/>
                  </a:cubicBezTo>
                  <a:cubicBezTo>
                    <a:pt x="1829167" y="1411610"/>
                    <a:pt x="1800439" y="1451583"/>
                    <a:pt x="1812167" y="1466525"/>
                  </a:cubicBezTo>
                  <a:cubicBezTo>
                    <a:pt x="1823895" y="1481467"/>
                    <a:pt x="1875015" y="1494412"/>
                    <a:pt x="1884978" y="1492399"/>
                  </a:cubicBezTo>
                  <a:cubicBezTo>
                    <a:pt x="1894941" y="1490386"/>
                    <a:pt x="1875872" y="1469619"/>
                    <a:pt x="1871943" y="1454448"/>
                  </a:cubicBezTo>
                  <a:cubicBezTo>
                    <a:pt x="1868014" y="1439277"/>
                    <a:pt x="1862753" y="1422690"/>
                    <a:pt x="1861403" y="1401373"/>
                  </a:cubicBezTo>
                  <a:cubicBezTo>
                    <a:pt x="1860053" y="1380056"/>
                    <a:pt x="1874420" y="1342585"/>
                    <a:pt x="1863844" y="1326546"/>
                  </a:cubicBezTo>
                  <a:cubicBezTo>
                    <a:pt x="1853268" y="1310507"/>
                    <a:pt x="1817293" y="1315401"/>
                    <a:pt x="1797946" y="1305140"/>
                  </a:cubicBezTo>
                  <a:cubicBezTo>
                    <a:pt x="1778599" y="1294879"/>
                    <a:pt x="1757844" y="1286443"/>
                    <a:pt x="1747763" y="1264979"/>
                  </a:cubicBezTo>
                  <a:cubicBezTo>
                    <a:pt x="1737682" y="1243515"/>
                    <a:pt x="1744713" y="1214055"/>
                    <a:pt x="1737459" y="1176356"/>
                  </a:cubicBezTo>
                  <a:cubicBezTo>
                    <a:pt x="1730205" y="1138657"/>
                    <a:pt x="1722576" y="1072799"/>
                    <a:pt x="1704241" y="1038783"/>
                  </a:cubicBezTo>
                  <a:cubicBezTo>
                    <a:pt x="1685906" y="1004767"/>
                    <a:pt x="1645781" y="992444"/>
                    <a:pt x="1627446" y="972257"/>
                  </a:cubicBezTo>
                  <a:cubicBezTo>
                    <a:pt x="1609111" y="952070"/>
                    <a:pt x="1608109" y="934272"/>
                    <a:pt x="1594228" y="917660"/>
                  </a:cubicBezTo>
                  <a:cubicBezTo>
                    <a:pt x="1580347" y="901048"/>
                    <a:pt x="1564491" y="884551"/>
                    <a:pt x="1544162" y="872587"/>
                  </a:cubicBezTo>
                  <a:cubicBezTo>
                    <a:pt x="1523833" y="860623"/>
                    <a:pt x="1488086" y="854102"/>
                    <a:pt x="1472251" y="845878"/>
                  </a:cubicBezTo>
                  <a:cubicBezTo>
                    <a:pt x="1456416" y="837654"/>
                    <a:pt x="1448356" y="833425"/>
                    <a:pt x="1449150" y="823245"/>
                  </a:cubicBezTo>
                  <a:cubicBezTo>
                    <a:pt x="1449944" y="813066"/>
                    <a:pt x="1475485" y="797190"/>
                    <a:pt x="1477013" y="784801"/>
                  </a:cubicBezTo>
                  <a:cubicBezTo>
                    <a:pt x="1478541" y="772412"/>
                    <a:pt x="1460641" y="758860"/>
                    <a:pt x="1458319" y="748910"/>
                  </a:cubicBezTo>
                  <a:cubicBezTo>
                    <a:pt x="1455997" y="738960"/>
                    <a:pt x="1458122" y="729244"/>
                    <a:pt x="1463081" y="725098"/>
                  </a:cubicBezTo>
                  <a:cubicBezTo>
                    <a:pt x="1468040" y="720952"/>
                    <a:pt x="1472995" y="717685"/>
                    <a:pt x="1488076" y="724035"/>
                  </a:cubicBezTo>
                  <a:cubicBezTo>
                    <a:pt x="1503157" y="730385"/>
                    <a:pt x="1559142" y="746933"/>
                    <a:pt x="1580416" y="740220"/>
                  </a:cubicBezTo>
                  <a:cubicBezTo>
                    <a:pt x="1601690" y="733507"/>
                    <a:pt x="1608575" y="718683"/>
                    <a:pt x="1615719" y="683758"/>
                  </a:cubicBezTo>
                  <a:cubicBezTo>
                    <a:pt x="1622863" y="648833"/>
                    <a:pt x="1602880" y="600054"/>
                    <a:pt x="1603753" y="553648"/>
                  </a:cubicBezTo>
                  <a:cubicBezTo>
                    <a:pt x="1604626" y="507242"/>
                    <a:pt x="1630114" y="435484"/>
                    <a:pt x="1620956" y="405322"/>
                  </a:cubicBezTo>
                  <a:close/>
                </a:path>
              </a:pathLst>
            </a:custGeom>
            <a:solidFill>
              <a:schemeClr val="accent5"/>
            </a:solidFill>
            <a:ln w="31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33" dirty="0" err="1">
                <a:solidFill>
                  <a:schemeClr val="bg1"/>
                </a:solidFill>
                <a:latin typeface="Georgia" pitchFamily="18" charset="0"/>
              </a:endParaRPr>
            </a:p>
          </p:txBody>
        </p:sp>
        <p:sp>
          <p:nvSpPr>
            <p:cNvPr id="294" name="Freeform 83"/>
            <p:cNvSpPr>
              <a:spLocks/>
            </p:cNvSpPr>
            <p:nvPr/>
          </p:nvSpPr>
          <p:spPr bwMode="auto">
            <a:xfrm>
              <a:off x="6066805" y="4421499"/>
              <a:ext cx="411739" cy="423486"/>
            </a:xfrm>
            <a:custGeom>
              <a:avLst/>
              <a:gdLst>
                <a:gd name="connsiteX0" fmla="*/ 3440 w 9933"/>
                <a:gd name="connsiteY0" fmla="*/ 9133 h 9898"/>
                <a:gd name="connsiteX1" fmla="*/ 4037 w 9933"/>
                <a:gd name="connsiteY1" fmla="*/ 9439 h 9898"/>
                <a:gd name="connsiteX2" fmla="*/ 4485 w 9933"/>
                <a:gd name="connsiteY2" fmla="*/ 9337 h 9898"/>
                <a:gd name="connsiteX3" fmla="*/ 5381 w 9933"/>
                <a:gd name="connsiteY3" fmla="*/ 9898 h 9898"/>
                <a:gd name="connsiteX4" fmla="*/ 5829 w 9933"/>
                <a:gd name="connsiteY4" fmla="*/ 9745 h 9898"/>
                <a:gd name="connsiteX5" fmla="*/ 6052 w 9933"/>
                <a:gd name="connsiteY5" fmla="*/ 9847 h 9898"/>
                <a:gd name="connsiteX6" fmla="*/ 6724 w 9933"/>
                <a:gd name="connsiteY6" fmla="*/ 9643 h 9898"/>
                <a:gd name="connsiteX7" fmla="*/ 6873 w 9933"/>
                <a:gd name="connsiteY7" fmla="*/ 9745 h 9898"/>
                <a:gd name="connsiteX8" fmla="*/ 7172 w 9933"/>
                <a:gd name="connsiteY8" fmla="*/ 9490 h 9898"/>
                <a:gd name="connsiteX9" fmla="*/ 7620 w 9933"/>
                <a:gd name="connsiteY9" fmla="*/ 9184 h 9898"/>
                <a:gd name="connsiteX10" fmla="*/ 8142 w 9933"/>
                <a:gd name="connsiteY10" fmla="*/ 9184 h 9898"/>
                <a:gd name="connsiteX11" fmla="*/ 8366 w 9933"/>
                <a:gd name="connsiteY11" fmla="*/ 9337 h 9898"/>
                <a:gd name="connsiteX12" fmla="*/ 8217 w 9933"/>
                <a:gd name="connsiteY12" fmla="*/ 8929 h 9898"/>
                <a:gd name="connsiteX13" fmla="*/ 7769 w 9933"/>
                <a:gd name="connsiteY13" fmla="*/ 8469 h 9898"/>
                <a:gd name="connsiteX14" fmla="*/ 7321 w 9933"/>
                <a:gd name="connsiteY14" fmla="*/ 8010 h 9898"/>
                <a:gd name="connsiteX15" fmla="*/ 6724 w 9933"/>
                <a:gd name="connsiteY15" fmla="*/ 7602 h 9898"/>
                <a:gd name="connsiteX16" fmla="*/ 7097 w 9933"/>
                <a:gd name="connsiteY16" fmla="*/ 7449 h 9898"/>
                <a:gd name="connsiteX17" fmla="*/ 7396 w 9933"/>
                <a:gd name="connsiteY17" fmla="*/ 6633 h 9898"/>
                <a:gd name="connsiteX18" fmla="*/ 7396 w 9933"/>
                <a:gd name="connsiteY18" fmla="*/ 6276 h 9898"/>
                <a:gd name="connsiteX19" fmla="*/ 7769 w 9933"/>
                <a:gd name="connsiteY19" fmla="*/ 6276 h 9898"/>
                <a:gd name="connsiteX20" fmla="*/ 7993 w 9933"/>
                <a:gd name="connsiteY20" fmla="*/ 5612 h 9898"/>
                <a:gd name="connsiteX21" fmla="*/ 8590 w 9933"/>
                <a:gd name="connsiteY21" fmla="*/ 5204 h 9898"/>
                <a:gd name="connsiteX22" fmla="*/ 8814 w 9933"/>
                <a:gd name="connsiteY22" fmla="*/ 4439 h 9898"/>
                <a:gd name="connsiteX23" fmla="*/ 8664 w 9933"/>
                <a:gd name="connsiteY23" fmla="*/ 4031 h 9898"/>
                <a:gd name="connsiteX24" fmla="*/ 9037 w 9933"/>
                <a:gd name="connsiteY24" fmla="*/ 3163 h 9898"/>
                <a:gd name="connsiteX25" fmla="*/ 9336 w 9933"/>
                <a:gd name="connsiteY25" fmla="*/ 2908 h 9898"/>
                <a:gd name="connsiteX26" fmla="*/ 9933 w 9933"/>
                <a:gd name="connsiteY26" fmla="*/ 2500 h 9898"/>
                <a:gd name="connsiteX27" fmla="*/ 9709 w 9933"/>
                <a:gd name="connsiteY27" fmla="*/ 2449 h 9898"/>
                <a:gd name="connsiteX28" fmla="*/ 9336 w 9933"/>
                <a:gd name="connsiteY28" fmla="*/ 2194 h 9898"/>
                <a:gd name="connsiteX29" fmla="*/ 9112 w 9933"/>
                <a:gd name="connsiteY29" fmla="*/ 1429 h 9898"/>
                <a:gd name="connsiteX30" fmla="*/ 9112 w 9933"/>
                <a:gd name="connsiteY30" fmla="*/ 1020 h 9898"/>
                <a:gd name="connsiteX31" fmla="*/ 9037 w 9933"/>
                <a:gd name="connsiteY31" fmla="*/ 510 h 9898"/>
                <a:gd name="connsiteX32" fmla="*/ 8814 w 9933"/>
                <a:gd name="connsiteY32" fmla="*/ 357 h 9898"/>
                <a:gd name="connsiteX33" fmla="*/ 8440 w 9933"/>
                <a:gd name="connsiteY33" fmla="*/ 153 h 9898"/>
                <a:gd name="connsiteX34" fmla="*/ 8217 w 9933"/>
                <a:gd name="connsiteY34" fmla="*/ 0 h 9898"/>
                <a:gd name="connsiteX35" fmla="*/ 7769 w 9933"/>
                <a:gd name="connsiteY35" fmla="*/ 204 h 9898"/>
                <a:gd name="connsiteX36" fmla="*/ 7321 w 9933"/>
                <a:gd name="connsiteY36" fmla="*/ 510 h 9898"/>
                <a:gd name="connsiteX37" fmla="*/ 6724 w 9933"/>
                <a:gd name="connsiteY37" fmla="*/ 510 h 9898"/>
                <a:gd name="connsiteX38" fmla="*/ 5679 w 9933"/>
                <a:gd name="connsiteY38" fmla="*/ 510 h 9898"/>
                <a:gd name="connsiteX39" fmla="*/ 5679 w 9933"/>
                <a:gd name="connsiteY39" fmla="*/ 459 h 9898"/>
                <a:gd name="connsiteX40" fmla="*/ 5605 w 9933"/>
                <a:gd name="connsiteY40" fmla="*/ 510 h 9898"/>
                <a:gd name="connsiteX41" fmla="*/ 1948 w 9933"/>
                <a:gd name="connsiteY41" fmla="*/ 510 h 9898"/>
                <a:gd name="connsiteX42" fmla="*/ 1948 w 9933"/>
                <a:gd name="connsiteY42" fmla="*/ 1582 h 9898"/>
                <a:gd name="connsiteX43" fmla="*/ 1276 w 9933"/>
                <a:gd name="connsiteY43" fmla="*/ 1582 h 9898"/>
                <a:gd name="connsiteX44" fmla="*/ 1276 w 9933"/>
                <a:gd name="connsiteY44" fmla="*/ 1786 h 9898"/>
                <a:gd name="connsiteX45" fmla="*/ 1276 w 9933"/>
                <a:gd name="connsiteY45" fmla="*/ 3622 h 9898"/>
                <a:gd name="connsiteX46" fmla="*/ 1127 w 9933"/>
                <a:gd name="connsiteY46" fmla="*/ 3724 h 9898"/>
                <a:gd name="connsiteX47" fmla="*/ 679 w 9933"/>
                <a:gd name="connsiteY47" fmla="*/ 3929 h 9898"/>
                <a:gd name="connsiteX48" fmla="*/ 605 w 9933"/>
                <a:gd name="connsiteY48" fmla="*/ 4184 h 9898"/>
                <a:gd name="connsiteX49" fmla="*/ 381 w 9933"/>
                <a:gd name="connsiteY49" fmla="*/ 4439 h 9898"/>
                <a:gd name="connsiteX50" fmla="*/ 232 w 9933"/>
                <a:gd name="connsiteY50" fmla="*/ 4847 h 9898"/>
                <a:gd name="connsiteX51" fmla="*/ 8 w 9933"/>
                <a:gd name="connsiteY51" fmla="*/ 5306 h 9898"/>
                <a:gd name="connsiteX52" fmla="*/ 381 w 9933"/>
                <a:gd name="connsiteY52" fmla="*/ 5357 h 9898"/>
                <a:gd name="connsiteX53" fmla="*/ 455 w 9933"/>
                <a:gd name="connsiteY53" fmla="*/ 5765 h 9898"/>
                <a:gd name="connsiteX54" fmla="*/ 679 w 9933"/>
                <a:gd name="connsiteY54" fmla="*/ 6173 h 9898"/>
                <a:gd name="connsiteX55" fmla="*/ 1052 w 9933"/>
                <a:gd name="connsiteY55" fmla="*/ 6990 h 9898"/>
                <a:gd name="connsiteX56" fmla="*/ 1351 w 9933"/>
                <a:gd name="connsiteY56" fmla="*/ 7347 h 9898"/>
                <a:gd name="connsiteX57" fmla="*/ 1948 w 9933"/>
                <a:gd name="connsiteY57" fmla="*/ 7602 h 9898"/>
                <a:gd name="connsiteX58" fmla="*/ 2321 w 9933"/>
                <a:gd name="connsiteY58" fmla="*/ 8010 h 9898"/>
                <a:gd name="connsiteX59" fmla="*/ 2769 w 9933"/>
                <a:gd name="connsiteY59" fmla="*/ 8418 h 9898"/>
                <a:gd name="connsiteX60" fmla="*/ 3067 w 9933"/>
                <a:gd name="connsiteY60" fmla="*/ 8724 h 9898"/>
                <a:gd name="connsiteX61" fmla="*/ 3440 w 9933"/>
                <a:gd name="connsiteY61" fmla="*/ 9133 h 9898"/>
                <a:gd name="connsiteX0" fmla="*/ 3463 w 10000"/>
                <a:gd name="connsiteY0" fmla="*/ 9227 h 10000"/>
                <a:gd name="connsiteX1" fmla="*/ 4064 w 10000"/>
                <a:gd name="connsiteY1" fmla="*/ 9536 h 10000"/>
                <a:gd name="connsiteX2" fmla="*/ 4515 w 10000"/>
                <a:gd name="connsiteY2" fmla="*/ 9433 h 10000"/>
                <a:gd name="connsiteX3" fmla="*/ 5417 w 10000"/>
                <a:gd name="connsiteY3" fmla="*/ 10000 h 10000"/>
                <a:gd name="connsiteX4" fmla="*/ 5868 w 10000"/>
                <a:gd name="connsiteY4" fmla="*/ 9845 h 10000"/>
                <a:gd name="connsiteX5" fmla="*/ 6093 w 10000"/>
                <a:gd name="connsiteY5" fmla="*/ 9948 h 10000"/>
                <a:gd name="connsiteX6" fmla="*/ 6769 w 10000"/>
                <a:gd name="connsiteY6" fmla="*/ 9742 h 10000"/>
                <a:gd name="connsiteX7" fmla="*/ 6919 w 10000"/>
                <a:gd name="connsiteY7" fmla="*/ 9845 h 10000"/>
                <a:gd name="connsiteX8" fmla="*/ 7220 w 10000"/>
                <a:gd name="connsiteY8" fmla="*/ 9588 h 10000"/>
                <a:gd name="connsiteX9" fmla="*/ 7671 w 10000"/>
                <a:gd name="connsiteY9" fmla="*/ 9279 h 10000"/>
                <a:gd name="connsiteX10" fmla="*/ 8197 w 10000"/>
                <a:gd name="connsiteY10" fmla="*/ 9279 h 10000"/>
                <a:gd name="connsiteX11" fmla="*/ 8422 w 10000"/>
                <a:gd name="connsiteY11" fmla="*/ 9433 h 10000"/>
                <a:gd name="connsiteX12" fmla="*/ 8272 w 10000"/>
                <a:gd name="connsiteY12" fmla="*/ 9021 h 10000"/>
                <a:gd name="connsiteX13" fmla="*/ 7821 w 10000"/>
                <a:gd name="connsiteY13" fmla="*/ 8556 h 10000"/>
                <a:gd name="connsiteX14" fmla="*/ 7370 w 10000"/>
                <a:gd name="connsiteY14" fmla="*/ 8093 h 10000"/>
                <a:gd name="connsiteX15" fmla="*/ 6769 w 10000"/>
                <a:gd name="connsiteY15" fmla="*/ 7680 h 10000"/>
                <a:gd name="connsiteX16" fmla="*/ 7145 w 10000"/>
                <a:gd name="connsiteY16" fmla="*/ 7526 h 10000"/>
                <a:gd name="connsiteX17" fmla="*/ 7446 w 10000"/>
                <a:gd name="connsiteY17" fmla="*/ 6701 h 10000"/>
                <a:gd name="connsiteX18" fmla="*/ 7446 w 10000"/>
                <a:gd name="connsiteY18" fmla="*/ 6341 h 10000"/>
                <a:gd name="connsiteX19" fmla="*/ 7821 w 10000"/>
                <a:gd name="connsiteY19" fmla="*/ 6341 h 10000"/>
                <a:gd name="connsiteX20" fmla="*/ 8047 w 10000"/>
                <a:gd name="connsiteY20" fmla="*/ 5670 h 10000"/>
                <a:gd name="connsiteX21" fmla="*/ 8648 w 10000"/>
                <a:gd name="connsiteY21" fmla="*/ 5258 h 10000"/>
                <a:gd name="connsiteX22" fmla="*/ 8873 w 10000"/>
                <a:gd name="connsiteY22" fmla="*/ 4485 h 10000"/>
                <a:gd name="connsiteX23" fmla="*/ 8722 w 10000"/>
                <a:gd name="connsiteY23" fmla="*/ 4073 h 10000"/>
                <a:gd name="connsiteX24" fmla="*/ 9098 w 10000"/>
                <a:gd name="connsiteY24" fmla="*/ 3196 h 10000"/>
                <a:gd name="connsiteX25" fmla="*/ 9399 w 10000"/>
                <a:gd name="connsiteY25" fmla="*/ 2938 h 10000"/>
                <a:gd name="connsiteX26" fmla="*/ 10000 w 10000"/>
                <a:gd name="connsiteY26" fmla="*/ 2526 h 10000"/>
                <a:gd name="connsiteX27" fmla="*/ 9774 w 10000"/>
                <a:gd name="connsiteY27" fmla="*/ 2474 h 10000"/>
                <a:gd name="connsiteX28" fmla="*/ 9399 w 10000"/>
                <a:gd name="connsiteY28" fmla="*/ 2217 h 10000"/>
                <a:gd name="connsiteX29" fmla="*/ 9173 w 10000"/>
                <a:gd name="connsiteY29" fmla="*/ 1444 h 10000"/>
                <a:gd name="connsiteX30" fmla="*/ 9173 w 10000"/>
                <a:gd name="connsiteY30" fmla="*/ 1031 h 10000"/>
                <a:gd name="connsiteX31" fmla="*/ 9098 w 10000"/>
                <a:gd name="connsiteY31" fmla="*/ 515 h 10000"/>
                <a:gd name="connsiteX32" fmla="*/ 8873 w 10000"/>
                <a:gd name="connsiteY32" fmla="*/ 361 h 10000"/>
                <a:gd name="connsiteX33" fmla="*/ 8497 w 10000"/>
                <a:gd name="connsiteY33" fmla="*/ 155 h 10000"/>
                <a:gd name="connsiteX34" fmla="*/ 8272 w 10000"/>
                <a:gd name="connsiteY34" fmla="*/ 0 h 10000"/>
                <a:gd name="connsiteX35" fmla="*/ 7821 w 10000"/>
                <a:gd name="connsiteY35" fmla="*/ 206 h 10000"/>
                <a:gd name="connsiteX36" fmla="*/ 7370 w 10000"/>
                <a:gd name="connsiteY36" fmla="*/ 515 h 10000"/>
                <a:gd name="connsiteX37" fmla="*/ 6769 w 10000"/>
                <a:gd name="connsiteY37" fmla="*/ 515 h 10000"/>
                <a:gd name="connsiteX38" fmla="*/ 5717 w 10000"/>
                <a:gd name="connsiteY38" fmla="*/ 515 h 10000"/>
                <a:gd name="connsiteX39" fmla="*/ 5717 w 10000"/>
                <a:gd name="connsiteY39" fmla="*/ 464 h 10000"/>
                <a:gd name="connsiteX40" fmla="*/ 5643 w 10000"/>
                <a:gd name="connsiteY40" fmla="*/ 515 h 10000"/>
                <a:gd name="connsiteX41" fmla="*/ 1961 w 10000"/>
                <a:gd name="connsiteY41" fmla="*/ 515 h 10000"/>
                <a:gd name="connsiteX42" fmla="*/ 1961 w 10000"/>
                <a:gd name="connsiteY42" fmla="*/ 1598 h 10000"/>
                <a:gd name="connsiteX43" fmla="*/ 1285 w 10000"/>
                <a:gd name="connsiteY43" fmla="*/ 1598 h 10000"/>
                <a:gd name="connsiteX44" fmla="*/ 1285 w 10000"/>
                <a:gd name="connsiteY44" fmla="*/ 1804 h 10000"/>
                <a:gd name="connsiteX45" fmla="*/ 1285 w 10000"/>
                <a:gd name="connsiteY45" fmla="*/ 3659 h 10000"/>
                <a:gd name="connsiteX46" fmla="*/ 1135 w 10000"/>
                <a:gd name="connsiteY46" fmla="*/ 3762 h 10000"/>
                <a:gd name="connsiteX47" fmla="*/ 684 w 10000"/>
                <a:gd name="connsiteY47" fmla="*/ 3969 h 10000"/>
                <a:gd name="connsiteX48" fmla="*/ 609 w 10000"/>
                <a:gd name="connsiteY48" fmla="*/ 4227 h 10000"/>
                <a:gd name="connsiteX49" fmla="*/ 384 w 10000"/>
                <a:gd name="connsiteY49" fmla="*/ 4485 h 10000"/>
                <a:gd name="connsiteX50" fmla="*/ 234 w 10000"/>
                <a:gd name="connsiteY50" fmla="*/ 4897 h 10000"/>
                <a:gd name="connsiteX51" fmla="*/ 8 w 10000"/>
                <a:gd name="connsiteY51" fmla="*/ 5361 h 10000"/>
                <a:gd name="connsiteX52" fmla="*/ 384 w 10000"/>
                <a:gd name="connsiteY52" fmla="*/ 5412 h 10000"/>
                <a:gd name="connsiteX53" fmla="*/ 458 w 10000"/>
                <a:gd name="connsiteY53" fmla="*/ 5824 h 10000"/>
                <a:gd name="connsiteX54" fmla="*/ 684 w 10000"/>
                <a:gd name="connsiteY54" fmla="*/ 6237 h 10000"/>
                <a:gd name="connsiteX55" fmla="*/ 1059 w 10000"/>
                <a:gd name="connsiteY55" fmla="*/ 7062 h 10000"/>
                <a:gd name="connsiteX56" fmla="*/ 1961 w 10000"/>
                <a:gd name="connsiteY56" fmla="*/ 7680 h 10000"/>
                <a:gd name="connsiteX57" fmla="*/ 2337 w 10000"/>
                <a:gd name="connsiteY57" fmla="*/ 8093 h 10000"/>
                <a:gd name="connsiteX58" fmla="*/ 2788 w 10000"/>
                <a:gd name="connsiteY58" fmla="*/ 8505 h 10000"/>
                <a:gd name="connsiteX59" fmla="*/ 3088 w 10000"/>
                <a:gd name="connsiteY59" fmla="*/ 8814 h 10000"/>
                <a:gd name="connsiteX60" fmla="*/ 3463 w 10000"/>
                <a:gd name="connsiteY60" fmla="*/ 9227 h 10000"/>
                <a:gd name="connsiteX0" fmla="*/ 3463 w 10000"/>
                <a:gd name="connsiteY0" fmla="*/ 9227 h 10000"/>
                <a:gd name="connsiteX1" fmla="*/ 4064 w 10000"/>
                <a:gd name="connsiteY1" fmla="*/ 9536 h 10000"/>
                <a:gd name="connsiteX2" fmla="*/ 4515 w 10000"/>
                <a:gd name="connsiteY2" fmla="*/ 9433 h 10000"/>
                <a:gd name="connsiteX3" fmla="*/ 5417 w 10000"/>
                <a:gd name="connsiteY3" fmla="*/ 10000 h 10000"/>
                <a:gd name="connsiteX4" fmla="*/ 5868 w 10000"/>
                <a:gd name="connsiteY4" fmla="*/ 9845 h 10000"/>
                <a:gd name="connsiteX5" fmla="*/ 6093 w 10000"/>
                <a:gd name="connsiteY5" fmla="*/ 9948 h 10000"/>
                <a:gd name="connsiteX6" fmla="*/ 6769 w 10000"/>
                <a:gd name="connsiteY6" fmla="*/ 9742 h 10000"/>
                <a:gd name="connsiteX7" fmla="*/ 6919 w 10000"/>
                <a:gd name="connsiteY7" fmla="*/ 9845 h 10000"/>
                <a:gd name="connsiteX8" fmla="*/ 7220 w 10000"/>
                <a:gd name="connsiteY8" fmla="*/ 9588 h 10000"/>
                <a:gd name="connsiteX9" fmla="*/ 7671 w 10000"/>
                <a:gd name="connsiteY9" fmla="*/ 9279 h 10000"/>
                <a:gd name="connsiteX10" fmla="*/ 8197 w 10000"/>
                <a:gd name="connsiteY10" fmla="*/ 9279 h 10000"/>
                <a:gd name="connsiteX11" fmla="*/ 8422 w 10000"/>
                <a:gd name="connsiteY11" fmla="*/ 9433 h 10000"/>
                <a:gd name="connsiteX12" fmla="*/ 8272 w 10000"/>
                <a:gd name="connsiteY12" fmla="*/ 9021 h 10000"/>
                <a:gd name="connsiteX13" fmla="*/ 7821 w 10000"/>
                <a:gd name="connsiteY13" fmla="*/ 8556 h 10000"/>
                <a:gd name="connsiteX14" fmla="*/ 7370 w 10000"/>
                <a:gd name="connsiteY14" fmla="*/ 8093 h 10000"/>
                <a:gd name="connsiteX15" fmla="*/ 6769 w 10000"/>
                <a:gd name="connsiteY15" fmla="*/ 7680 h 10000"/>
                <a:gd name="connsiteX16" fmla="*/ 7145 w 10000"/>
                <a:gd name="connsiteY16" fmla="*/ 7526 h 10000"/>
                <a:gd name="connsiteX17" fmla="*/ 7446 w 10000"/>
                <a:gd name="connsiteY17" fmla="*/ 6701 h 10000"/>
                <a:gd name="connsiteX18" fmla="*/ 7446 w 10000"/>
                <a:gd name="connsiteY18" fmla="*/ 6341 h 10000"/>
                <a:gd name="connsiteX19" fmla="*/ 7821 w 10000"/>
                <a:gd name="connsiteY19" fmla="*/ 6341 h 10000"/>
                <a:gd name="connsiteX20" fmla="*/ 8047 w 10000"/>
                <a:gd name="connsiteY20" fmla="*/ 5670 h 10000"/>
                <a:gd name="connsiteX21" fmla="*/ 8648 w 10000"/>
                <a:gd name="connsiteY21" fmla="*/ 5258 h 10000"/>
                <a:gd name="connsiteX22" fmla="*/ 8873 w 10000"/>
                <a:gd name="connsiteY22" fmla="*/ 4485 h 10000"/>
                <a:gd name="connsiteX23" fmla="*/ 8722 w 10000"/>
                <a:gd name="connsiteY23" fmla="*/ 4073 h 10000"/>
                <a:gd name="connsiteX24" fmla="*/ 9098 w 10000"/>
                <a:gd name="connsiteY24" fmla="*/ 3196 h 10000"/>
                <a:gd name="connsiteX25" fmla="*/ 9399 w 10000"/>
                <a:gd name="connsiteY25" fmla="*/ 2938 h 10000"/>
                <a:gd name="connsiteX26" fmla="*/ 10000 w 10000"/>
                <a:gd name="connsiteY26" fmla="*/ 2526 h 10000"/>
                <a:gd name="connsiteX27" fmla="*/ 9774 w 10000"/>
                <a:gd name="connsiteY27" fmla="*/ 2474 h 10000"/>
                <a:gd name="connsiteX28" fmla="*/ 9399 w 10000"/>
                <a:gd name="connsiteY28" fmla="*/ 2217 h 10000"/>
                <a:gd name="connsiteX29" fmla="*/ 9173 w 10000"/>
                <a:gd name="connsiteY29" fmla="*/ 1444 h 10000"/>
                <a:gd name="connsiteX30" fmla="*/ 9173 w 10000"/>
                <a:gd name="connsiteY30" fmla="*/ 1031 h 10000"/>
                <a:gd name="connsiteX31" fmla="*/ 9098 w 10000"/>
                <a:gd name="connsiteY31" fmla="*/ 515 h 10000"/>
                <a:gd name="connsiteX32" fmla="*/ 8873 w 10000"/>
                <a:gd name="connsiteY32" fmla="*/ 361 h 10000"/>
                <a:gd name="connsiteX33" fmla="*/ 8497 w 10000"/>
                <a:gd name="connsiteY33" fmla="*/ 155 h 10000"/>
                <a:gd name="connsiteX34" fmla="*/ 8272 w 10000"/>
                <a:gd name="connsiteY34" fmla="*/ 0 h 10000"/>
                <a:gd name="connsiteX35" fmla="*/ 7821 w 10000"/>
                <a:gd name="connsiteY35" fmla="*/ 206 h 10000"/>
                <a:gd name="connsiteX36" fmla="*/ 7370 w 10000"/>
                <a:gd name="connsiteY36" fmla="*/ 515 h 10000"/>
                <a:gd name="connsiteX37" fmla="*/ 6769 w 10000"/>
                <a:gd name="connsiteY37" fmla="*/ 515 h 10000"/>
                <a:gd name="connsiteX38" fmla="*/ 5717 w 10000"/>
                <a:gd name="connsiteY38" fmla="*/ 515 h 10000"/>
                <a:gd name="connsiteX39" fmla="*/ 5717 w 10000"/>
                <a:gd name="connsiteY39" fmla="*/ 464 h 10000"/>
                <a:gd name="connsiteX40" fmla="*/ 5643 w 10000"/>
                <a:gd name="connsiteY40" fmla="*/ 515 h 10000"/>
                <a:gd name="connsiteX41" fmla="*/ 1961 w 10000"/>
                <a:gd name="connsiteY41" fmla="*/ 515 h 10000"/>
                <a:gd name="connsiteX42" fmla="*/ 1961 w 10000"/>
                <a:gd name="connsiteY42" fmla="*/ 1598 h 10000"/>
                <a:gd name="connsiteX43" fmla="*/ 1285 w 10000"/>
                <a:gd name="connsiteY43" fmla="*/ 1598 h 10000"/>
                <a:gd name="connsiteX44" fmla="*/ 1285 w 10000"/>
                <a:gd name="connsiteY44" fmla="*/ 1804 h 10000"/>
                <a:gd name="connsiteX45" fmla="*/ 1285 w 10000"/>
                <a:gd name="connsiteY45" fmla="*/ 3659 h 10000"/>
                <a:gd name="connsiteX46" fmla="*/ 1135 w 10000"/>
                <a:gd name="connsiteY46" fmla="*/ 3762 h 10000"/>
                <a:gd name="connsiteX47" fmla="*/ 684 w 10000"/>
                <a:gd name="connsiteY47" fmla="*/ 3969 h 10000"/>
                <a:gd name="connsiteX48" fmla="*/ 609 w 10000"/>
                <a:gd name="connsiteY48" fmla="*/ 4227 h 10000"/>
                <a:gd name="connsiteX49" fmla="*/ 384 w 10000"/>
                <a:gd name="connsiteY49" fmla="*/ 4485 h 10000"/>
                <a:gd name="connsiteX50" fmla="*/ 234 w 10000"/>
                <a:gd name="connsiteY50" fmla="*/ 4897 h 10000"/>
                <a:gd name="connsiteX51" fmla="*/ 8 w 10000"/>
                <a:gd name="connsiteY51" fmla="*/ 5361 h 10000"/>
                <a:gd name="connsiteX52" fmla="*/ 384 w 10000"/>
                <a:gd name="connsiteY52" fmla="*/ 5412 h 10000"/>
                <a:gd name="connsiteX53" fmla="*/ 458 w 10000"/>
                <a:gd name="connsiteY53" fmla="*/ 5824 h 10000"/>
                <a:gd name="connsiteX54" fmla="*/ 684 w 10000"/>
                <a:gd name="connsiteY54" fmla="*/ 6237 h 10000"/>
                <a:gd name="connsiteX55" fmla="*/ 1059 w 10000"/>
                <a:gd name="connsiteY55" fmla="*/ 7062 h 10000"/>
                <a:gd name="connsiteX56" fmla="*/ 2337 w 10000"/>
                <a:gd name="connsiteY56" fmla="*/ 8093 h 10000"/>
                <a:gd name="connsiteX57" fmla="*/ 2788 w 10000"/>
                <a:gd name="connsiteY57" fmla="*/ 8505 h 10000"/>
                <a:gd name="connsiteX58" fmla="*/ 3088 w 10000"/>
                <a:gd name="connsiteY58" fmla="*/ 8814 h 10000"/>
                <a:gd name="connsiteX59" fmla="*/ 3463 w 10000"/>
                <a:gd name="connsiteY59" fmla="*/ 9227 h 10000"/>
                <a:gd name="connsiteX0" fmla="*/ 3463 w 10000"/>
                <a:gd name="connsiteY0" fmla="*/ 9227 h 10000"/>
                <a:gd name="connsiteX1" fmla="*/ 4064 w 10000"/>
                <a:gd name="connsiteY1" fmla="*/ 9536 h 10000"/>
                <a:gd name="connsiteX2" fmla="*/ 4515 w 10000"/>
                <a:gd name="connsiteY2" fmla="*/ 9433 h 10000"/>
                <a:gd name="connsiteX3" fmla="*/ 5417 w 10000"/>
                <a:gd name="connsiteY3" fmla="*/ 10000 h 10000"/>
                <a:gd name="connsiteX4" fmla="*/ 5868 w 10000"/>
                <a:gd name="connsiteY4" fmla="*/ 9845 h 10000"/>
                <a:gd name="connsiteX5" fmla="*/ 6093 w 10000"/>
                <a:gd name="connsiteY5" fmla="*/ 9948 h 10000"/>
                <a:gd name="connsiteX6" fmla="*/ 6769 w 10000"/>
                <a:gd name="connsiteY6" fmla="*/ 9742 h 10000"/>
                <a:gd name="connsiteX7" fmla="*/ 6919 w 10000"/>
                <a:gd name="connsiteY7" fmla="*/ 9845 h 10000"/>
                <a:gd name="connsiteX8" fmla="*/ 7220 w 10000"/>
                <a:gd name="connsiteY8" fmla="*/ 9588 h 10000"/>
                <a:gd name="connsiteX9" fmla="*/ 7671 w 10000"/>
                <a:gd name="connsiteY9" fmla="*/ 9279 h 10000"/>
                <a:gd name="connsiteX10" fmla="*/ 8197 w 10000"/>
                <a:gd name="connsiteY10" fmla="*/ 9279 h 10000"/>
                <a:gd name="connsiteX11" fmla="*/ 8422 w 10000"/>
                <a:gd name="connsiteY11" fmla="*/ 9433 h 10000"/>
                <a:gd name="connsiteX12" fmla="*/ 8272 w 10000"/>
                <a:gd name="connsiteY12" fmla="*/ 9021 h 10000"/>
                <a:gd name="connsiteX13" fmla="*/ 7821 w 10000"/>
                <a:gd name="connsiteY13" fmla="*/ 8556 h 10000"/>
                <a:gd name="connsiteX14" fmla="*/ 7370 w 10000"/>
                <a:gd name="connsiteY14" fmla="*/ 8093 h 10000"/>
                <a:gd name="connsiteX15" fmla="*/ 6769 w 10000"/>
                <a:gd name="connsiteY15" fmla="*/ 7680 h 10000"/>
                <a:gd name="connsiteX16" fmla="*/ 7145 w 10000"/>
                <a:gd name="connsiteY16" fmla="*/ 7526 h 10000"/>
                <a:gd name="connsiteX17" fmla="*/ 7446 w 10000"/>
                <a:gd name="connsiteY17" fmla="*/ 6701 h 10000"/>
                <a:gd name="connsiteX18" fmla="*/ 7446 w 10000"/>
                <a:gd name="connsiteY18" fmla="*/ 6341 h 10000"/>
                <a:gd name="connsiteX19" fmla="*/ 7821 w 10000"/>
                <a:gd name="connsiteY19" fmla="*/ 6341 h 10000"/>
                <a:gd name="connsiteX20" fmla="*/ 8047 w 10000"/>
                <a:gd name="connsiteY20" fmla="*/ 5670 h 10000"/>
                <a:gd name="connsiteX21" fmla="*/ 8648 w 10000"/>
                <a:gd name="connsiteY21" fmla="*/ 5258 h 10000"/>
                <a:gd name="connsiteX22" fmla="*/ 8873 w 10000"/>
                <a:gd name="connsiteY22" fmla="*/ 4485 h 10000"/>
                <a:gd name="connsiteX23" fmla="*/ 8722 w 10000"/>
                <a:gd name="connsiteY23" fmla="*/ 4073 h 10000"/>
                <a:gd name="connsiteX24" fmla="*/ 9098 w 10000"/>
                <a:gd name="connsiteY24" fmla="*/ 3196 h 10000"/>
                <a:gd name="connsiteX25" fmla="*/ 9399 w 10000"/>
                <a:gd name="connsiteY25" fmla="*/ 2938 h 10000"/>
                <a:gd name="connsiteX26" fmla="*/ 10000 w 10000"/>
                <a:gd name="connsiteY26" fmla="*/ 2526 h 10000"/>
                <a:gd name="connsiteX27" fmla="*/ 9774 w 10000"/>
                <a:gd name="connsiteY27" fmla="*/ 2474 h 10000"/>
                <a:gd name="connsiteX28" fmla="*/ 9399 w 10000"/>
                <a:gd name="connsiteY28" fmla="*/ 2217 h 10000"/>
                <a:gd name="connsiteX29" fmla="*/ 9173 w 10000"/>
                <a:gd name="connsiteY29" fmla="*/ 1444 h 10000"/>
                <a:gd name="connsiteX30" fmla="*/ 9173 w 10000"/>
                <a:gd name="connsiteY30" fmla="*/ 1031 h 10000"/>
                <a:gd name="connsiteX31" fmla="*/ 9098 w 10000"/>
                <a:gd name="connsiteY31" fmla="*/ 515 h 10000"/>
                <a:gd name="connsiteX32" fmla="*/ 8873 w 10000"/>
                <a:gd name="connsiteY32" fmla="*/ 361 h 10000"/>
                <a:gd name="connsiteX33" fmla="*/ 8497 w 10000"/>
                <a:gd name="connsiteY33" fmla="*/ 155 h 10000"/>
                <a:gd name="connsiteX34" fmla="*/ 8272 w 10000"/>
                <a:gd name="connsiteY34" fmla="*/ 0 h 10000"/>
                <a:gd name="connsiteX35" fmla="*/ 7821 w 10000"/>
                <a:gd name="connsiteY35" fmla="*/ 206 h 10000"/>
                <a:gd name="connsiteX36" fmla="*/ 7370 w 10000"/>
                <a:gd name="connsiteY36" fmla="*/ 515 h 10000"/>
                <a:gd name="connsiteX37" fmla="*/ 6769 w 10000"/>
                <a:gd name="connsiteY37" fmla="*/ 515 h 10000"/>
                <a:gd name="connsiteX38" fmla="*/ 5717 w 10000"/>
                <a:gd name="connsiteY38" fmla="*/ 515 h 10000"/>
                <a:gd name="connsiteX39" fmla="*/ 5717 w 10000"/>
                <a:gd name="connsiteY39" fmla="*/ 464 h 10000"/>
                <a:gd name="connsiteX40" fmla="*/ 5643 w 10000"/>
                <a:gd name="connsiteY40" fmla="*/ 515 h 10000"/>
                <a:gd name="connsiteX41" fmla="*/ 1961 w 10000"/>
                <a:gd name="connsiteY41" fmla="*/ 515 h 10000"/>
                <a:gd name="connsiteX42" fmla="*/ 1961 w 10000"/>
                <a:gd name="connsiteY42" fmla="*/ 1598 h 10000"/>
                <a:gd name="connsiteX43" fmla="*/ 1285 w 10000"/>
                <a:gd name="connsiteY43" fmla="*/ 1598 h 10000"/>
                <a:gd name="connsiteX44" fmla="*/ 1285 w 10000"/>
                <a:gd name="connsiteY44" fmla="*/ 1804 h 10000"/>
                <a:gd name="connsiteX45" fmla="*/ 1285 w 10000"/>
                <a:gd name="connsiteY45" fmla="*/ 3659 h 10000"/>
                <a:gd name="connsiteX46" fmla="*/ 1135 w 10000"/>
                <a:gd name="connsiteY46" fmla="*/ 3762 h 10000"/>
                <a:gd name="connsiteX47" fmla="*/ 684 w 10000"/>
                <a:gd name="connsiteY47" fmla="*/ 3969 h 10000"/>
                <a:gd name="connsiteX48" fmla="*/ 609 w 10000"/>
                <a:gd name="connsiteY48" fmla="*/ 4227 h 10000"/>
                <a:gd name="connsiteX49" fmla="*/ 384 w 10000"/>
                <a:gd name="connsiteY49" fmla="*/ 4485 h 10000"/>
                <a:gd name="connsiteX50" fmla="*/ 234 w 10000"/>
                <a:gd name="connsiteY50" fmla="*/ 4897 h 10000"/>
                <a:gd name="connsiteX51" fmla="*/ 8 w 10000"/>
                <a:gd name="connsiteY51" fmla="*/ 5361 h 10000"/>
                <a:gd name="connsiteX52" fmla="*/ 384 w 10000"/>
                <a:gd name="connsiteY52" fmla="*/ 5412 h 10000"/>
                <a:gd name="connsiteX53" fmla="*/ 458 w 10000"/>
                <a:gd name="connsiteY53" fmla="*/ 5824 h 10000"/>
                <a:gd name="connsiteX54" fmla="*/ 684 w 10000"/>
                <a:gd name="connsiteY54" fmla="*/ 6237 h 10000"/>
                <a:gd name="connsiteX55" fmla="*/ 1059 w 10000"/>
                <a:gd name="connsiteY55" fmla="*/ 7062 h 10000"/>
                <a:gd name="connsiteX56" fmla="*/ 2337 w 10000"/>
                <a:gd name="connsiteY56" fmla="*/ 8093 h 10000"/>
                <a:gd name="connsiteX57" fmla="*/ 3088 w 10000"/>
                <a:gd name="connsiteY57" fmla="*/ 8814 h 10000"/>
                <a:gd name="connsiteX58" fmla="*/ 3463 w 10000"/>
                <a:gd name="connsiteY58" fmla="*/ 9227 h 10000"/>
                <a:gd name="connsiteX0" fmla="*/ 3463 w 10000"/>
                <a:gd name="connsiteY0" fmla="*/ 9227 h 10000"/>
                <a:gd name="connsiteX1" fmla="*/ 4064 w 10000"/>
                <a:gd name="connsiteY1" fmla="*/ 9536 h 10000"/>
                <a:gd name="connsiteX2" fmla="*/ 4515 w 10000"/>
                <a:gd name="connsiteY2" fmla="*/ 9433 h 10000"/>
                <a:gd name="connsiteX3" fmla="*/ 5417 w 10000"/>
                <a:gd name="connsiteY3" fmla="*/ 10000 h 10000"/>
                <a:gd name="connsiteX4" fmla="*/ 5868 w 10000"/>
                <a:gd name="connsiteY4" fmla="*/ 9845 h 10000"/>
                <a:gd name="connsiteX5" fmla="*/ 6093 w 10000"/>
                <a:gd name="connsiteY5" fmla="*/ 9948 h 10000"/>
                <a:gd name="connsiteX6" fmla="*/ 6769 w 10000"/>
                <a:gd name="connsiteY6" fmla="*/ 9742 h 10000"/>
                <a:gd name="connsiteX7" fmla="*/ 6919 w 10000"/>
                <a:gd name="connsiteY7" fmla="*/ 9845 h 10000"/>
                <a:gd name="connsiteX8" fmla="*/ 7220 w 10000"/>
                <a:gd name="connsiteY8" fmla="*/ 9588 h 10000"/>
                <a:gd name="connsiteX9" fmla="*/ 7671 w 10000"/>
                <a:gd name="connsiteY9" fmla="*/ 9279 h 10000"/>
                <a:gd name="connsiteX10" fmla="*/ 8197 w 10000"/>
                <a:gd name="connsiteY10" fmla="*/ 9279 h 10000"/>
                <a:gd name="connsiteX11" fmla="*/ 8422 w 10000"/>
                <a:gd name="connsiteY11" fmla="*/ 9433 h 10000"/>
                <a:gd name="connsiteX12" fmla="*/ 8272 w 10000"/>
                <a:gd name="connsiteY12" fmla="*/ 9021 h 10000"/>
                <a:gd name="connsiteX13" fmla="*/ 7821 w 10000"/>
                <a:gd name="connsiteY13" fmla="*/ 8556 h 10000"/>
                <a:gd name="connsiteX14" fmla="*/ 7370 w 10000"/>
                <a:gd name="connsiteY14" fmla="*/ 8093 h 10000"/>
                <a:gd name="connsiteX15" fmla="*/ 6769 w 10000"/>
                <a:gd name="connsiteY15" fmla="*/ 7680 h 10000"/>
                <a:gd name="connsiteX16" fmla="*/ 7145 w 10000"/>
                <a:gd name="connsiteY16" fmla="*/ 7526 h 10000"/>
                <a:gd name="connsiteX17" fmla="*/ 7446 w 10000"/>
                <a:gd name="connsiteY17" fmla="*/ 6701 h 10000"/>
                <a:gd name="connsiteX18" fmla="*/ 7446 w 10000"/>
                <a:gd name="connsiteY18" fmla="*/ 6341 h 10000"/>
                <a:gd name="connsiteX19" fmla="*/ 7821 w 10000"/>
                <a:gd name="connsiteY19" fmla="*/ 6341 h 10000"/>
                <a:gd name="connsiteX20" fmla="*/ 8047 w 10000"/>
                <a:gd name="connsiteY20" fmla="*/ 5670 h 10000"/>
                <a:gd name="connsiteX21" fmla="*/ 8648 w 10000"/>
                <a:gd name="connsiteY21" fmla="*/ 5258 h 10000"/>
                <a:gd name="connsiteX22" fmla="*/ 8873 w 10000"/>
                <a:gd name="connsiteY22" fmla="*/ 4485 h 10000"/>
                <a:gd name="connsiteX23" fmla="*/ 8722 w 10000"/>
                <a:gd name="connsiteY23" fmla="*/ 4073 h 10000"/>
                <a:gd name="connsiteX24" fmla="*/ 9098 w 10000"/>
                <a:gd name="connsiteY24" fmla="*/ 3196 h 10000"/>
                <a:gd name="connsiteX25" fmla="*/ 9399 w 10000"/>
                <a:gd name="connsiteY25" fmla="*/ 2938 h 10000"/>
                <a:gd name="connsiteX26" fmla="*/ 10000 w 10000"/>
                <a:gd name="connsiteY26" fmla="*/ 2526 h 10000"/>
                <a:gd name="connsiteX27" fmla="*/ 9774 w 10000"/>
                <a:gd name="connsiteY27" fmla="*/ 2474 h 10000"/>
                <a:gd name="connsiteX28" fmla="*/ 9399 w 10000"/>
                <a:gd name="connsiteY28" fmla="*/ 2217 h 10000"/>
                <a:gd name="connsiteX29" fmla="*/ 9173 w 10000"/>
                <a:gd name="connsiteY29" fmla="*/ 1444 h 10000"/>
                <a:gd name="connsiteX30" fmla="*/ 9173 w 10000"/>
                <a:gd name="connsiteY30" fmla="*/ 1031 h 10000"/>
                <a:gd name="connsiteX31" fmla="*/ 9098 w 10000"/>
                <a:gd name="connsiteY31" fmla="*/ 515 h 10000"/>
                <a:gd name="connsiteX32" fmla="*/ 8873 w 10000"/>
                <a:gd name="connsiteY32" fmla="*/ 361 h 10000"/>
                <a:gd name="connsiteX33" fmla="*/ 8497 w 10000"/>
                <a:gd name="connsiteY33" fmla="*/ 155 h 10000"/>
                <a:gd name="connsiteX34" fmla="*/ 8272 w 10000"/>
                <a:gd name="connsiteY34" fmla="*/ 0 h 10000"/>
                <a:gd name="connsiteX35" fmla="*/ 7821 w 10000"/>
                <a:gd name="connsiteY35" fmla="*/ 206 h 10000"/>
                <a:gd name="connsiteX36" fmla="*/ 7370 w 10000"/>
                <a:gd name="connsiteY36" fmla="*/ 515 h 10000"/>
                <a:gd name="connsiteX37" fmla="*/ 6769 w 10000"/>
                <a:gd name="connsiteY37" fmla="*/ 515 h 10000"/>
                <a:gd name="connsiteX38" fmla="*/ 5717 w 10000"/>
                <a:gd name="connsiteY38" fmla="*/ 515 h 10000"/>
                <a:gd name="connsiteX39" fmla="*/ 5717 w 10000"/>
                <a:gd name="connsiteY39" fmla="*/ 464 h 10000"/>
                <a:gd name="connsiteX40" fmla="*/ 5643 w 10000"/>
                <a:gd name="connsiteY40" fmla="*/ 515 h 10000"/>
                <a:gd name="connsiteX41" fmla="*/ 1961 w 10000"/>
                <a:gd name="connsiteY41" fmla="*/ 515 h 10000"/>
                <a:gd name="connsiteX42" fmla="*/ 1961 w 10000"/>
                <a:gd name="connsiteY42" fmla="*/ 1598 h 10000"/>
                <a:gd name="connsiteX43" fmla="*/ 1285 w 10000"/>
                <a:gd name="connsiteY43" fmla="*/ 1598 h 10000"/>
                <a:gd name="connsiteX44" fmla="*/ 1285 w 10000"/>
                <a:gd name="connsiteY44" fmla="*/ 1804 h 10000"/>
                <a:gd name="connsiteX45" fmla="*/ 1285 w 10000"/>
                <a:gd name="connsiteY45" fmla="*/ 3659 h 10000"/>
                <a:gd name="connsiteX46" fmla="*/ 1135 w 10000"/>
                <a:gd name="connsiteY46" fmla="*/ 3762 h 10000"/>
                <a:gd name="connsiteX47" fmla="*/ 684 w 10000"/>
                <a:gd name="connsiteY47" fmla="*/ 3969 h 10000"/>
                <a:gd name="connsiteX48" fmla="*/ 609 w 10000"/>
                <a:gd name="connsiteY48" fmla="*/ 4227 h 10000"/>
                <a:gd name="connsiteX49" fmla="*/ 384 w 10000"/>
                <a:gd name="connsiteY49" fmla="*/ 4485 h 10000"/>
                <a:gd name="connsiteX50" fmla="*/ 234 w 10000"/>
                <a:gd name="connsiteY50" fmla="*/ 4897 h 10000"/>
                <a:gd name="connsiteX51" fmla="*/ 8 w 10000"/>
                <a:gd name="connsiteY51" fmla="*/ 5361 h 10000"/>
                <a:gd name="connsiteX52" fmla="*/ 384 w 10000"/>
                <a:gd name="connsiteY52" fmla="*/ 5412 h 10000"/>
                <a:gd name="connsiteX53" fmla="*/ 458 w 10000"/>
                <a:gd name="connsiteY53" fmla="*/ 5824 h 10000"/>
                <a:gd name="connsiteX54" fmla="*/ 684 w 10000"/>
                <a:gd name="connsiteY54" fmla="*/ 6237 h 10000"/>
                <a:gd name="connsiteX55" fmla="*/ 1059 w 10000"/>
                <a:gd name="connsiteY55" fmla="*/ 7062 h 10000"/>
                <a:gd name="connsiteX56" fmla="*/ 3088 w 10000"/>
                <a:gd name="connsiteY56" fmla="*/ 8814 h 10000"/>
                <a:gd name="connsiteX57" fmla="*/ 3463 w 10000"/>
                <a:gd name="connsiteY57" fmla="*/ 9227 h 10000"/>
                <a:gd name="connsiteX0" fmla="*/ 3463 w 10000"/>
                <a:gd name="connsiteY0" fmla="*/ 9227 h 10000"/>
                <a:gd name="connsiteX1" fmla="*/ 4064 w 10000"/>
                <a:gd name="connsiteY1" fmla="*/ 9536 h 10000"/>
                <a:gd name="connsiteX2" fmla="*/ 4515 w 10000"/>
                <a:gd name="connsiteY2" fmla="*/ 9433 h 10000"/>
                <a:gd name="connsiteX3" fmla="*/ 5417 w 10000"/>
                <a:gd name="connsiteY3" fmla="*/ 10000 h 10000"/>
                <a:gd name="connsiteX4" fmla="*/ 5868 w 10000"/>
                <a:gd name="connsiteY4" fmla="*/ 9845 h 10000"/>
                <a:gd name="connsiteX5" fmla="*/ 6093 w 10000"/>
                <a:gd name="connsiteY5" fmla="*/ 9948 h 10000"/>
                <a:gd name="connsiteX6" fmla="*/ 6769 w 10000"/>
                <a:gd name="connsiteY6" fmla="*/ 9742 h 10000"/>
                <a:gd name="connsiteX7" fmla="*/ 6919 w 10000"/>
                <a:gd name="connsiteY7" fmla="*/ 9845 h 10000"/>
                <a:gd name="connsiteX8" fmla="*/ 7220 w 10000"/>
                <a:gd name="connsiteY8" fmla="*/ 9588 h 10000"/>
                <a:gd name="connsiteX9" fmla="*/ 7671 w 10000"/>
                <a:gd name="connsiteY9" fmla="*/ 9279 h 10000"/>
                <a:gd name="connsiteX10" fmla="*/ 8197 w 10000"/>
                <a:gd name="connsiteY10" fmla="*/ 9279 h 10000"/>
                <a:gd name="connsiteX11" fmla="*/ 8422 w 10000"/>
                <a:gd name="connsiteY11" fmla="*/ 9433 h 10000"/>
                <a:gd name="connsiteX12" fmla="*/ 8272 w 10000"/>
                <a:gd name="connsiteY12" fmla="*/ 9021 h 10000"/>
                <a:gd name="connsiteX13" fmla="*/ 7821 w 10000"/>
                <a:gd name="connsiteY13" fmla="*/ 8556 h 10000"/>
                <a:gd name="connsiteX14" fmla="*/ 7370 w 10000"/>
                <a:gd name="connsiteY14" fmla="*/ 8093 h 10000"/>
                <a:gd name="connsiteX15" fmla="*/ 6769 w 10000"/>
                <a:gd name="connsiteY15" fmla="*/ 7680 h 10000"/>
                <a:gd name="connsiteX16" fmla="*/ 7145 w 10000"/>
                <a:gd name="connsiteY16" fmla="*/ 7526 h 10000"/>
                <a:gd name="connsiteX17" fmla="*/ 7446 w 10000"/>
                <a:gd name="connsiteY17" fmla="*/ 6701 h 10000"/>
                <a:gd name="connsiteX18" fmla="*/ 7446 w 10000"/>
                <a:gd name="connsiteY18" fmla="*/ 6341 h 10000"/>
                <a:gd name="connsiteX19" fmla="*/ 7821 w 10000"/>
                <a:gd name="connsiteY19" fmla="*/ 6341 h 10000"/>
                <a:gd name="connsiteX20" fmla="*/ 8047 w 10000"/>
                <a:gd name="connsiteY20" fmla="*/ 5670 h 10000"/>
                <a:gd name="connsiteX21" fmla="*/ 8648 w 10000"/>
                <a:gd name="connsiteY21" fmla="*/ 5258 h 10000"/>
                <a:gd name="connsiteX22" fmla="*/ 8873 w 10000"/>
                <a:gd name="connsiteY22" fmla="*/ 4485 h 10000"/>
                <a:gd name="connsiteX23" fmla="*/ 8722 w 10000"/>
                <a:gd name="connsiteY23" fmla="*/ 4073 h 10000"/>
                <a:gd name="connsiteX24" fmla="*/ 9098 w 10000"/>
                <a:gd name="connsiteY24" fmla="*/ 3196 h 10000"/>
                <a:gd name="connsiteX25" fmla="*/ 9399 w 10000"/>
                <a:gd name="connsiteY25" fmla="*/ 2938 h 10000"/>
                <a:gd name="connsiteX26" fmla="*/ 10000 w 10000"/>
                <a:gd name="connsiteY26" fmla="*/ 2526 h 10000"/>
                <a:gd name="connsiteX27" fmla="*/ 9774 w 10000"/>
                <a:gd name="connsiteY27" fmla="*/ 2474 h 10000"/>
                <a:gd name="connsiteX28" fmla="*/ 9399 w 10000"/>
                <a:gd name="connsiteY28" fmla="*/ 2217 h 10000"/>
                <a:gd name="connsiteX29" fmla="*/ 9173 w 10000"/>
                <a:gd name="connsiteY29" fmla="*/ 1444 h 10000"/>
                <a:gd name="connsiteX30" fmla="*/ 9173 w 10000"/>
                <a:gd name="connsiteY30" fmla="*/ 1031 h 10000"/>
                <a:gd name="connsiteX31" fmla="*/ 9098 w 10000"/>
                <a:gd name="connsiteY31" fmla="*/ 515 h 10000"/>
                <a:gd name="connsiteX32" fmla="*/ 8873 w 10000"/>
                <a:gd name="connsiteY32" fmla="*/ 361 h 10000"/>
                <a:gd name="connsiteX33" fmla="*/ 8497 w 10000"/>
                <a:gd name="connsiteY33" fmla="*/ 155 h 10000"/>
                <a:gd name="connsiteX34" fmla="*/ 8272 w 10000"/>
                <a:gd name="connsiteY34" fmla="*/ 0 h 10000"/>
                <a:gd name="connsiteX35" fmla="*/ 7821 w 10000"/>
                <a:gd name="connsiteY35" fmla="*/ 206 h 10000"/>
                <a:gd name="connsiteX36" fmla="*/ 7370 w 10000"/>
                <a:gd name="connsiteY36" fmla="*/ 515 h 10000"/>
                <a:gd name="connsiteX37" fmla="*/ 6769 w 10000"/>
                <a:gd name="connsiteY37" fmla="*/ 515 h 10000"/>
                <a:gd name="connsiteX38" fmla="*/ 5717 w 10000"/>
                <a:gd name="connsiteY38" fmla="*/ 515 h 10000"/>
                <a:gd name="connsiteX39" fmla="*/ 5717 w 10000"/>
                <a:gd name="connsiteY39" fmla="*/ 464 h 10000"/>
                <a:gd name="connsiteX40" fmla="*/ 5643 w 10000"/>
                <a:gd name="connsiteY40" fmla="*/ 515 h 10000"/>
                <a:gd name="connsiteX41" fmla="*/ 1961 w 10000"/>
                <a:gd name="connsiteY41" fmla="*/ 515 h 10000"/>
                <a:gd name="connsiteX42" fmla="*/ 1961 w 10000"/>
                <a:gd name="connsiteY42" fmla="*/ 1598 h 10000"/>
                <a:gd name="connsiteX43" fmla="*/ 1285 w 10000"/>
                <a:gd name="connsiteY43" fmla="*/ 1598 h 10000"/>
                <a:gd name="connsiteX44" fmla="*/ 1285 w 10000"/>
                <a:gd name="connsiteY44" fmla="*/ 1804 h 10000"/>
                <a:gd name="connsiteX45" fmla="*/ 1285 w 10000"/>
                <a:gd name="connsiteY45" fmla="*/ 3659 h 10000"/>
                <a:gd name="connsiteX46" fmla="*/ 1135 w 10000"/>
                <a:gd name="connsiteY46" fmla="*/ 3762 h 10000"/>
                <a:gd name="connsiteX47" fmla="*/ 684 w 10000"/>
                <a:gd name="connsiteY47" fmla="*/ 3969 h 10000"/>
                <a:gd name="connsiteX48" fmla="*/ 609 w 10000"/>
                <a:gd name="connsiteY48" fmla="*/ 4227 h 10000"/>
                <a:gd name="connsiteX49" fmla="*/ 384 w 10000"/>
                <a:gd name="connsiteY49" fmla="*/ 4485 h 10000"/>
                <a:gd name="connsiteX50" fmla="*/ 234 w 10000"/>
                <a:gd name="connsiteY50" fmla="*/ 4897 h 10000"/>
                <a:gd name="connsiteX51" fmla="*/ 8 w 10000"/>
                <a:gd name="connsiteY51" fmla="*/ 5361 h 10000"/>
                <a:gd name="connsiteX52" fmla="*/ 384 w 10000"/>
                <a:gd name="connsiteY52" fmla="*/ 5412 h 10000"/>
                <a:gd name="connsiteX53" fmla="*/ 458 w 10000"/>
                <a:gd name="connsiteY53" fmla="*/ 5824 h 10000"/>
                <a:gd name="connsiteX54" fmla="*/ 684 w 10000"/>
                <a:gd name="connsiteY54" fmla="*/ 6237 h 10000"/>
                <a:gd name="connsiteX55" fmla="*/ 1059 w 10000"/>
                <a:gd name="connsiteY55" fmla="*/ 7062 h 10000"/>
                <a:gd name="connsiteX56" fmla="*/ 3463 w 10000"/>
                <a:gd name="connsiteY56" fmla="*/ 9227 h 10000"/>
                <a:gd name="connsiteX0" fmla="*/ 3463 w 10000"/>
                <a:gd name="connsiteY0" fmla="*/ 9227 h 10000"/>
                <a:gd name="connsiteX1" fmla="*/ 4064 w 10000"/>
                <a:gd name="connsiteY1" fmla="*/ 9536 h 10000"/>
                <a:gd name="connsiteX2" fmla="*/ 4515 w 10000"/>
                <a:gd name="connsiteY2" fmla="*/ 9433 h 10000"/>
                <a:gd name="connsiteX3" fmla="*/ 5417 w 10000"/>
                <a:gd name="connsiteY3" fmla="*/ 10000 h 10000"/>
                <a:gd name="connsiteX4" fmla="*/ 5868 w 10000"/>
                <a:gd name="connsiteY4" fmla="*/ 9845 h 10000"/>
                <a:gd name="connsiteX5" fmla="*/ 6093 w 10000"/>
                <a:gd name="connsiteY5" fmla="*/ 9948 h 10000"/>
                <a:gd name="connsiteX6" fmla="*/ 6769 w 10000"/>
                <a:gd name="connsiteY6" fmla="*/ 9742 h 10000"/>
                <a:gd name="connsiteX7" fmla="*/ 6919 w 10000"/>
                <a:gd name="connsiteY7" fmla="*/ 9845 h 10000"/>
                <a:gd name="connsiteX8" fmla="*/ 7220 w 10000"/>
                <a:gd name="connsiteY8" fmla="*/ 9588 h 10000"/>
                <a:gd name="connsiteX9" fmla="*/ 7671 w 10000"/>
                <a:gd name="connsiteY9" fmla="*/ 9279 h 10000"/>
                <a:gd name="connsiteX10" fmla="*/ 8197 w 10000"/>
                <a:gd name="connsiteY10" fmla="*/ 9279 h 10000"/>
                <a:gd name="connsiteX11" fmla="*/ 8422 w 10000"/>
                <a:gd name="connsiteY11" fmla="*/ 9433 h 10000"/>
                <a:gd name="connsiteX12" fmla="*/ 8272 w 10000"/>
                <a:gd name="connsiteY12" fmla="*/ 9021 h 10000"/>
                <a:gd name="connsiteX13" fmla="*/ 7821 w 10000"/>
                <a:gd name="connsiteY13" fmla="*/ 8556 h 10000"/>
                <a:gd name="connsiteX14" fmla="*/ 7370 w 10000"/>
                <a:gd name="connsiteY14" fmla="*/ 8093 h 10000"/>
                <a:gd name="connsiteX15" fmla="*/ 6769 w 10000"/>
                <a:gd name="connsiteY15" fmla="*/ 7680 h 10000"/>
                <a:gd name="connsiteX16" fmla="*/ 7145 w 10000"/>
                <a:gd name="connsiteY16" fmla="*/ 7526 h 10000"/>
                <a:gd name="connsiteX17" fmla="*/ 7446 w 10000"/>
                <a:gd name="connsiteY17" fmla="*/ 6701 h 10000"/>
                <a:gd name="connsiteX18" fmla="*/ 7446 w 10000"/>
                <a:gd name="connsiteY18" fmla="*/ 6341 h 10000"/>
                <a:gd name="connsiteX19" fmla="*/ 7821 w 10000"/>
                <a:gd name="connsiteY19" fmla="*/ 6341 h 10000"/>
                <a:gd name="connsiteX20" fmla="*/ 8047 w 10000"/>
                <a:gd name="connsiteY20" fmla="*/ 5670 h 10000"/>
                <a:gd name="connsiteX21" fmla="*/ 8648 w 10000"/>
                <a:gd name="connsiteY21" fmla="*/ 5258 h 10000"/>
                <a:gd name="connsiteX22" fmla="*/ 8873 w 10000"/>
                <a:gd name="connsiteY22" fmla="*/ 4485 h 10000"/>
                <a:gd name="connsiteX23" fmla="*/ 8722 w 10000"/>
                <a:gd name="connsiteY23" fmla="*/ 4073 h 10000"/>
                <a:gd name="connsiteX24" fmla="*/ 9098 w 10000"/>
                <a:gd name="connsiteY24" fmla="*/ 3196 h 10000"/>
                <a:gd name="connsiteX25" fmla="*/ 9399 w 10000"/>
                <a:gd name="connsiteY25" fmla="*/ 2938 h 10000"/>
                <a:gd name="connsiteX26" fmla="*/ 10000 w 10000"/>
                <a:gd name="connsiteY26" fmla="*/ 2526 h 10000"/>
                <a:gd name="connsiteX27" fmla="*/ 9774 w 10000"/>
                <a:gd name="connsiteY27" fmla="*/ 2474 h 10000"/>
                <a:gd name="connsiteX28" fmla="*/ 9399 w 10000"/>
                <a:gd name="connsiteY28" fmla="*/ 2217 h 10000"/>
                <a:gd name="connsiteX29" fmla="*/ 9173 w 10000"/>
                <a:gd name="connsiteY29" fmla="*/ 1444 h 10000"/>
                <a:gd name="connsiteX30" fmla="*/ 9173 w 10000"/>
                <a:gd name="connsiteY30" fmla="*/ 1031 h 10000"/>
                <a:gd name="connsiteX31" fmla="*/ 9098 w 10000"/>
                <a:gd name="connsiteY31" fmla="*/ 515 h 10000"/>
                <a:gd name="connsiteX32" fmla="*/ 8873 w 10000"/>
                <a:gd name="connsiteY32" fmla="*/ 361 h 10000"/>
                <a:gd name="connsiteX33" fmla="*/ 8497 w 10000"/>
                <a:gd name="connsiteY33" fmla="*/ 155 h 10000"/>
                <a:gd name="connsiteX34" fmla="*/ 8272 w 10000"/>
                <a:gd name="connsiteY34" fmla="*/ 0 h 10000"/>
                <a:gd name="connsiteX35" fmla="*/ 7821 w 10000"/>
                <a:gd name="connsiteY35" fmla="*/ 206 h 10000"/>
                <a:gd name="connsiteX36" fmla="*/ 7370 w 10000"/>
                <a:gd name="connsiteY36" fmla="*/ 515 h 10000"/>
                <a:gd name="connsiteX37" fmla="*/ 6769 w 10000"/>
                <a:gd name="connsiteY37" fmla="*/ 515 h 10000"/>
                <a:gd name="connsiteX38" fmla="*/ 5717 w 10000"/>
                <a:gd name="connsiteY38" fmla="*/ 515 h 10000"/>
                <a:gd name="connsiteX39" fmla="*/ 5717 w 10000"/>
                <a:gd name="connsiteY39" fmla="*/ 464 h 10000"/>
                <a:gd name="connsiteX40" fmla="*/ 5643 w 10000"/>
                <a:gd name="connsiteY40" fmla="*/ 515 h 10000"/>
                <a:gd name="connsiteX41" fmla="*/ 1961 w 10000"/>
                <a:gd name="connsiteY41" fmla="*/ 515 h 10000"/>
                <a:gd name="connsiteX42" fmla="*/ 1961 w 10000"/>
                <a:gd name="connsiteY42" fmla="*/ 1598 h 10000"/>
                <a:gd name="connsiteX43" fmla="*/ 1285 w 10000"/>
                <a:gd name="connsiteY43" fmla="*/ 1598 h 10000"/>
                <a:gd name="connsiteX44" fmla="*/ 1285 w 10000"/>
                <a:gd name="connsiteY44" fmla="*/ 1804 h 10000"/>
                <a:gd name="connsiteX45" fmla="*/ 1285 w 10000"/>
                <a:gd name="connsiteY45" fmla="*/ 3659 h 10000"/>
                <a:gd name="connsiteX46" fmla="*/ 1135 w 10000"/>
                <a:gd name="connsiteY46" fmla="*/ 3762 h 10000"/>
                <a:gd name="connsiteX47" fmla="*/ 684 w 10000"/>
                <a:gd name="connsiteY47" fmla="*/ 3969 h 10000"/>
                <a:gd name="connsiteX48" fmla="*/ 609 w 10000"/>
                <a:gd name="connsiteY48" fmla="*/ 4227 h 10000"/>
                <a:gd name="connsiteX49" fmla="*/ 384 w 10000"/>
                <a:gd name="connsiteY49" fmla="*/ 4485 h 10000"/>
                <a:gd name="connsiteX50" fmla="*/ 234 w 10000"/>
                <a:gd name="connsiteY50" fmla="*/ 4897 h 10000"/>
                <a:gd name="connsiteX51" fmla="*/ 8 w 10000"/>
                <a:gd name="connsiteY51" fmla="*/ 5361 h 10000"/>
                <a:gd name="connsiteX52" fmla="*/ 384 w 10000"/>
                <a:gd name="connsiteY52" fmla="*/ 5412 h 10000"/>
                <a:gd name="connsiteX53" fmla="*/ 458 w 10000"/>
                <a:gd name="connsiteY53" fmla="*/ 5824 h 10000"/>
                <a:gd name="connsiteX54" fmla="*/ 684 w 10000"/>
                <a:gd name="connsiteY54" fmla="*/ 6237 h 10000"/>
                <a:gd name="connsiteX55" fmla="*/ 1059 w 10000"/>
                <a:gd name="connsiteY55" fmla="*/ 7062 h 10000"/>
                <a:gd name="connsiteX0" fmla="*/ 4064 w 10000"/>
                <a:gd name="connsiteY0" fmla="*/ 9536 h 10000"/>
                <a:gd name="connsiteX1" fmla="*/ 4515 w 10000"/>
                <a:gd name="connsiteY1" fmla="*/ 9433 h 10000"/>
                <a:gd name="connsiteX2" fmla="*/ 5417 w 10000"/>
                <a:gd name="connsiteY2" fmla="*/ 10000 h 10000"/>
                <a:gd name="connsiteX3" fmla="*/ 5868 w 10000"/>
                <a:gd name="connsiteY3" fmla="*/ 9845 h 10000"/>
                <a:gd name="connsiteX4" fmla="*/ 6093 w 10000"/>
                <a:gd name="connsiteY4" fmla="*/ 9948 h 10000"/>
                <a:gd name="connsiteX5" fmla="*/ 6769 w 10000"/>
                <a:gd name="connsiteY5" fmla="*/ 9742 h 10000"/>
                <a:gd name="connsiteX6" fmla="*/ 6919 w 10000"/>
                <a:gd name="connsiteY6" fmla="*/ 9845 h 10000"/>
                <a:gd name="connsiteX7" fmla="*/ 7220 w 10000"/>
                <a:gd name="connsiteY7" fmla="*/ 9588 h 10000"/>
                <a:gd name="connsiteX8" fmla="*/ 7671 w 10000"/>
                <a:gd name="connsiteY8" fmla="*/ 9279 h 10000"/>
                <a:gd name="connsiteX9" fmla="*/ 8197 w 10000"/>
                <a:gd name="connsiteY9" fmla="*/ 9279 h 10000"/>
                <a:gd name="connsiteX10" fmla="*/ 8422 w 10000"/>
                <a:gd name="connsiteY10" fmla="*/ 9433 h 10000"/>
                <a:gd name="connsiteX11" fmla="*/ 8272 w 10000"/>
                <a:gd name="connsiteY11" fmla="*/ 9021 h 10000"/>
                <a:gd name="connsiteX12" fmla="*/ 7821 w 10000"/>
                <a:gd name="connsiteY12" fmla="*/ 8556 h 10000"/>
                <a:gd name="connsiteX13" fmla="*/ 7370 w 10000"/>
                <a:gd name="connsiteY13" fmla="*/ 8093 h 10000"/>
                <a:gd name="connsiteX14" fmla="*/ 6769 w 10000"/>
                <a:gd name="connsiteY14" fmla="*/ 7680 h 10000"/>
                <a:gd name="connsiteX15" fmla="*/ 7145 w 10000"/>
                <a:gd name="connsiteY15" fmla="*/ 7526 h 10000"/>
                <a:gd name="connsiteX16" fmla="*/ 7446 w 10000"/>
                <a:gd name="connsiteY16" fmla="*/ 6701 h 10000"/>
                <a:gd name="connsiteX17" fmla="*/ 7446 w 10000"/>
                <a:gd name="connsiteY17" fmla="*/ 6341 h 10000"/>
                <a:gd name="connsiteX18" fmla="*/ 7821 w 10000"/>
                <a:gd name="connsiteY18" fmla="*/ 6341 h 10000"/>
                <a:gd name="connsiteX19" fmla="*/ 8047 w 10000"/>
                <a:gd name="connsiteY19" fmla="*/ 5670 h 10000"/>
                <a:gd name="connsiteX20" fmla="*/ 8648 w 10000"/>
                <a:gd name="connsiteY20" fmla="*/ 5258 h 10000"/>
                <a:gd name="connsiteX21" fmla="*/ 8873 w 10000"/>
                <a:gd name="connsiteY21" fmla="*/ 4485 h 10000"/>
                <a:gd name="connsiteX22" fmla="*/ 8722 w 10000"/>
                <a:gd name="connsiteY22" fmla="*/ 4073 h 10000"/>
                <a:gd name="connsiteX23" fmla="*/ 9098 w 10000"/>
                <a:gd name="connsiteY23" fmla="*/ 3196 h 10000"/>
                <a:gd name="connsiteX24" fmla="*/ 9399 w 10000"/>
                <a:gd name="connsiteY24" fmla="*/ 2938 h 10000"/>
                <a:gd name="connsiteX25" fmla="*/ 10000 w 10000"/>
                <a:gd name="connsiteY25" fmla="*/ 2526 h 10000"/>
                <a:gd name="connsiteX26" fmla="*/ 9774 w 10000"/>
                <a:gd name="connsiteY26" fmla="*/ 2474 h 10000"/>
                <a:gd name="connsiteX27" fmla="*/ 9399 w 10000"/>
                <a:gd name="connsiteY27" fmla="*/ 2217 h 10000"/>
                <a:gd name="connsiteX28" fmla="*/ 9173 w 10000"/>
                <a:gd name="connsiteY28" fmla="*/ 1444 h 10000"/>
                <a:gd name="connsiteX29" fmla="*/ 9173 w 10000"/>
                <a:gd name="connsiteY29" fmla="*/ 1031 h 10000"/>
                <a:gd name="connsiteX30" fmla="*/ 9098 w 10000"/>
                <a:gd name="connsiteY30" fmla="*/ 515 h 10000"/>
                <a:gd name="connsiteX31" fmla="*/ 8873 w 10000"/>
                <a:gd name="connsiteY31" fmla="*/ 361 h 10000"/>
                <a:gd name="connsiteX32" fmla="*/ 8497 w 10000"/>
                <a:gd name="connsiteY32" fmla="*/ 155 h 10000"/>
                <a:gd name="connsiteX33" fmla="*/ 8272 w 10000"/>
                <a:gd name="connsiteY33" fmla="*/ 0 h 10000"/>
                <a:gd name="connsiteX34" fmla="*/ 7821 w 10000"/>
                <a:gd name="connsiteY34" fmla="*/ 206 h 10000"/>
                <a:gd name="connsiteX35" fmla="*/ 7370 w 10000"/>
                <a:gd name="connsiteY35" fmla="*/ 515 h 10000"/>
                <a:gd name="connsiteX36" fmla="*/ 6769 w 10000"/>
                <a:gd name="connsiteY36" fmla="*/ 515 h 10000"/>
                <a:gd name="connsiteX37" fmla="*/ 5717 w 10000"/>
                <a:gd name="connsiteY37" fmla="*/ 515 h 10000"/>
                <a:gd name="connsiteX38" fmla="*/ 5717 w 10000"/>
                <a:gd name="connsiteY38" fmla="*/ 464 h 10000"/>
                <a:gd name="connsiteX39" fmla="*/ 5643 w 10000"/>
                <a:gd name="connsiteY39" fmla="*/ 515 h 10000"/>
                <a:gd name="connsiteX40" fmla="*/ 1961 w 10000"/>
                <a:gd name="connsiteY40" fmla="*/ 515 h 10000"/>
                <a:gd name="connsiteX41" fmla="*/ 1961 w 10000"/>
                <a:gd name="connsiteY41" fmla="*/ 1598 h 10000"/>
                <a:gd name="connsiteX42" fmla="*/ 1285 w 10000"/>
                <a:gd name="connsiteY42" fmla="*/ 1598 h 10000"/>
                <a:gd name="connsiteX43" fmla="*/ 1285 w 10000"/>
                <a:gd name="connsiteY43" fmla="*/ 1804 h 10000"/>
                <a:gd name="connsiteX44" fmla="*/ 1285 w 10000"/>
                <a:gd name="connsiteY44" fmla="*/ 3659 h 10000"/>
                <a:gd name="connsiteX45" fmla="*/ 1135 w 10000"/>
                <a:gd name="connsiteY45" fmla="*/ 3762 h 10000"/>
                <a:gd name="connsiteX46" fmla="*/ 684 w 10000"/>
                <a:gd name="connsiteY46" fmla="*/ 3969 h 10000"/>
                <a:gd name="connsiteX47" fmla="*/ 609 w 10000"/>
                <a:gd name="connsiteY47" fmla="*/ 4227 h 10000"/>
                <a:gd name="connsiteX48" fmla="*/ 384 w 10000"/>
                <a:gd name="connsiteY48" fmla="*/ 4485 h 10000"/>
                <a:gd name="connsiteX49" fmla="*/ 234 w 10000"/>
                <a:gd name="connsiteY49" fmla="*/ 4897 h 10000"/>
                <a:gd name="connsiteX50" fmla="*/ 8 w 10000"/>
                <a:gd name="connsiteY50" fmla="*/ 5361 h 10000"/>
                <a:gd name="connsiteX51" fmla="*/ 384 w 10000"/>
                <a:gd name="connsiteY51" fmla="*/ 5412 h 10000"/>
                <a:gd name="connsiteX52" fmla="*/ 458 w 10000"/>
                <a:gd name="connsiteY52" fmla="*/ 5824 h 10000"/>
                <a:gd name="connsiteX53" fmla="*/ 684 w 10000"/>
                <a:gd name="connsiteY53" fmla="*/ 6237 h 10000"/>
                <a:gd name="connsiteX54" fmla="*/ 1059 w 10000"/>
                <a:gd name="connsiteY54" fmla="*/ 7062 h 10000"/>
                <a:gd name="connsiteX0" fmla="*/ 4515 w 10000"/>
                <a:gd name="connsiteY0" fmla="*/ 9433 h 10000"/>
                <a:gd name="connsiteX1" fmla="*/ 5417 w 10000"/>
                <a:gd name="connsiteY1" fmla="*/ 10000 h 10000"/>
                <a:gd name="connsiteX2" fmla="*/ 5868 w 10000"/>
                <a:gd name="connsiteY2" fmla="*/ 9845 h 10000"/>
                <a:gd name="connsiteX3" fmla="*/ 6093 w 10000"/>
                <a:gd name="connsiteY3" fmla="*/ 9948 h 10000"/>
                <a:gd name="connsiteX4" fmla="*/ 6769 w 10000"/>
                <a:gd name="connsiteY4" fmla="*/ 9742 h 10000"/>
                <a:gd name="connsiteX5" fmla="*/ 6919 w 10000"/>
                <a:gd name="connsiteY5" fmla="*/ 9845 h 10000"/>
                <a:gd name="connsiteX6" fmla="*/ 7220 w 10000"/>
                <a:gd name="connsiteY6" fmla="*/ 9588 h 10000"/>
                <a:gd name="connsiteX7" fmla="*/ 7671 w 10000"/>
                <a:gd name="connsiteY7" fmla="*/ 9279 h 10000"/>
                <a:gd name="connsiteX8" fmla="*/ 8197 w 10000"/>
                <a:gd name="connsiteY8" fmla="*/ 9279 h 10000"/>
                <a:gd name="connsiteX9" fmla="*/ 8422 w 10000"/>
                <a:gd name="connsiteY9" fmla="*/ 9433 h 10000"/>
                <a:gd name="connsiteX10" fmla="*/ 8272 w 10000"/>
                <a:gd name="connsiteY10" fmla="*/ 9021 h 10000"/>
                <a:gd name="connsiteX11" fmla="*/ 7821 w 10000"/>
                <a:gd name="connsiteY11" fmla="*/ 8556 h 10000"/>
                <a:gd name="connsiteX12" fmla="*/ 7370 w 10000"/>
                <a:gd name="connsiteY12" fmla="*/ 8093 h 10000"/>
                <a:gd name="connsiteX13" fmla="*/ 6769 w 10000"/>
                <a:gd name="connsiteY13" fmla="*/ 7680 h 10000"/>
                <a:gd name="connsiteX14" fmla="*/ 7145 w 10000"/>
                <a:gd name="connsiteY14" fmla="*/ 7526 h 10000"/>
                <a:gd name="connsiteX15" fmla="*/ 7446 w 10000"/>
                <a:gd name="connsiteY15" fmla="*/ 6701 h 10000"/>
                <a:gd name="connsiteX16" fmla="*/ 7446 w 10000"/>
                <a:gd name="connsiteY16" fmla="*/ 6341 h 10000"/>
                <a:gd name="connsiteX17" fmla="*/ 7821 w 10000"/>
                <a:gd name="connsiteY17" fmla="*/ 6341 h 10000"/>
                <a:gd name="connsiteX18" fmla="*/ 8047 w 10000"/>
                <a:gd name="connsiteY18" fmla="*/ 5670 h 10000"/>
                <a:gd name="connsiteX19" fmla="*/ 8648 w 10000"/>
                <a:gd name="connsiteY19" fmla="*/ 5258 h 10000"/>
                <a:gd name="connsiteX20" fmla="*/ 8873 w 10000"/>
                <a:gd name="connsiteY20" fmla="*/ 4485 h 10000"/>
                <a:gd name="connsiteX21" fmla="*/ 8722 w 10000"/>
                <a:gd name="connsiteY21" fmla="*/ 4073 h 10000"/>
                <a:gd name="connsiteX22" fmla="*/ 9098 w 10000"/>
                <a:gd name="connsiteY22" fmla="*/ 3196 h 10000"/>
                <a:gd name="connsiteX23" fmla="*/ 9399 w 10000"/>
                <a:gd name="connsiteY23" fmla="*/ 2938 h 10000"/>
                <a:gd name="connsiteX24" fmla="*/ 10000 w 10000"/>
                <a:gd name="connsiteY24" fmla="*/ 2526 h 10000"/>
                <a:gd name="connsiteX25" fmla="*/ 9774 w 10000"/>
                <a:gd name="connsiteY25" fmla="*/ 2474 h 10000"/>
                <a:gd name="connsiteX26" fmla="*/ 9399 w 10000"/>
                <a:gd name="connsiteY26" fmla="*/ 2217 h 10000"/>
                <a:gd name="connsiteX27" fmla="*/ 9173 w 10000"/>
                <a:gd name="connsiteY27" fmla="*/ 1444 h 10000"/>
                <a:gd name="connsiteX28" fmla="*/ 9173 w 10000"/>
                <a:gd name="connsiteY28" fmla="*/ 1031 h 10000"/>
                <a:gd name="connsiteX29" fmla="*/ 9098 w 10000"/>
                <a:gd name="connsiteY29" fmla="*/ 515 h 10000"/>
                <a:gd name="connsiteX30" fmla="*/ 8873 w 10000"/>
                <a:gd name="connsiteY30" fmla="*/ 361 h 10000"/>
                <a:gd name="connsiteX31" fmla="*/ 8497 w 10000"/>
                <a:gd name="connsiteY31" fmla="*/ 155 h 10000"/>
                <a:gd name="connsiteX32" fmla="*/ 8272 w 10000"/>
                <a:gd name="connsiteY32" fmla="*/ 0 h 10000"/>
                <a:gd name="connsiteX33" fmla="*/ 7821 w 10000"/>
                <a:gd name="connsiteY33" fmla="*/ 206 h 10000"/>
                <a:gd name="connsiteX34" fmla="*/ 7370 w 10000"/>
                <a:gd name="connsiteY34" fmla="*/ 515 h 10000"/>
                <a:gd name="connsiteX35" fmla="*/ 6769 w 10000"/>
                <a:gd name="connsiteY35" fmla="*/ 515 h 10000"/>
                <a:gd name="connsiteX36" fmla="*/ 5717 w 10000"/>
                <a:gd name="connsiteY36" fmla="*/ 515 h 10000"/>
                <a:gd name="connsiteX37" fmla="*/ 5717 w 10000"/>
                <a:gd name="connsiteY37" fmla="*/ 464 h 10000"/>
                <a:gd name="connsiteX38" fmla="*/ 5643 w 10000"/>
                <a:gd name="connsiteY38" fmla="*/ 515 h 10000"/>
                <a:gd name="connsiteX39" fmla="*/ 1961 w 10000"/>
                <a:gd name="connsiteY39" fmla="*/ 515 h 10000"/>
                <a:gd name="connsiteX40" fmla="*/ 1961 w 10000"/>
                <a:gd name="connsiteY40" fmla="*/ 1598 h 10000"/>
                <a:gd name="connsiteX41" fmla="*/ 1285 w 10000"/>
                <a:gd name="connsiteY41" fmla="*/ 1598 h 10000"/>
                <a:gd name="connsiteX42" fmla="*/ 1285 w 10000"/>
                <a:gd name="connsiteY42" fmla="*/ 1804 h 10000"/>
                <a:gd name="connsiteX43" fmla="*/ 1285 w 10000"/>
                <a:gd name="connsiteY43" fmla="*/ 3659 h 10000"/>
                <a:gd name="connsiteX44" fmla="*/ 1135 w 10000"/>
                <a:gd name="connsiteY44" fmla="*/ 3762 h 10000"/>
                <a:gd name="connsiteX45" fmla="*/ 684 w 10000"/>
                <a:gd name="connsiteY45" fmla="*/ 3969 h 10000"/>
                <a:gd name="connsiteX46" fmla="*/ 609 w 10000"/>
                <a:gd name="connsiteY46" fmla="*/ 4227 h 10000"/>
                <a:gd name="connsiteX47" fmla="*/ 384 w 10000"/>
                <a:gd name="connsiteY47" fmla="*/ 4485 h 10000"/>
                <a:gd name="connsiteX48" fmla="*/ 234 w 10000"/>
                <a:gd name="connsiteY48" fmla="*/ 4897 h 10000"/>
                <a:gd name="connsiteX49" fmla="*/ 8 w 10000"/>
                <a:gd name="connsiteY49" fmla="*/ 5361 h 10000"/>
                <a:gd name="connsiteX50" fmla="*/ 384 w 10000"/>
                <a:gd name="connsiteY50" fmla="*/ 5412 h 10000"/>
                <a:gd name="connsiteX51" fmla="*/ 458 w 10000"/>
                <a:gd name="connsiteY51" fmla="*/ 5824 h 10000"/>
                <a:gd name="connsiteX52" fmla="*/ 684 w 10000"/>
                <a:gd name="connsiteY52" fmla="*/ 6237 h 10000"/>
                <a:gd name="connsiteX53" fmla="*/ 1059 w 10000"/>
                <a:gd name="connsiteY53" fmla="*/ 7062 h 10000"/>
                <a:gd name="connsiteX0" fmla="*/ 5417 w 10000"/>
                <a:gd name="connsiteY0" fmla="*/ 10000 h 10000"/>
                <a:gd name="connsiteX1" fmla="*/ 5868 w 10000"/>
                <a:gd name="connsiteY1" fmla="*/ 9845 h 10000"/>
                <a:gd name="connsiteX2" fmla="*/ 6093 w 10000"/>
                <a:gd name="connsiteY2" fmla="*/ 9948 h 10000"/>
                <a:gd name="connsiteX3" fmla="*/ 6769 w 10000"/>
                <a:gd name="connsiteY3" fmla="*/ 9742 h 10000"/>
                <a:gd name="connsiteX4" fmla="*/ 6919 w 10000"/>
                <a:gd name="connsiteY4" fmla="*/ 9845 h 10000"/>
                <a:gd name="connsiteX5" fmla="*/ 7220 w 10000"/>
                <a:gd name="connsiteY5" fmla="*/ 9588 h 10000"/>
                <a:gd name="connsiteX6" fmla="*/ 7671 w 10000"/>
                <a:gd name="connsiteY6" fmla="*/ 9279 h 10000"/>
                <a:gd name="connsiteX7" fmla="*/ 8197 w 10000"/>
                <a:gd name="connsiteY7" fmla="*/ 9279 h 10000"/>
                <a:gd name="connsiteX8" fmla="*/ 8422 w 10000"/>
                <a:gd name="connsiteY8" fmla="*/ 9433 h 10000"/>
                <a:gd name="connsiteX9" fmla="*/ 8272 w 10000"/>
                <a:gd name="connsiteY9" fmla="*/ 9021 h 10000"/>
                <a:gd name="connsiteX10" fmla="*/ 7821 w 10000"/>
                <a:gd name="connsiteY10" fmla="*/ 8556 h 10000"/>
                <a:gd name="connsiteX11" fmla="*/ 7370 w 10000"/>
                <a:gd name="connsiteY11" fmla="*/ 8093 h 10000"/>
                <a:gd name="connsiteX12" fmla="*/ 6769 w 10000"/>
                <a:gd name="connsiteY12" fmla="*/ 7680 h 10000"/>
                <a:gd name="connsiteX13" fmla="*/ 7145 w 10000"/>
                <a:gd name="connsiteY13" fmla="*/ 7526 h 10000"/>
                <a:gd name="connsiteX14" fmla="*/ 7446 w 10000"/>
                <a:gd name="connsiteY14" fmla="*/ 6701 h 10000"/>
                <a:gd name="connsiteX15" fmla="*/ 7446 w 10000"/>
                <a:gd name="connsiteY15" fmla="*/ 6341 h 10000"/>
                <a:gd name="connsiteX16" fmla="*/ 7821 w 10000"/>
                <a:gd name="connsiteY16" fmla="*/ 6341 h 10000"/>
                <a:gd name="connsiteX17" fmla="*/ 8047 w 10000"/>
                <a:gd name="connsiteY17" fmla="*/ 5670 h 10000"/>
                <a:gd name="connsiteX18" fmla="*/ 8648 w 10000"/>
                <a:gd name="connsiteY18" fmla="*/ 5258 h 10000"/>
                <a:gd name="connsiteX19" fmla="*/ 8873 w 10000"/>
                <a:gd name="connsiteY19" fmla="*/ 4485 h 10000"/>
                <a:gd name="connsiteX20" fmla="*/ 8722 w 10000"/>
                <a:gd name="connsiteY20" fmla="*/ 4073 h 10000"/>
                <a:gd name="connsiteX21" fmla="*/ 9098 w 10000"/>
                <a:gd name="connsiteY21" fmla="*/ 3196 h 10000"/>
                <a:gd name="connsiteX22" fmla="*/ 9399 w 10000"/>
                <a:gd name="connsiteY22" fmla="*/ 2938 h 10000"/>
                <a:gd name="connsiteX23" fmla="*/ 10000 w 10000"/>
                <a:gd name="connsiteY23" fmla="*/ 2526 h 10000"/>
                <a:gd name="connsiteX24" fmla="*/ 9774 w 10000"/>
                <a:gd name="connsiteY24" fmla="*/ 2474 h 10000"/>
                <a:gd name="connsiteX25" fmla="*/ 9399 w 10000"/>
                <a:gd name="connsiteY25" fmla="*/ 2217 h 10000"/>
                <a:gd name="connsiteX26" fmla="*/ 9173 w 10000"/>
                <a:gd name="connsiteY26" fmla="*/ 1444 h 10000"/>
                <a:gd name="connsiteX27" fmla="*/ 9173 w 10000"/>
                <a:gd name="connsiteY27" fmla="*/ 1031 h 10000"/>
                <a:gd name="connsiteX28" fmla="*/ 9098 w 10000"/>
                <a:gd name="connsiteY28" fmla="*/ 515 h 10000"/>
                <a:gd name="connsiteX29" fmla="*/ 8873 w 10000"/>
                <a:gd name="connsiteY29" fmla="*/ 361 h 10000"/>
                <a:gd name="connsiteX30" fmla="*/ 8497 w 10000"/>
                <a:gd name="connsiteY30" fmla="*/ 155 h 10000"/>
                <a:gd name="connsiteX31" fmla="*/ 8272 w 10000"/>
                <a:gd name="connsiteY31" fmla="*/ 0 h 10000"/>
                <a:gd name="connsiteX32" fmla="*/ 7821 w 10000"/>
                <a:gd name="connsiteY32" fmla="*/ 206 h 10000"/>
                <a:gd name="connsiteX33" fmla="*/ 7370 w 10000"/>
                <a:gd name="connsiteY33" fmla="*/ 515 h 10000"/>
                <a:gd name="connsiteX34" fmla="*/ 6769 w 10000"/>
                <a:gd name="connsiteY34" fmla="*/ 515 h 10000"/>
                <a:gd name="connsiteX35" fmla="*/ 5717 w 10000"/>
                <a:gd name="connsiteY35" fmla="*/ 515 h 10000"/>
                <a:gd name="connsiteX36" fmla="*/ 5717 w 10000"/>
                <a:gd name="connsiteY36" fmla="*/ 464 h 10000"/>
                <a:gd name="connsiteX37" fmla="*/ 5643 w 10000"/>
                <a:gd name="connsiteY37" fmla="*/ 515 h 10000"/>
                <a:gd name="connsiteX38" fmla="*/ 1961 w 10000"/>
                <a:gd name="connsiteY38" fmla="*/ 515 h 10000"/>
                <a:gd name="connsiteX39" fmla="*/ 1961 w 10000"/>
                <a:gd name="connsiteY39" fmla="*/ 1598 h 10000"/>
                <a:gd name="connsiteX40" fmla="*/ 1285 w 10000"/>
                <a:gd name="connsiteY40" fmla="*/ 1598 h 10000"/>
                <a:gd name="connsiteX41" fmla="*/ 1285 w 10000"/>
                <a:gd name="connsiteY41" fmla="*/ 1804 h 10000"/>
                <a:gd name="connsiteX42" fmla="*/ 1285 w 10000"/>
                <a:gd name="connsiteY42" fmla="*/ 3659 h 10000"/>
                <a:gd name="connsiteX43" fmla="*/ 1135 w 10000"/>
                <a:gd name="connsiteY43" fmla="*/ 3762 h 10000"/>
                <a:gd name="connsiteX44" fmla="*/ 684 w 10000"/>
                <a:gd name="connsiteY44" fmla="*/ 3969 h 10000"/>
                <a:gd name="connsiteX45" fmla="*/ 609 w 10000"/>
                <a:gd name="connsiteY45" fmla="*/ 4227 h 10000"/>
                <a:gd name="connsiteX46" fmla="*/ 384 w 10000"/>
                <a:gd name="connsiteY46" fmla="*/ 4485 h 10000"/>
                <a:gd name="connsiteX47" fmla="*/ 234 w 10000"/>
                <a:gd name="connsiteY47" fmla="*/ 4897 h 10000"/>
                <a:gd name="connsiteX48" fmla="*/ 8 w 10000"/>
                <a:gd name="connsiteY48" fmla="*/ 5361 h 10000"/>
                <a:gd name="connsiteX49" fmla="*/ 384 w 10000"/>
                <a:gd name="connsiteY49" fmla="*/ 5412 h 10000"/>
                <a:gd name="connsiteX50" fmla="*/ 458 w 10000"/>
                <a:gd name="connsiteY50" fmla="*/ 5824 h 10000"/>
                <a:gd name="connsiteX51" fmla="*/ 684 w 10000"/>
                <a:gd name="connsiteY51" fmla="*/ 6237 h 10000"/>
                <a:gd name="connsiteX52" fmla="*/ 1059 w 10000"/>
                <a:gd name="connsiteY52" fmla="*/ 7062 h 10000"/>
                <a:gd name="connsiteX0" fmla="*/ 5868 w 10000"/>
                <a:gd name="connsiteY0" fmla="*/ 9845 h 9986"/>
                <a:gd name="connsiteX1" fmla="*/ 6093 w 10000"/>
                <a:gd name="connsiteY1" fmla="*/ 9948 h 9986"/>
                <a:gd name="connsiteX2" fmla="*/ 6769 w 10000"/>
                <a:gd name="connsiteY2" fmla="*/ 9742 h 9986"/>
                <a:gd name="connsiteX3" fmla="*/ 6919 w 10000"/>
                <a:gd name="connsiteY3" fmla="*/ 9845 h 9986"/>
                <a:gd name="connsiteX4" fmla="*/ 7220 w 10000"/>
                <a:gd name="connsiteY4" fmla="*/ 9588 h 9986"/>
                <a:gd name="connsiteX5" fmla="*/ 7671 w 10000"/>
                <a:gd name="connsiteY5" fmla="*/ 9279 h 9986"/>
                <a:gd name="connsiteX6" fmla="*/ 8197 w 10000"/>
                <a:gd name="connsiteY6" fmla="*/ 9279 h 9986"/>
                <a:gd name="connsiteX7" fmla="*/ 8422 w 10000"/>
                <a:gd name="connsiteY7" fmla="*/ 9433 h 9986"/>
                <a:gd name="connsiteX8" fmla="*/ 8272 w 10000"/>
                <a:gd name="connsiteY8" fmla="*/ 9021 h 9986"/>
                <a:gd name="connsiteX9" fmla="*/ 7821 w 10000"/>
                <a:gd name="connsiteY9" fmla="*/ 8556 h 9986"/>
                <a:gd name="connsiteX10" fmla="*/ 7370 w 10000"/>
                <a:gd name="connsiteY10" fmla="*/ 8093 h 9986"/>
                <a:gd name="connsiteX11" fmla="*/ 6769 w 10000"/>
                <a:gd name="connsiteY11" fmla="*/ 7680 h 9986"/>
                <a:gd name="connsiteX12" fmla="*/ 7145 w 10000"/>
                <a:gd name="connsiteY12" fmla="*/ 7526 h 9986"/>
                <a:gd name="connsiteX13" fmla="*/ 7446 w 10000"/>
                <a:gd name="connsiteY13" fmla="*/ 6701 h 9986"/>
                <a:gd name="connsiteX14" fmla="*/ 7446 w 10000"/>
                <a:gd name="connsiteY14" fmla="*/ 6341 h 9986"/>
                <a:gd name="connsiteX15" fmla="*/ 7821 w 10000"/>
                <a:gd name="connsiteY15" fmla="*/ 6341 h 9986"/>
                <a:gd name="connsiteX16" fmla="*/ 8047 w 10000"/>
                <a:gd name="connsiteY16" fmla="*/ 5670 h 9986"/>
                <a:gd name="connsiteX17" fmla="*/ 8648 w 10000"/>
                <a:gd name="connsiteY17" fmla="*/ 5258 h 9986"/>
                <a:gd name="connsiteX18" fmla="*/ 8873 w 10000"/>
                <a:gd name="connsiteY18" fmla="*/ 4485 h 9986"/>
                <a:gd name="connsiteX19" fmla="*/ 8722 w 10000"/>
                <a:gd name="connsiteY19" fmla="*/ 4073 h 9986"/>
                <a:gd name="connsiteX20" fmla="*/ 9098 w 10000"/>
                <a:gd name="connsiteY20" fmla="*/ 3196 h 9986"/>
                <a:gd name="connsiteX21" fmla="*/ 9399 w 10000"/>
                <a:gd name="connsiteY21" fmla="*/ 2938 h 9986"/>
                <a:gd name="connsiteX22" fmla="*/ 10000 w 10000"/>
                <a:gd name="connsiteY22" fmla="*/ 2526 h 9986"/>
                <a:gd name="connsiteX23" fmla="*/ 9774 w 10000"/>
                <a:gd name="connsiteY23" fmla="*/ 2474 h 9986"/>
                <a:gd name="connsiteX24" fmla="*/ 9399 w 10000"/>
                <a:gd name="connsiteY24" fmla="*/ 2217 h 9986"/>
                <a:gd name="connsiteX25" fmla="*/ 9173 w 10000"/>
                <a:gd name="connsiteY25" fmla="*/ 1444 h 9986"/>
                <a:gd name="connsiteX26" fmla="*/ 9173 w 10000"/>
                <a:gd name="connsiteY26" fmla="*/ 1031 h 9986"/>
                <a:gd name="connsiteX27" fmla="*/ 9098 w 10000"/>
                <a:gd name="connsiteY27" fmla="*/ 515 h 9986"/>
                <a:gd name="connsiteX28" fmla="*/ 8873 w 10000"/>
                <a:gd name="connsiteY28" fmla="*/ 361 h 9986"/>
                <a:gd name="connsiteX29" fmla="*/ 8497 w 10000"/>
                <a:gd name="connsiteY29" fmla="*/ 155 h 9986"/>
                <a:gd name="connsiteX30" fmla="*/ 8272 w 10000"/>
                <a:gd name="connsiteY30" fmla="*/ 0 h 9986"/>
                <a:gd name="connsiteX31" fmla="*/ 7821 w 10000"/>
                <a:gd name="connsiteY31" fmla="*/ 206 h 9986"/>
                <a:gd name="connsiteX32" fmla="*/ 7370 w 10000"/>
                <a:gd name="connsiteY32" fmla="*/ 515 h 9986"/>
                <a:gd name="connsiteX33" fmla="*/ 6769 w 10000"/>
                <a:gd name="connsiteY33" fmla="*/ 515 h 9986"/>
                <a:gd name="connsiteX34" fmla="*/ 5717 w 10000"/>
                <a:gd name="connsiteY34" fmla="*/ 515 h 9986"/>
                <a:gd name="connsiteX35" fmla="*/ 5717 w 10000"/>
                <a:gd name="connsiteY35" fmla="*/ 464 h 9986"/>
                <a:gd name="connsiteX36" fmla="*/ 5643 w 10000"/>
                <a:gd name="connsiteY36" fmla="*/ 515 h 9986"/>
                <a:gd name="connsiteX37" fmla="*/ 1961 w 10000"/>
                <a:gd name="connsiteY37" fmla="*/ 515 h 9986"/>
                <a:gd name="connsiteX38" fmla="*/ 1961 w 10000"/>
                <a:gd name="connsiteY38" fmla="*/ 1598 h 9986"/>
                <a:gd name="connsiteX39" fmla="*/ 1285 w 10000"/>
                <a:gd name="connsiteY39" fmla="*/ 1598 h 9986"/>
                <a:gd name="connsiteX40" fmla="*/ 1285 w 10000"/>
                <a:gd name="connsiteY40" fmla="*/ 1804 h 9986"/>
                <a:gd name="connsiteX41" fmla="*/ 1285 w 10000"/>
                <a:gd name="connsiteY41" fmla="*/ 3659 h 9986"/>
                <a:gd name="connsiteX42" fmla="*/ 1135 w 10000"/>
                <a:gd name="connsiteY42" fmla="*/ 3762 h 9986"/>
                <a:gd name="connsiteX43" fmla="*/ 684 w 10000"/>
                <a:gd name="connsiteY43" fmla="*/ 3969 h 9986"/>
                <a:gd name="connsiteX44" fmla="*/ 609 w 10000"/>
                <a:gd name="connsiteY44" fmla="*/ 4227 h 9986"/>
                <a:gd name="connsiteX45" fmla="*/ 384 w 10000"/>
                <a:gd name="connsiteY45" fmla="*/ 4485 h 9986"/>
                <a:gd name="connsiteX46" fmla="*/ 234 w 10000"/>
                <a:gd name="connsiteY46" fmla="*/ 4897 h 9986"/>
                <a:gd name="connsiteX47" fmla="*/ 8 w 10000"/>
                <a:gd name="connsiteY47" fmla="*/ 5361 h 9986"/>
                <a:gd name="connsiteX48" fmla="*/ 384 w 10000"/>
                <a:gd name="connsiteY48" fmla="*/ 5412 h 9986"/>
                <a:gd name="connsiteX49" fmla="*/ 458 w 10000"/>
                <a:gd name="connsiteY49" fmla="*/ 5824 h 9986"/>
                <a:gd name="connsiteX50" fmla="*/ 684 w 10000"/>
                <a:gd name="connsiteY50" fmla="*/ 6237 h 9986"/>
                <a:gd name="connsiteX51" fmla="*/ 1059 w 10000"/>
                <a:gd name="connsiteY51" fmla="*/ 7062 h 9986"/>
                <a:gd name="connsiteX0" fmla="*/ 6093 w 10000"/>
                <a:gd name="connsiteY0" fmla="*/ 9962 h 10000"/>
                <a:gd name="connsiteX1" fmla="*/ 6769 w 10000"/>
                <a:gd name="connsiteY1" fmla="*/ 9756 h 10000"/>
                <a:gd name="connsiteX2" fmla="*/ 6919 w 10000"/>
                <a:gd name="connsiteY2" fmla="*/ 9859 h 10000"/>
                <a:gd name="connsiteX3" fmla="*/ 7220 w 10000"/>
                <a:gd name="connsiteY3" fmla="*/ 9601 h 10000"/>
                <a:gd name="connsiteX4" fmla="*/ 7671 w 10000"/>
                <a:gd name="connsiteY4" fmla="*/ 9292 h 10000"/>
                <a:gd name="connsiteX5" fmla="*/ 8197 w 10000"/>
                <a:gd name="connsiteY5" fmla="*/ 9292 h 10000"/>
                <a:gd name="connsiteX6" fmla="*/ 8422 w 10000"/>
                <a:gd name="connsiteY6" fmla="*/ 9446 h 10000"/>
                <a:gd name="connsiteX7" fmla="*/ 8272 w 10000"/>
                <a:gd name="connsiteY7" fmla="*/ 9034 h 10000"/>
                <a:gd name="connsiteX8" fmla="*/ 7821 w 10000"/>
                <a:gd name="connsiteY8" fmla="*/ 8568 h 10000"/>
                <a:gd name="connsiteX9" fmla="*/ 7370 w 10000"/>
                <a:gd name="connsiteY9" fmla="*/ 8104 h 10000"/>
                <a:gd name="connsiteX10" fmla="*/ 6769 w 10000"/>
                <a:gd name="connsiteY10" fmla="*/ 7691 h 10000"/>
                <a:gd name="connsiteX11" fmla="*/ 7145 w 10000"/>
                <a:gd name="connsiteY11" fmla="*/ 7537 h 10000"/>
                <a:gd name="connsiteX12" fmla="*/ 7446 w 10000"/>
                <a:gd name="connsiteY12" fmla="*/ 6710 h 10000"/>
                <a:gd name="connsiteX13" fmla="*/ 7446 w 10000"/>
                <a:gd name="connsiteY13" fmla="*/ 6350 h 10000"/>
                <a:gd name="connsiteX14" fmla="*/ 7821 w 10000"/>
                <a:gd name="connsiteY14" fmla="*/ 6350 h 10000"/>
                <a:gd name="connsiteX15" fmla="*/ 8047 w 10000"/>
                <a:gd name="connsiteY15" fmla="*/ 5678 h 10000"/>
                <a:gd name="connsiteX16" fmla="*/ 8648 w 10000"/>
                <a:gd name="connsiteY16" fmla="*/ 5265 h 10000"/>
                <a:gd name="connsiteX17" fmla="*/ 8873 w 10000"/>
                <a:gd name="connsiteY17" fmla="*/ 4491 h 10000"/>
                <a:gd name="connsiteX18" fmla="*/ 8722 w 10000"/>
                <a:gd name="connsiteY18" fmla="*/ 4079 h 10000"/>
                <a:gd name="connsiteX19" fmla="*/ 9098 w 10000"/>
                <a:gd name="connsiteY19" fmla="*/ 3200 h 10000"/>
                <a:gd name="connsiteX20" fmla="*/ 9399 w 10000"/>
                <a:gd name="connsiteY20" fmla="*/ 2942 h 10000"/>
                <a:gd name="connsiteX21" fmla="*/ 10000 w 10000"/>
                <a:gd name="connsiteY21" fmla="*/ 2530 h 10000"/>
                <a:gd name="connsiteX22" fmla="*/ 9774 w 10000"/>
                <a:gd name="connsiteY22" fmla="*/ 2477 h 10000"/>
                <a:gd name="connsiteX23" fmla="*/ 9399 w 10000"/>
                <a:gd name="connsiteY23" fmla="*/ 2220 h 10000"/>
                <a:gd name="connsiteX24" fmla="*/ 9173 w 10000"/>
                <a:gd name="connsiteY24" fmla="*/ 1446 h 10000"/>
                <a:gd name="connsiteX25" fmla="*/ 9173 w 10000"/>
                <a:gd name="connsiteY25" fmla="*/ 1032 h 10000"/>
                <a:gd name="connsiteX26" fmla="*/ 9098 w 10000"/>
                <a:gd name="connsiteY26" fmla="*/ 516 h 10000"/>
                <a:gd name="connsiteX27" fmla="*/ 8873 w 10000"/>
                <a:gd name="connsiteY27" fmla="*/ 362 h 10000"/>
                <a:gd name="connsiteX28" fmla="*/ 8497 w 10000"/>
                <a:gd name="connsiteY28" fmla="*/ 155 h 10000"/>
                <a:gd name="connsiteX29" fmla="*/ 8272 w 10000"/>
                <a:gd name="connsiteY29" fmla="*/ 0 h 10000"/>
                <a:gd name="connsiteX30" fmla="*/ 7821 w 10000"/>
                <a:gd name="connsiteY30" fmla="*/ 206 h 10000"/>
                <a:gd name="connsiteX31" fmla="*/ 7370 w 10000"/>
                <a:gd name="connsiteY31" fmla="*/ 516 h 10000"/>
                <a:gd name="connsiteX32" fmla="*/ 6769 w 10000"/>
                <a:gd name="connsiteY32" fmla="*/ 516 h 10000"/>
                <a:gd name="connsiteX33" fmla="*/ 5717 w 10000"/>
                <a:gd name="connsiteY33" fmla="*/ 516 h 10000"/>
                <a:gd name="connsiteX34" fmla="*/ 5717 w 10000"/>
                <a:gd name="connsiteY34" fmla="*/ 465 h 10000"/>
                <a:gd name="connsiteX35" fmla="*/ 5643 w 10000"/>
                <a:gd name="connsiteY35" fmla="*/ 516 h 10000"/>
                <a:gd name="connsiteX36" fmla="*/ 1961 w 10000"/>
                <a:gd name="connsiteY36" fmla="*/ 516 h 10000"/>
                <a:gd name="connsiteX37" fmla="*/ 1961 w 10000"/>
                <a:gd name="connsiteY37" fmla="*/ 1600 h 10000"/>
                <a:gd name="connsiteX38" fmla="*/ 1285 w 10000"/>
                <a:gd name="connsiteY38" fmla="*/ 1600 h 10000"/>
                <a:gd name="connsiteX39" fmla="*/ 1285 w 10000"/>
                <a:gd name="connsiteY39" fmla="*/ 1807 h 10000"/>
                <a:gd name="connsiteX40" fmla="*/ 1285 w 10000"/>
                <a:gd name="connsiteY40" fmla="*/ 3664 h 10000"/>
                <a:gd name="connsiteX41" fmla="*/ 1135 w 10000"/>
                <a:gd name="connsiteY41" fmla="*/ 3767 h 10000"/>
                <a:gd name="connsiteX42" fmla="*/ 684 w 10000"/>
                <a:gd name="connsiteY42" fmla="*/ 3975 h 10000"/>
                <a:gd name="connsiteX43" fmla="*/ 609 w 10000"/>
                <a:gd name="connsiteY43" fmla="*/ 4233 h 10000"/>
                <a:gd name="connsiteX44" fmla="*/ 384 w 10000"/>
                <a:gd name="connsiteY44" fmla="*/ 4491 h 10000"/>
                <a:gd name="connsiteX45" fmla="*/ 234 w 10000"/>
                <a:gd name="connsiteY45" fmla="*/ 4904 h 10000"/>
                <a:gd name="connsiteX46" fmla="*/ 8 w 10000"/>
                <a:gd name="connsiteY46" fmla="*/ 5369 h 10000"/>
                <a:gd name="connsiteX47" fmla="*/ 384 w 10000"/>
                <a:gd name="connsiteY47" fmla="*/ 5420 h 10000"/>
                <a:gd name="connsiteX48" fmla="*/ 458 w 10000"/>
                <a:gd name="connsiteY48" fmla="*/ 5832 h 10000"/>
                <a:gd name="connsiteX49" fmla="*/ 684 w 10000"/>
                <a:gd name="connsiteY49" fmla="*/ 6246 h 10000"/>
                <a:gd name="connsiteX50" fmla="*/ 1059 w 10000"/>
                <a:gd name="connsiteY50" fmla="*/ 7072 h 10000"/>
                <a:gd name="connsiteX0" fmla="*/ 6769 w 10000"/>
                <a:gd name="connsiteY0" fmla="*/ 9756 h 9859"/>
                <a:gd name="connsiteX1" fmla="*/ 6919 w 10000"/>
                <a:gd name="connsiteY1" fmla="*/ 9859 h 9859"/>
                <a:gd name="connsiteX2" fmla="*/ 7220 w 10000"/>
                <a:gd name="connsiteY2" fmla="*/ 9601 h 9859"/>
                <a:gd name="connsiteX3" fmla="*/ 7671 w 10000"/>
                <a:gd name="connsiteY3" fmla="*/ 9292 h 9859"/>
                <a:gd name="connsiteX4" fmla="*/ 8197 w 10000"/>
                <a:gd name="connsiteY4" fmla="*/ 9292 h 9859"/>
                <a:gd name="connsiteX5" fmla="*/ 8422 w 10000"/>
                <a:gd name="connsiteY5" fmla="*/ 9446 h 9859"/>
                <a:gd name="connsiteX6" fmla="*/ 8272 w 10000"/>
                <a:gd name="connsiteY6" fmla="*/ 9034 h 9859"/>
                <a:gd name="connsiteX7" fmla="*/ 7821 w 10000"/>
                <a:gd name="connsiteY7" fmla="*/ 8568 h 9859"/>
                <a:gd name="connsiteX8" fmla="*/ 7370 w 10000"/>
                <a:gd name="connsiteY8" fmla="*/ 8104 h 9859"/>
                <a:gd name="connsiteX9" fmla="*/ 6769 w 10000"/>
                <a:gd name="connsiteY9" fmla="*/ 7691 h 9859"/>
                <a:gd name="connsiteX10" fmla="*/ 7145 w 10000"/>
                <a:gd name="connsiteY10" fmla="*/ 7537 h 9859"/>
                <a:gd name="connsiteX11" fmla="*/ 7446 w 10000"/>
                <a:gd name="connsiteY11" fmla="*/ 6710 h 9859"/>
                <a:gd name="connsiteX12" fmla="*/ 7446 w 10000"/>
                <a:gd name="connsiteY12" fmla="*/ 6350 h 9859"/>
                <a:gd name="connsiteX13" fmla="*/ 7821 w 10000"/>
                <a:gd name="connsiteY13" fmla="*/ 6350 h 9859"/>
                <a:gd name="connsiteX14" fmla="*/ 8047 w 10000"/>
                <a:gd name="connsiteY14" fmla="*/ 5678 h 9859"/>
                <a:gd name="connsiteX15" fmla="*/ 8648 w 10000"/>
                <a:gd name="connsiteY15" fmla="*/ 5265 h 9859"/>
                <a:gd name="connsiteX16" fmla="*/ 8873 w 10000"/>
                <a:gd name="connsiteY16" fmla="*/ 4491 h 9859"/>
                <a:gd name="connsiteX17" fmla="*/ 8722 w 10000"/>
                <a:gd name="connsiteY17" fmla="*/ 4079 h 9859"/>
                <a:gd name="connsiteX18" fmla="*/ 9098 w 10000"/>
                <a:gd name="connsiteY18" fmla="*/ 3200 h 9859"/>
                <a:gd name="connsiteX19" fmla="*/ 9399 w 10000"/>
                <a:gd name="connsiteY19" fmla="*/ 2942 h 9859"/>
                <a:gd name="connsiteX20" fmla="*/ 10000 w 10000"/>
                <a:gd name="connsiteY20" fmla="*/ 2530 h 9859"/>
                <a:gd name="connsiteX21" fmla="*/ 9774 w 10000"/>
                <a:gd name="connsiteY21" fmla="*/ 2477 h 9859"/>
                <a:gd name="connsiteX22" fmla="*/ 9399 w 10000"/>
                <a:gd name="connsiteY22" fmla="*/ 2220 h 9859"/>
                <a:gd name="connsiteX23" fmla="*/ 9173 w 10000"/>
                <a:gd name="connsiteY23" fmla="*/ 1446 h 9859"/>
                <a:gd name="connsiteX24" fmla="*/ 9173 w 10000"/>
                <a:gd name="connsiteY24" fmla="*/ 1032 h 9859"/>
                <a:gd name="connsiteX25" fmla="*/ 9098 w 10000"/>
                <a:gd name="connsiteY25" fmla="*/ 516 h 9859"/>
                <a:gd name="connsiteX26" fmla="*/ 8873 w 10000"/>
                <a:gd name="connsiteY26" fmla="*/ 362 h 9859"/>
                <a:gd name="connsiteX27" fmla="*/ 8497 w 10000"/>
                <a:gd name="connsiteY27" fmla="*/ 155 h 9859"/>
                <a:gd name="connsiteX28" fmla="*/ 8272 w 10000"/>
                <a:gd name="connsiteY28" fmla="*/ 0 h 9859"/>
                <a:gd name="connsiteX29" fmla="*/ 7821 w 10000"/>
                <a:gd name="connsiteY29" fmla="*/ 206 h 9859"/>
                <a:gd name="connsiteX30" fmla="*/ 7370 w 10000"/>
                <a:gd name="connsiteY30" fmla="*/ 516 h 9859"/>
                <a:gd name="connsiteX31" fmla="*/ 6769 w 10000"/>
                <a:gd name="connsiteY31" fmla="*/ 516 h 9859"/>
                <a:gd name="connsiteX32" fmla="*/ 5717 w 10000"/>
                <a:gd name="connsiteY32" fmla="*/ 516 h 9859"/>
                <a:gd name="connsiteX33" fmla="*/ 5717 w 10000"/>
                <a:gd name="connsiteY33" fmla="*/ 465 h 9859"/>
                <a:gd name="connsiteX34" fmla="*/ 5643 w 10000"/>
                <a:gd name="connsiteY34" fmla="*/ 516 h 9859"/>
                <a:gd name="connsiteX35" fmla="*/ 1961 w 10000"/>
                <a:gd name="connsiteY35" fmla="*/ 516 h 9859"/>
                <a:gd name="connsiteX36" fmla="*/ 1961 w 10000"/>
                <a:gd name="connsiteY36" fmla="*/ 1600 h 9859"/>
                <a:gd name="connsiteX37" fmla="*/ 1285 w 10000"/>
                <a:gd name="connsiteY37" fmla="*/ 1600 h 9859"/>
                <a:gd name="connsiteX38" fmla="*/ 1285 w 10000"/>
                <a:gd name="connsiteY38" fmla="*/ 1807 h 9859"/>
                <a:gd name="connsiteX39" fmla="*/ 1285 w 10000"/>
                <a:gd name="connsiteY39" fmla="*/ 3664 h 9859"/>
                <a:gd name="connsiteX40" fmla="*/ 1135 w 10000"/>
                <a:gd name="connsiteY40" fmla="*/ 3767 h 9859"/>
                <a:gd name="connsiteX41" fmla="*/ 684 w 10000"/>
                <a:gd name="connsiteY41" fmla="*/ 3975 h 9859"/>
                <a:gd name="connsiteX42" fmla="*/ 609 w 10000"/>
                <a:gd name="connsiteY42" fmla="*/ 4233 h 9859"/>
                <a:gd name="connsiteX43" fmla="*/ 384 w 10000"/>
                <a:gd name="connsiteY43" fmla="*/ 4491 h 9859"/>
                <a:gd name="connsiteX44" fmla="*/ 234 w 10000"/>
                <a:gd name="connsiteY44" fmla="*/ 4904 h 9859"/>
                <a:gd name="connsiteX45" fmla="*/ 8 w 10000"/>
                <a:gd name="connsiteY45" fmla="*/ 5369 h 9859"/>
                <a:gd name="connsiteX46" fmla="*/ 384 w 10000"/>
                <a:gd name="connsiteY46" fmla="*/ 5420 h 9859"/>
                <a:gd name="connsiteX47" fmla="*/ 458 w 10000"/>
                <a:gd name="connsiteY47" fmla="*/ 5832 h 9859"/>
                <a:gd name="connsiteX48" fmla="*/ 684 w 10000"/>
                <a:gd name="connsiteY48" fmla="*/ 6246 h 9859"/>
                <a:gd name="connsiteX49" fmla="*/ 1059 w 10000"/>
                <a:gd name="connsiteY49" fmla="*/ 7072 h 9859"/>
                <a:gd name="connsiteX0" fmla="*/ 6919 w 10000"/>
                <a:gd name="connsiteY0" fmla="*/ 10000 h 10000"/>
                <a:gd name="connsiteX1" fmla="*/ 7220 w 10000"/>
                <a:gd name="connsiteY1" fmla="*/ 9738 h 10000"/>
                <a:gd name="connsiteX2" fmla="*/ 7671 w 10000"/>
                <a:gd name="connsiteY2" fmla="*/ 9425 h 10000"/>
                <a:gd name="connsiteX3" fmla="*/ 8197 w 10000"/>
                <a:gd name="connsiteY3" fmla="*/ 9425 h 10000"/>
                <a:gd name="connsiteX4" fmla="*/ 8422 w 10000"/>
                <a:gd name="connsiteY4" fmla="*/ 9581 h 10000"/>
                <a:gd name="connsiteX5" fmla="*/ 8272 w 10000"/>
                <a:gd name="connsiteY5" fmla="*/ 9163 h 10000"/>
                <a:gd name="connsiteX6" fmla="*/ 7821 w 10000"/>
                <a:gd name="connsiteY6" fmla="*/ 8691 h 10000"/>
                <a:gd name="connsiteX7" fmla="*/ 7370 w 10000"/>
                <a:gd name="connsiteY7" fmla="*/ 8220 h 10000"/>
                <a:gd name="connsiteX8" fmla="*/ 6769 w 10000"/>
                <a:gd name="connsiteY8" fmla="*/ 7801 h 10000"/>
                <a:gd name="connsiteX9" fmla="*/ 7145 w 10000"/>
                <a:gd name="connsiteY9" fmla="*/ 7645 h 10000"/>
                <a:gd name="connsiteX10" fmla="*/ 7446 w 10000"/>
                <a:gd name="connsiteY10" fmla="*/ 6806 h 10000"/>
                <a:gd name="connsiteX11" fmla="*/ 7446 w 10000"/>
                <a:gd name="connsiteY11" fmla="*/ 6441 h 10000"/>
                <a:gd name="connsiteX12" fmla="*/ 7821 w 10000"/>
                <a:gd name="connsiteY12" fmla="*/ 6441 h 10000"/>
                <a:gd name="connsiteX13" fmla="*/ 8047 w 10000"/>
                <a:gd name="connsiteY13" fmla="*/ 5759 h 10000"/>
                <a:gd name="connsiteX14" fmla="*/ 8648 w 10000"/>
                <a:gd name="connsiteY14" fmla="*/ 5340 h 10000"/>
                <a:gd name="connsiteX15" fmla="*/ 8873 w 10000"/>
                <a:gd name="connsiteY15" fmla="*/ 4555 h 10000"/>
                <a:gd name="connsiteX16" fmla="*/ 8722 w 10000"/>
                <a:gd name="connsiteY16" fmla="*/ 4137 h 10000"/>
                <a:gd name="connsiteX17" fmla="*/ 9098 w 10000"/>
                <a:gd name="connsiteY17" fmla="*/ 3246 h 10000"/>
                <a:gd name="connsiteX18" fmla="*/ 9399 w 10000"/>
                <a:gd name="connsiteY18" fmla="*/ 2984 h 10000"/>
                <a:gd name="connsiteX19" fmla="*/ 10000 w 10000"/>
                <a:gd name="connsiteY19" fmla="*/ 2566 h 10000"/>
                <a:gd name="connsiteX20" fmla="*/ 9774 w 10000"/>
                <a:gd name="connsiteY20" fmla="*/ 2512 h 10000"/>
                <a:gd name="connsiteX21" fmla="*/ 9399 w 10000"/>
                <a:gd name="connsiteY21" fmla="*/ 2252 h 10000"/>
                <a:gd name="connsiteX22" fmla="*/ 9173 w 10000"/>
                <a:gd name="connsiteY22" fmla="*/ 1467 h 10000"/>
                <a:gd name="connsiteX23" fmla="*/ 9173 w 10000"/>
                <a:gd name="connsiteY23" fmla="*/ 1047 h 10000"/>
                <a:gd name="connsiteX24" fmla="*/ 9098 w 10000"/>
                <a:gd name="connsiteY24" fmla="*/ 523 h 10000"/>
                <a:gd name="connsiteX25" fmla="*/ 8873 w 10000"/>
                <a:gd name="connsiteY25" fmla="*/ 367 h 10000"/>
                <a:gd name="connsiteX26" fmla="*/ 8497 w 10000"/>
                <a:gd name="connsiteY26" fmla="*/ 157 h 10000"/>
                <a:gd name="connsiteX27" fmla="*/ 8272 w 10000"/>
                <a:gd name="connsiteY27" fmla="*/ 0 h 10000"/>
                <a:gd name="connsiteX28" fmla="*/ 7821 w 10000"/>
                <a:gd name="connsiteY28" fmla="*/ 209 h 10000"/>
                <a:gd name="connsiteX29" fmla="*/ 7370 w 10000"/>
                <a:gd name="connsiteY29" fmla="*/ 523 h 10000"/>
                <a:gd name="connsiteX30" fmla="*/ 6769 w 10000"/>
                <a:gd name="connsiteY30" fmla="*/ 523 h 10000"/>
                <a:gd name="connsiteX31" fmla="*/ 5717 w 10000"/>
                <a:gd name="connsiteY31" fmla="*/ 523 h 10000"/>
                <a:gd name="connsiteX32" fmla="*/ 5717 w 10000"/>
                <a:gd name="connsiteY32" fmla="*/ 472 h 10000"/>
                <a:gd name="connsiteX33" fmla="*/ 5643 w 10000"/>
                <a:gd name="connsiteY33" fmla="*/ 523 h 10000"/>
                <a:gd name="connsiteX34" fmla="*/ 1961 w 10000"/>
                <a:gd name="connsiteY34" fmla="*/ 523 h 10000"/>
                <a:gd name="connsiteX35" fmla="*/ 1961 w 10000"/>
                <a:gd name="connsiteY35" fmla="*/ 1623 h 10000"/>
                <a:gd name="connsiteX36" fmla="*/ 1285 w 10000"/>
                <a:gd name="connsiteY36" fmla="*/ 1623 h 10000"/>
                <a:gd name="connsiteX37" fmla="*/ 1285 w 10000"/>
                <a:gd name="connsiteY37" fmla="*/ 1833 h 10000"/>
                <a:gd name="connsiteX38" fmla="*/ 1285 w 10000"/>
                <a:gd name="connsiteY38" fmla="*/ 3716 h 10000"/>
                <a:gd name="connsiteX39" fmla="*/ 1135 w 10000"/>
                <a:gd name="connsiteY39" fmla="*/ 3821 h 10000"/>
                <a:gd name="connsiteX40" fmla="*/ 684 w 10000"/>
                <a:gd name="connsiteY40" fmla="*/ 4032 h 10000"/>
                <a:gd name="connsiteX41" fmla="*/ 609 w 10000"/>
                <a:gd name="connsiteY41" fmla="*/ 4294 h 10000"/>
                <a:gd name="connsiteX42" fmla="*/ 384 w 10000"/>
                <a:gd name="connsiteY42" fmla="*/ 4555 h 10000"/>
                <a:gd name="connsiteX43" fmla="*/ 234 w 10000"/>
                <a:gd name="connsiteY43" fmla="*/ 4974 h 10000"/>
                <a:gd name="connsiteX44" fmla="*/ 8 w 10000"/>
                <a:gd name="connsiteY44" fmla="*/ 5446 h 10000"/>
                <a:gd name="connsiteX45" fmla="*/ 384 w 10000"/>
                <a:gd name="connsiteY45" fmla="*/ 5498 h 10000"/>
                <a:gd name="connsiteX46" fmla="*/ 458 w 10000"/>
                <a:gd name="connsiteY46" fmla="*/ 5915 h 10000"/>
                <a:gd name="connsiteX47" fmla="*/ 684 w 10000"/>
                <a:gd name="connsiteY47" fmla="*/ 6335 h 10000"/>
                <a:gd name="connsiteX48" fmla="*/ 1059 w 10000"/>
                <a:gd name="connsiteY48" fmla="*/ 7173 h 10000"/>
                <a:gd name="connsiteX0" fmla="*/ 7220 w 10000"/>
                <a:gd name="connsiteY0" fmla="*/ 9738 h 9738"/>
                <a:gd name="connsiteX1" fmla="*/ 7671 w 10000"/>
                <a:gd name="connsiteY1" fmla="*/ 9425 h 9738"/>
                <a:gd name="connsiteX2" fmla="*/ 8197 w 10000"/>
                <a:gd name="connsiteY2" fmla="*/ 9425 h 9738"/>
                <a:gd name="connsiteX3" fmla="*/ 8422 w 10000"/>
                <a:gd name="connsiteY3" fmla="*/ 9581 h 9738"/>
                <a:gd name="connsiteX4" fmla="*/ 8272 w 10000"/>
                <a:gd name="connsiteY4" fmla="*/ 9163 h 9738"/>
                <a:gd name="connsiteX5" fmla="*/ 7821 w 10000"/>
                <a:gd name="connsiteY5" fmla="*/ 8691 h 9738"/>
                <a:gd name="connsiteX6" fmla="*/ 7370 w 10000"/>
                <a:gd name="connsiteY6" fmla="*/ 8220 h 9738"/>
                <a:gd name="connsiteX7" fmla="*/ 6769 w 10000"/>
                <a:gd name="connsiteY7" fmla="*/ 7801 h 9738"/>
                <a:gd name="connsiteX8" fmla="*/ 7145 w 10000"/>
                <a:gd name="connsiteY8" fmla="*/ 7645 h 9738"/>
                <a:gd name="connsiteX9" fmla="*/ 7446 w 10000"/>
                <a:gd name="connsiteY9" fmla="*/ 6806 h 9738"/>
                <a:gd name="connsiteX10" fmla="*/ 7446 w 10000"/>
                <a:gd name="connsiteY10" fmla="*/ 6441 h 9738"/>
                <a:gd name="connsiteX11" fmla="*/ 7821 w 10000"/>
                <a:gd name="connsiteY11" fmla="*/ 6441 h 9738"/>
                <a:gd name="connsiteX12" fmla="*/ 8047 w 10000"/>
                <a:gd name="connsiteY12" fmla="*/ 5759 h 9738"/>
                <a:gd name="connsiteX13" fmla="*/ 8648 w 10000"/>
                <a:gd name="connsiteY13" fmla="*/ 5340 h 9738"/>
                <a:gd name="connsiteX14" fmla="*/ 8873 w 10000"/>
                <a:gd name="connsiteY14" fmla="*/ 4555 h 9738"/>
                <a:gd name="connsiteX15" fmla="*/ 8722 w 10000"/>
                <a:gd name="connsiteY15" fmla="*/ 4137 h 9738"/>
                <a:gd name="connsiteX16" fmla="*/ 9098 w 10000"/>
                <a:gd name="connsiteY16" fmla="*/ 3246 h 9738"/>
                <a:gd name="connsiteX17" fmla="*/ 9399 w 10000"/>
                <a:gd name="connsiteY17" fmla="*/ 2984 h 9738"/>
                <a:gd name="connsiteX18" fmla="*/ 10000 w 10000"/>
                <a:gd name="connsiteY18" fmla="*/ 2566 h 9738"/>
                <a:gd name="connsiteX19" fmla="*/ 9774 w 10000"/>
                <a:gd name="connsiteY19" fmla="*/ 2512 h 9738"/>
                <a:gd name="connsiteX20" fmla="*/ 9399 w 10000"/>
                <a:gd name="connsiteY20" fmla="*/ 2252 h 9738"/>
                <a:gd name="connsiteX21" fmla="*/ 9173 w 10000"/>
                <a:gd name="connsiteY21" fmla="*/ 1467 h 9738"/>
                <a:gd name="connsiteX22" fmla="*/ 9173 w 10000"/>
                <a:gd name="connsiteY22" fmla="*/ 1047 h 9738"/>
                <a:gd name="connsiteX23" fmla="*/ 9098 w 10000"/>
                <a:gd name="connsiteY23" fmla="*/ 523 h 9738"/>
                <a:gd name="connsiteX24" fmla="*/ 8873 w 10000"/>
                <a:gd name="connsiteY24" fmla="*/ 367 h 9738"/>
                <a:gd name="connsiteX25" fmla="*/ 8497 w 10000"/>
                <a:gd name="connsiteY25" fmla="*/ 157 h 9738"/>
                <a:gd name="connsiteX26" fmla="*/ 8272 w 10000"/>
                <a:gd name="connsiteY26" fmla="*/ 0 h 9738"/>
                <a:gd name="connsiteX27" fmla="*/ 7821 w 10000"/>
                <a:gd name="connsiteY27" fmla="*/ 209 h 9738"/>
                <a:gd name="connsiteX28" fmla="*/ 7370 w 10000"/>
                <a:gd name="connsiteY28" fmla="*/ 523 h 9738"/>
                <a:gd name="connsiteX29" fmla="*/ 6769 w 10000"/>
                <a:gd name="connsiteY29" fmla="*/ 523 h 9738"/>
                <a:gd name="connsiteX30" fmla="*/ 5717 w 10000"/>
                <a:gd name="connsiteY30" fmla="*/ 523 h 9738"/>
                <a:gd name="connsiteX31" fmla="*/ 5717 w 10000"/>
                <a:gd name="connsiteY31" fmla="*/ 472 h 9738"/>
                <a:gd name="connsiteX32" fmla="*/ 5643 w 10000"/>
                <a:gd name="connsiteY32" fmla="*/ 523 h 9738"/>
                <a:gd name="connsiteX33" fmla="*/ 1961 w 10000"/>
                <a:gd name="connsiteY33" fmla="*/ 523 h 9738"/>
                <a:gd name="connsiteX34" fmla="*/ 1961 w 10000"/>
                <a:gd name="connsiteY34" fmla="*/ 1623 h 9738"/>
                <a:gd name="connsiteX35" fmla="*/ 1285 w 10000"/>
                <a:gd name="connsiteY35" fmla="*/ 1623 h 9738"/>
                <a:gd name="connsiteX36" fmla="*/ 1285 w 10000"/>
                <a:gd name="connsiteY36" fmla="*/ 1833 h 9738"/>
                <a:gd name="connsiteX37" fmla="*/ 1285 w 10000"/>
                <a:gd name="connsiteY37" fmla="*/ 3716 h 9738"/>
                <a:gd name="connsiteX38" fmla="*/ 1135 w 10000"/>
                <a:gd name="connsiteY38" fmla="*/ 3821 h 9738"/>
                <a:gd name="connsiteX39" fmla="*/ 684 w 10000"/>
                <a:gd name="connsiteY39" fmla="*/ 4032 h 9738"/>
                <a:gd name="connsiteX40" fmla="*/ 609 w 10000"/>
                <a:gd name="connsiteY40" fmla="*/ 4294 h 9738"/>
                <a:gd name="connsiteX41" fmla="*/ 384 w 10000"/>
                <a:gd name="connsiteY41" fmla="*/ 4555 h 9738"/>
                <a:gd name="connsiteX42" fmla="*/ 234 w 10000"/>
                <a:gd name="connsiteY42" fmla="*/ 4974 h 9738"/>
                <a:gd name="connsiteX43" fmla="*/ 8 w 10000"/>
                <a:gd name="connsiteY43" fmla="*/ 5446 h 9738"/>
                <a:gd name="connsiteX44" fmla="*/ 384 w 10000"/>
                <a:gd name="connsiteY44" fmla="*/ 5498 h 9738"/>
                <a:gd name="connsiteX45" fmla="*/ 458 w 10000"/>
                <a:gd name="connsiteY45" fmla="*/ 5915 h 9738"/>
                <a:gd name="connsiteX46" fmla="*/ 684 w 10000"/>
                <a:gd name="connsiteY46" fmla="*/ 6335 h 9738"/>
                <a:gd name="connsiteX47" fmla="*/ 1059 w 10000"/>
                <a:gd name="connsiteY47" fmla="*/ 7173 h 9738"/>
                <a:gd name="connsiteX0" fmla="*/ 7671 w 10000"/>
                <a:gd name="connsiteY0" fmla="*/ 9679 h 9839"/>
                <a:gd name="connsiteX1" fmla="*/ 8197 w 10000"/>
                <a:gd name="connsiteY1" fmla="*/ 9679 h 9839"/>
                <a:gd name="connsiteX2" fmla="*/ 8422 w 10000"/>
                <a:gd name="connsiteY2" fmla="*/ 9839 h 9839"/>
                <a:gd name="connsiteX3" fmla="*/ 8272 w 10000"/>
                <a:gd name="connsiteY3" fmla="*/ 9410 h 9839"/>
                <a:gd name="connsiteX4" fmla="*/ 7821 w 10000"/>
                <a:gd name="connsiteY4" fmla="*/ 8925 h 9839"/>
                <a:gd name="connsiteX5" fmla="*/ 7370 w 10000"/>
                <a:gd name="connsiteY5" fmla="*/ 8441 h 9839"/>
                <a:gd name="connsiteX6" fmla="*/ 6769 w 10000"/>
                <a:gd name="connsiteY6" fmla="*/ 8011 h 9839"/>
                <a:gd name="connsiteX7" fmla="*/ 7145 w 10000"/>
                <a:gd name="connsiteY7" fmla="*/ 7851 h 9839"/>
                <a:gd name="connsiteX8" fmla="*/ 7446 w 10000"/>
                <a:gd name="connsiteY8" fmla="*/ 6989 h 9839"/>
                <a:gd name="connsiteX9" fmla="*/ 7446 w 10000"/>
                <a:gd name="connsiteY9" fmla="*/ 6614 h 9839"/>
                <a:gd name="connsiteX10" fmla="*/ 7821 w 10000"/>
                <a:gd name="connsiteY10" fmla="*/ 6614 h 9839"/>
                <a:gd name="connsiteX11" fmla="*/ 8047 w 10000"/>
                <a:gd name="connsiteY11" fmla="*/ 5914 h 9839"/>
                <a:gd name="connsiteX12" fmla="*/ 8648 w 10000"/>
                <a:gd name="connsiteY12" fmla="*/ 5484 h 9839"/>
                <a:gd name="connsiteX13" fmla="*/ 8873 w 10000"/>
                <a:gd name="connsiteY13" fmla="*/ 4678 h 9839"/>
                <a:gd name="connsiteX14" fmla="*/ 8722 w 10000"/>
                <a:gd name="connsiteY14" fmla="*/ 4248 h 9839"/>
                <a:gd name="connsiteX15" fmla="*/ 9098 w 10000"/>
                <a:gd name="connsiteY15" fmla="*/ 3333 h 9839"/>
                <a:gd name="connsiteX16" fmla="*/ 9399 w 10000"/>
                <a:gd name="connsiteY16" fmla="*/ 3064 h 9839"/>
                <a:gd name="connsiteX17" fmla="*/ 10000 w 10000"/>
                <a:gd name="connsiteY17" fmla="*/ 2635 h 9839"/>
                <a:gd name="connsiteX18" fmla="*/ 9774 w 10000"/>
                <a:gd name="connsiteY18" fmla="*/ 2580 h 9839"/>
                <a:gd name="connsiteX19" fmla="*/ 9399 w 10000"/>
                <a:gd name="connsiteY19" fmla="*/ 2313 h 9839"/>
                <a:gd name="connsiteX20" fmla="*/ 9173 w 10000"/>
                <a:gd name="connsiteY20" fmla="*/ 1506 h 9839"/>
                <a:gd name="connsiteX21" fmla="*/ 9173 w 10000"/>
                <a:gd name="connsiteY21" fmla="*/ 1075 h 9839"/>
                <a:gd name="connsiteX22" fmla="*/ 9098 w 10000"/>
                <a:gd name="connsiteY22" fmla="*/ 537 h 9839"/>
                <a:gd name="connsiteX23" fmla="*/ 8873 w 10000"/>
                <a:gd name="connsiteY23" fmla="*/ 377 h 9839"/>
                <a:gd name="connsiteX24" fmla="*/ 8497 w 10000"/>
                <a:gd name="connsiteY24" fmla="*/ 161 h 9839"/>
                <a:gd name="connsiteX25" fmla="*/ 8272 w 10000"/>
                <a:gd name="connsiteY25" fmla="*/ 0 h 9839"/>
                <a:gd name="connsiteX26" fmla="*/ 7821 w 10000"/>
                <a:gd name="connsiteY26" fmla="*/ 215 h 9839"/>
                <a:gd name="connsiteX27" fmla="*/ 7370 w 10000"/>
                <a:gd name="connsiteY27" fmla="*/ 537 h 9839"/>
                <a:gd name="connsiteX28" fmla="*/ 6769 w 10000"/>
                <a:gd name="connsiteY28" fmla="*/ 537 h 9839"/>
                <a:gd name="connsiteX29" fmla="*/ 5717 w 10000"/>
                <a:gd name="connsiteY29" fmla="*/ 537 h 9839"/>
                <a:gd name="connsiteX30" fmla="*/ 5717 w 10000"/>
                <a:gd name="connsiteY30" fmla="*/ 485 h 9839"/>
                <a:gd name="connsiteX31" fmla="*/ 5643 w 10000"/>
                <a:gd name="connsiteY31" fmla="*/ 537 h 9839"/>
                <a:gd name="connsiteX32" fmla="*/ 1961 w 10000"/>
                <a:gd name="connsiteY32" fmla="*/ 537 h 9839"/>
                <a:gd name="connsiteX33" fmla="*/ 1961 w 10000"/>
                <a:gd name="connsiteY33" fmla="*/ 1667 h 9839"/>
                <a:gd name="connsiteX34" fmla="*/ 1285 w 10000"/>
                <a:gd name="connsiteY34" fmla="*/ 1667 h 9839"/>
                <a:gd name="connsiteX35" fmla="*/ 1285 w 10000"/>
                <a:gd name="connsiteY35" fmla="*/ 1882 h 9839"/>
                <a:gd name="connsiteX36" fmla="*/ 1285 w 10000"/>
                <a:gd name="connsiteY36" fmla="*/ 3816 h 9839"/>
                <a:gd name="connsiteX37" fmla="*/ 1135 w 10000"/>
                <a:gd name="connsiteY37" fmla="*/ 3924 h 9839"/>
                <a:gd name="connsiteX38" fmla="*/ 684 w 10000"/>
                <a:gd name="connsiteY38" fmla="*/ 4140 h 9839"/>
                <a:gd name="connsiteX39" fmla="*/ 609 w 10000"/>
                <a:gd name="connsiteY39" fmla="*/ 4410 h 9839"/>
                <a:gd name="connsiteX40" fmla="*/ 384 w 10000"/>
                <a:gd name="connsiteY40" fmla="*/ 4678 h 9839"/>
                <a:gd name="connsiteX41" fmla="*/ 234 w 10000"/>
                <a:gd name="connsiteY41" fmla="*/ 5108 h 9839"/>
                <a:gd name="connsiteX42" fmla="*/ 8 w 10000"/>
                <a:gd name="connsiteY42" fmla="*/ 5593 h 9839"/>
                <a:gd name="connsiteX43" fmla="*/ 384 w 10000"/>
                <a:gd name="connsiteY43" fmla="*/ 5646 h 9839"/>
                <a:gd name="connsiteX44" fmla="*/ 458 w 10000"/>
                <a:gd name="connsiteY44" fmla="*/ 6074 h 9839"/>
                <a:gd name="connsiteX45" fmla="*/ 684 w 10000"/>
                <a:gd name="connsiteY45" fmla="*/ 6505 h 9839"/>
                <a:gd name="connsiteX46" fmla="*/ 1059 w 10000"/>
                <a:gd name="connsiteY46" fmla="*/ 7366 h 9839"/>
                <a:gd name="connsiteX0" fmla="*/ 8197 w 10000"/>
                <a:gd name="connsiteY0" fmla="*/ 9837 h 10000"/>
                <a:gd name="connsiteX1" fmla="*/ 8422 w 10000"/>
                <a:gd name="connsiteY1" fmla="*/ 10000 h 10000"/>
                <a:gd name="connsiteX2" fmla="*/ 8272 w 10000"/>
                <a:gd name="connsiteY2" fmla="*/ 9564 h 10000"/>
                <a:gd name="connsiteX3" fmla="*/ 7821 w 10000"/>
                <a:gd name="connsiteY3" fmla="*/ 9071 h 10000"/>
                <a:gd name="connsiteX4" fmla="*/ 7370 w 10000"/>
                <a:gd name="connsiteY4" fmla="*/ 8579 h 10000"/>
                <a:gd name="connsiteX5" fmla="*/ 6769 w 10000"/>
                <a:gd name="connsiteY5" fmla="*/ 8142 h 10000"/>
                <a:gd name="connsiteX6" fmla="*/ 7145 w 10000"/>
                <a:gd name="connsiteY6" fmla="*/ 7979 h 10000"/>
                <a:gd name="connsiteX7" fmla="*/ 7446 w 10000"/>
                <a:gd name="connsiteY7" fmla="*/ 7103 h 10000"/>
                <a:gd name="connsiteX8" fmla="*/ 7446 w 10000"/>
                <a:gd name="connsiteY8" fmla="*/ 6722 h 10000"/>
                <a:gd name="connsiteX9" fmla="*/ 7821 w 10000"/>
                <a:gd name="connsiteY9" fmla="*/ 6722 h 10000"/>
                <a:gd name="connsiteX10" fmla="*/ 8047 w 10000"/>
                <a:gd name="connsiteY10" fmla="*/ 6011 h 10000"/>
                <a:gd name="connsiteX11" fmla="*/ 8648 w 10000"/>
                <a:gd name="connsiteY11" fmla="*/ 5574 h 10000"/>
                <a:gd name="connsiteX12" fmla="*/ 8873 w 10000"/>
                <a:gd name="connsiteY12" fmla="*/ 4755 h 10000"/>
                <a:gd name="connsiteX13" fmla="*/ 8722 w 10000"/>
                <a:gd name="connsiteY13" fmla="*/ 4318 h 10000"/>
                <a:gd name="connsiteX14" fmla="*/ 9098 w 10000"/>
                <a:gd name="connsiteY14" fmla="*/ 3388 h 10000"/>
                <a:gd name="connsiteX15" fmla="*/ 9399 w 10000"/>
                <a:gd name="connsiteY15" fmla="*/ 3114 h 10000"/>
                <a:gd name="connsiteX16" fmla="*/ 10000 w 10000"/>
                <a:gd name="connsiteY16" fmla="*/ 2678 h 10000"/>
                <a:gd name="connsiteX17" fmla="*/ 9774 w 10000"/>
                <a:gd name="connsiteY17" fmla="*/ 2622 h 10000"/>
                <a:gd name="connsiteX18" fmla="*/ 9399 w 10000"/>
                <a:gd name="connsiteY18" fmla="*/ 2351 h 10000"/>
                <a:gd name="connsiteX19" fmla="*/ 9173 w 10000"/>
                <a:gd name="connsiteY19" fmla="*/ 1531 h 10000"/>
                <a:gd name="connsiteX20" fmla="*/ 9173 w 10000"/>
                <a:gd name="connsiteY20" fmla="*/ 1093 h 10000"/>
                <a:gd name="connsiteX21" fmla="*/ 9098 w 10000"/>
                <a:gd name="connsiteY21" fmla="*/ 546 h 10000"/>
                <a:gd name="connsiteX22" fmla="*/ 8873 w 10000"/>
                <a:gd name="connsiteY22" fmla="*/ 383 h 10000"/>
                <a:gd name="connsiteX23" fmla="*/ 8497 w 10000"/>
                <a:gd name="connsiteY23" fmla="*/ 164 h 10000"/>
                <a:gd name="connsiteX24" fmla="*/ 8272 w 10000"/>
                <a:gd name="connsiteY24" fmla="*/ 0 h 10000"/>
                <a:gd name="connsiteX25" fmla="*/ 7821 w 10000"/>
                <a:gd name="connsiteY25" fmla="*/ 219 h 10000"/>
                <a:gd name="connsiteX26" fmla="*/ 7370 w 10000"/>
                <a:gd name="connsiteY26" fmla="*/ 546 h 10000"/>
                <a:gd name="connsiteX27" fmla="*/ 6769 w 10000"/>
                <a:gd name="connsiteY27" fmla="*/ 546 h 10000"/>
                <a:gd name="connsiteX28" fmla="*/ 5717 w 10000"/>
                <a:gd name="connsiteY28" fmla="*/ 546 h 10000"/>
                <a:gd name="connsiteX29" fmla="*/ 5717 w 10000"/>
                <a:gd name="connsiteY29" fmla="*/ 493 h 10000"/>
                <a:gd name="connsiteX30" fmla="*/ 5643 w 10000"/>
                <a:gd name="connsiteY30" fmla="*/ 546 h 10000"/>
                <a:gd name="connsiteX31" fmla="*/ 1961 w 10000"/>
                <a:gd name="connsiteY31" fmla="*/ 546 h 10000"/>
                <a:gd name="connsiteX32" fmla="*/ 1961 w 10000"/>
                <a:gd name="connsiteY32" fmla="*/ 1694 h 10000"/>
                <a:gd name="connsiteX33" fmla="*/ 1285 w 10000"/>
                <a:gd name="connsiteY33" fmla="*/ 1694 h 10000"/>
                <a:gd name="connsiteX34" fmla="*/ 1285 w 10000"/>
                <a:gd name="connsiteY34" fmla="*/ 1913 h 10000"/>
                <a:gd name="connsiteX35" fmla="*/ 1285 w 10000"/>
                <a:gd name="connsiteY35" fmla="*/ 3878 h 10000"/>
                <a:gd name="connsiteX36" fmla="*/ 1135 w 10000"/>
                <a:gd name="connsiteY36" fmla="*/ 3988 h 10000"/>
                <a:gd name="connsiteX37" fmla="*/ 684 w 10000"/>
                <a:gd name="connsiteY37" fmla="*/ 4208 h 10000"/>
                <a:gd name="connsiteX38" fmla="*/ 609 w 10000"/>
                <a:gd name="connsiteY38" fmla="*/ 4482 h 10000"/>
                <a:gd name="connsiteX39" fmla="*/ 384 w 10000"/>
                <a:gd name="connsiteY39" fmla="*/ 4755 h 10000"/>
                <a:gd name="connsiteX40" fmla="*/ 234 w 10000"/>
                <a:gd name="connsiteY40" fmla="*/ 5192 h 10000"/>
                <a:gd name="connsiteX41" fmla="*/ 8 w 10000"/>
                <a:gd name="connsiteY41" fmla="*/ 5685 h 10000"/>
                <a:gd name="connsiteX42" fmla="*/ 384 w 10000"/>
                <a:gd name="connsiteY42" fmla="*/ 5738 h 10000"/>
                <a:gd name="connsiteX43" fmla="*/ 458 w 10000"/>
                <a:gd name="connsiteY43" fmla="*/ 6173 h 10000"/>
                <a:gd name="connsiteX44" fmla="*/ 684 w 10000"/>
                <a:gd name="connsiteY44" fmla="*/ 6611 h 10000"/>
                <a:gd name="connsiteX45" fmla="*/ 1059 w 10000"/>
                <a:gd name="connsiteY45" fmla="*/ 7487 h 10000"/>
                <a:gd name="connsiteX0" fmla="*/ 8197 w 10000"/>
                <a:gd name="connsiteY0" fmla="*/ 9837 h 10000"/>
                <a:gd name="connsiteX1" fmla="*/ 8422 w 10000"/>
                <a:gd name="connsiteY1" fmla="*/ 10000 h 10000"/>
                <a:gd name="connsiteX2" fmla="*/ 8272 w 10000"/>
                <a:gd name="connsiteY2" fmla="*/ 9564 h 10000"/>
                <a:gd name="connsiteX3" fmla="*/ 7821 w 10000"/>
                <a:gd name="connsiteY3" fmla="*/ 9071 h 10000"/>
                <a:gd name="connsiteX4" fmla="*/ 7370 w 10000"/>
                <a:gd name="connsiteY4" fmla="*/ 8579 h 10000"/>
                <a:gd name="connsiteX5" fmla="*/ 6769 w 10000"/>
                <a:gd name="connsiteY5" fmla="*/ 8142 h 10000"/>
                <a:gd name="connsiteX6" fmla="*/ 7446 w 10000"/>
                <a:gd name="connsiteY6" fmla="*/ 7103 h 10000"/>
                <a:gd name="connsiteX7" fmla="*/ 7446 w 10000"/>
                <a:gd name="connsiteY7" fmla="*/ 6722 h 10000"/>
                <a:gd name="connsiteX8" fmla="*/ 7821 w 10000"/>
                <a:gd name="connsiteY8" fmla="*/ 6722 h 10000"/>
                <a:gd name="connsiteX9" fmla="*/ 8047 w 10000"/>
                <a:gd name="connsiteY9" fmla="*/ 6011 h 10000"/>
                <a:gd name="connsiteX10" fmla="*/ 8648 w 10000"/>
                <a:gd name="connsiteY10" fmla="*/ 5574 h 10000"/>
                <a:gd name="connsiteX11" fmla="*/ 8873 w 10000"/>
                <a:gd name="connsiteY11" fmla="*/ 4755 h 10000"/>
                <a:gd name="connsiteX12" fmla="*/ 8722 w 10000"/>
                <a:gd name="connsiteY12" fmla="*/ 4318 h 10000"/>
                <a:gd name="connsiteX13" fmla="*/ 9098 w 10000"/>
                <a:gd name="connsiteY13" fmla="*/ 3388 h 10000"/>
                <a:gd name="connsiteX14" fmla="*/ 9399 w 10000"/>
                <a:gd name="connsiteY14" fmla="*/ 3114 h 10000"/>
                <a:gd name="connsiteX15" fmla="*/ 10000 w 10000"/>
                <a:gd name="connsiteY15" fmla="*/ 2678 h 10000"/>
                <a:gd name="connsiteX16" fmla="*/ 9774 w 10000"/>
                <a:gd name="connsiteY16" fmla="*/ 2622 h 10000"/>
                <a:gd name="connsiteX17" fmla="*/ 9399 w 10000"/>
                <a:gd name="connsiteY17" fmla="*/ 2351 h 10000"/>
                <a:gd name="connsiteX18" fmla="*/ 9173 w 10000"/>
                <a:gd name="connsiteY18" fmla="*/ 1531 h 10000"/>
                <a:gd name="connsiteX19" fmla="*/ 9173 w 10000"/>
                <a:gd name="connsiteY19" fmla="*/ 1093 h 10000"/>
                <a:gd name="connsiteX20" fmla="*/ 9098 w 10000"/>
                <a:gd name="connsiteY20" fmla="*/ 546 h 10000"/>
                <a:gd name="connsiteX21" fmla="*/ 8873 w 10000"/>
                <a:gd name="connsiteY21" fmla="*/ 383 h 10000"/>
                <a:gd name="connsiteX22" fmla="*/ 8497 w 10000"/>
                <a:gd name="connsiteY22" fmla="*/ 164 h 10000"/>
                <a:gd name="connsiteX23" fmla="*/ 8272 w 10000"/>
                <a:gd name="connsiteY23" fmla="*/ 0 h 10000"/>
                <a:gd name="connsiteX24" fmla="*/ 7821 w 10000"/>
                <a:gd name="connsiteY24" fmla="*/ 219 h 10000"/>
                <a:gd name="connsiteX25" fmla="*/ 7370 w 10000"/>
                <a:gd name="connsiteY25" fmla="*/ 546 h 10000"/>
                <a:gd name="connsiteX26" fmla="*/ 6769 w 10000"/>
                <a:gd name="connsiteY26" fmla="*/ 546 h 10000"/>
                <a:gd name="connsiteX27" fmla="*/ 5717 w 10000"/>
                <a:gd name="connsiteY27" fmla="*/ 546 h 10000"/>
                <a:gd name="connsiteX28" fmla="*/ 5717 w 10000"/>
                <a:gd name="connsiteY28" fmla="*/ 493 h 10000"/>
                <a:gd name="connsiteX29" fmla="*/ 5643 w 10000"/>
                <a:gd name="connsiteY29" fmla="*/ 546 h 10000"/>
                <a:gd name="connsiteX30" fmla="*/ 1961 w 10000"/>
                <a:gd name="connsiteY30" fmla="*/ 546 h 10000"/>
                <a:gd name="connsiteX31" fmla="*/ 1961 w 10000"/>
                <a:gd name="connsiteY31" fmla="*/ 1694 h 10000"/>
                <a:gd name="connsiteX32" fmla="*/ 1285 w 10000"/>
                <a:gd name="connsiteY32" fmla="*/ 1694 h 10000"/>
                <a:gd name="connsiteX33" fmla="*/ 1285 w 10000"/>
                <a:gd name="connsiteY33" fmla="*/ 1913 h 10000"/>
                <a:gd name="connsiteX34" fmla="*/ 1285 w 10000"/>
                <a:gd name="connsiteY34" fmla="*/ 3878 h 10000"/>
                <a:gd name="connsiteX35" fmla="*/ 1135 w 10000"/>
                <a:gd name="connsiteY35" fmla="*/ 3988 h 10000"/>
                <a:gd name="connsiteX36" fmla="*/ 684 w 10000"/>
                <a:gd name="connsiteY36" fmla="*/ 4208 h 10000"/>
                <a:gd name="connsiteX37" fmla="*/ 609 w 10000"/>
                <a:gd name="connsiteY37" fmla="*/ 4482 h 10000"/>
                <a:gd name="connsiteX38" fmla="*/ 384 w 10000"/>
                <a:gd name="connsiteY38" fmla="*/ 4755 h 10000"/>
                <a:gd name="connsiteX39" fmla="*/ 234 w 10000"/>
                <a:gd name="connsiteY39" fmla="*/ 5192 h 10000"/>
                <a:gd name="connsiteX40" fmla="*/ 8 w 10000"/>
                <a:gd name="connsiteY40" fmla="*/ 5685 h 10000"/>
                <a:gd name="connsiteX41" fmla="*/ 384 w 10000"/>
                <a:gd name="connsiteY41" fmla="*/ 5738 h 10000"/>
                <a:gd name="connsiteX42" fmla="*/ 458 w 10000"/>
                <a:gd name="connsiteY42" fmla="*/ 6173 h 10000"/>
                <a:gd name="connsiteX43" fmla="*/ 684 w 10000"/>
                <a:gd name="connsiteY43" fmla="*/ 6611 h 10000"/>
                <a:gd name="connsiteX44" fmla="*/ 1059 w 10000"/>
                <a:gd name="connsiteY44" fmla="*/ 7487 h 10000"/>
                <a:gd name="connsiteX0" fmla="*/ 8197 w 10000"/>
                <a:gd name="connsiteY0" fmla="*/ 9837 h 10000"/>
                <a:gd name="connsiteX1" fmla="*/ 8422 w 10000"/>
                <a:gd name="connsiteY1" fmla="*/ 10000 h 10000"/>
                <a:gd name="connsiteX2" fmla="*/ 8272 w 10000"/>
                <a:gd name="connsiteY2" fmla="*/ 9564 h 10000"/>
                <a:gd name="connsiteX3" fmla="*/ 7821 w 10000"/>
                <a:gd name="connsiteY3" fmla="*/ 9071 h 10000"/>
                <a:gd name="connsiteX4" fmla="*/ 7370 w 10000"/>
                <a:gd name="connsiteY4" fmla="*/ 8579 h 10000"/>
                <a:gd name="connsiteX5" fmla="*/ 7446 w 10000"/>
                <a:gd name="connsiteY5" fmla="*/ 7103 h 10000"/>
                <a:gd name="connsiteX6" fmla="*/ 7446 w 10000"/>
                <a:gd name="connsiteY6" fmla="*/ 6722 h 10000"/>
                <a:gd name="connsiteX7" fmla="*/ 7821 w 10000"/>
                <a:gd name="connsiteY7" fmla="*/ 6722 h 10000"/>
                <a:gd name="connsiteX8" fmla="*/ 8047 w 10000"/>
                <a:gd name="connsiteY8" fmla="*/ 6011 h 10000"/>
                <a:gd name="connsiteX9" fmla="*/ 8648 w 10000"/>
                <a:gd name="connsiteY9" fmla="*/ 5574 h 10000"/>
                <a:gd name="connsiteX10" fmla="*/ 8873 w 10000"/>
                <a:gd name="connsiteY10" fmla="*/ 4755 h 10000"/>
                <a:gd name="connsiteX11" fmla="*/ 8722 w 10000"/>
                <a:gd name="connsiteY11" fmla="*/ 4318 h 10000"/>
                <a:gd name="connsiteX12" fmla="*/ 9098 w 10000"/>
                <a:gd name="connsiteY12" fmla="*/ 3388 h 10000"/>
                <a:gd name="connsiteX13" fmla="*/ 9399 w 10000"/>
                <a:gd name="connsiteY13" fmla="*/ 3114 h 10000"/>
                <a:gd name="connsiteX14" fmla="*/ 10000 w 10000"/>
                <a:gd name="connsiteY14" fmla="*/ 2678 h 10000"/>
                <a:gd name="connsiteX15" fmla="*/ 9774 w 10000"/>
                <a:gd name="connsiteY15" fmla="*/ 2622 h 10000"/>
                <a:gd name="connsiteX16" fmla="*/ 9399 w 10000"/>
                <a:gd name="connsiteY16" fmla="*/ 2351 h 10000"/>
                <a:gd name="connsiteX17" fmla="*/ 9173 w 10000"/>
                <a:gd name="connsiteY17" fmla="*/ 1531 h 10000"/>
                <a:gd name="connsiteX18" fmla="*/ 9173 w 10000"/>
                <a:gd name="connsiteY18" fmla="*/ 1093 h 10000"/>
                <a:gd name="connsiteX19" fmla="*/ 9098 w 10000"/>
                <a:gd name="connsiteY19" fmla="*/ 546 h 10000"/>
                <a:gd name="connsiteX20" fmla="*/ 8873 w 10000"/>
                <a:gd name="connsiteY20" fmla="*/ 383 h 10000"/>
                <a:gd name="connsiteX21" fmla="*/ 8497 w 10000"/>
                <a:gd name="connsiteY21" fmla="*/ 164 h 10000"/>
                <a:gd name="connsiteX22" fmla="*/ 8272 w 10000"/>
                <a:gd name="connsiteY22" fmla="*/ 0 h 10000"/>
                <a:gd name="connsiteX23" fmla="*/ 7821 w 10000"/>
                <a:gd name="connsiteY23" fmla="*/ 219 h 10000"/>
                <a:gd name="connsiteX24" fmla="*/ 7370 w 10000"/>
                <a:gd name="connsiteY24" fmla="*/ 546 h 10000"/>
                <a:gd name="connsiteX25" fmla="*/ 6769 w 10000"/>
                <a:gd name="connsiteY25" fmla="*/ 546 h 10000"/>
                <a:gd name="connsiteX26" fmla="*/ 5717 w 10000"/>
                <a:gd name="connsiteY26" fmla="*/ 546 h 10000"/>
                <a:gd name="connsiteX27" fmla="*/ 5717 w 10000"/>
                <a:gd name="connsiteY27" fmla="*/ 493 h 10000"/>
                <a:gd name="connsiteX28" fmla="*/ 5643 w 10000"/>
                <a:gd name="connsiteY28" fmla="*/ 546 h 10000"/>
                <a:gd name="connsiteX29" fmla="*/ 1961 w 10000"/>
                <a:gd name="connsiteY29" fmla="*/ 546 h 10000"/>
                <a:gd name="connsiteX30" fmla="*/ 1961 w 10000"/>
                <a:gd name="connsiteY30" fmla="*/ 1694 h 10000"/>
                <a:gd name="connsiteX31" fmla="*/ 1285 w 10000"/>
                <a:gd name="connsiteY31" fmla="*/ 1694 h 10000"/>
                <a:gd name="connsiteX32" fmla="*/ 1285 w 10000"/>
                <a:gd name="connsiteY32" fmla="*/ 1913 h 10000"/>
                <a:gd name="connsiteX33" fmla="*/ 1285 w 10000"/>
                <a:gd name="connsiteY33" fmla="*/ 3878 h 10000"/>
                <a:gd name="connsiteX34" fmla="*/ 1135 w 10000"/>
                <a:gd name="connsiteY34" fmla="*/ 3988 h 10000"/>
                <a:gd name="connsiteX35" fmla="*/ 684 w 10000"/>
                <a:gd name="connsiteY35" fmla="*/ 4208 h 10000"/>
                <a:gd name="connsiteX36" fmla="*/ 609 w 10000"/>
                <a:gd name="connsiteY36" fmla="*/ 4482 h 10000"/>
                <a:gd name="connsiteX37" fmla="*/ 384 w 10000"/>
                <a:gd name="connsiteY37" fmla="*/ 4755 h 10000"/>
                <a:gd name="connsiteX38" fmla="*/ 234 w 10000"/>
                <a:gd name="connsiteY38" fmla="*/ 5192 h 10000"/>
                <a:gd name="connsiteX39" fmla="*/ 8 w 10000"/>
                <a:gd name="connsiteY39" fmla="*/ 5685 h 10000"/>
                <a:gd name="connsiteX40" fmla="*/ 384 w 10000"/>
                <a:gd name="connsiteY40" fmla="*/ 5738 h 10000"/>
                <a:gd name="connsiteX41" fmla="*/ 458 w 10000"/>
                <a:gd name="connsiteY41" fmla="*/ 6173 h 10000"/>
                <a:gd name="connsiteX42" fmla="*/ 684 w 10000"/>
                <a:gd name="connsiteY42" fmla="*/ 6611 h 10000"/>
                <a:gd name="connsiteX43" fmla="*/ 1059 w 10000"/>
                <a:gd name="connsiteY43" fmla="*/ 7487 h 10000"/>
                <a:gd name="connsiteX0" fmla="*/ 8197 w 10000"/>
                <a:gd name="connsiteY0" fmla="*/ 9837 h 10000"/>
                <a:gd name="connsiteX1" fmla="*/ 8422 w 10000"/>
                <a:gd name="connsiteY1" fmla="*/ 10000 h 10000"/>
                <a:gd name="connsiteX2" fmla="*/ 8272 w 10000"/>
                <a:gd name="connsiteY2" fmla="*/ 9564 h 10000"/>
                <a:gd name="connsiteX3" fmla="*/ 7821 w 10000"/>
                <a:gd name="connsiteY3" fmla="*/ 9071 h 10000"/>
                <a:gd name="connsiteX4" fmla="*/ 7446 w 10000"/>
                <a:gd name="connsiteY4" fmla="*/ 7103 h 10000"/>
                <a:gd name="connsiteX5" fmla="*/ 7446 w 10000"/>
                <a:gd name="connsiteY5" fmla="*/ 6722 h 10000"/>
                <a:gd name="connsiteX6" fmla="*/ 7821 w 10000"/>
                <a:gd name="connsiteY6" fmla="*/ 6722 h 10000"/>
                <a:gd name="connsiteX7" fmla="*/ 8047 w 10000"/>
                <a:gd name="connsiteY7" fmla="*/ 6011 h 10000"/>
                <a:gd name="connsiteX8" fmla="*/ 8648 w 10000"/>
                <a:gd name="connsiteY8" fmla="*/ 5574 h 10000"/>
                <a:gd name="connsiteX9" fmla="*/ 8873 w 10000"/>
                <a:gd name="connsiteY9" fmla="*/ 4755 h 10000"/>
                <a:gd name="connsiteX10" fmla="*/ 8722 w 10000"/>
                <a:gd name="connsiteY10" fmla="*/ 4318 h 10000"/>
                <a:gd name="connsiteX11" fmla="*/ 9098 w 10000"/>
                <a:gd name="connsiteY11" fmla="*/ 3388 h 10000"/>
                <a:gd name="connsiteX12" fmla="*/ 9399 w 10000"/>
                <a:gd name="connsiteY12" fmla="*/ 3114 h 10000"/>
                <a:gd name="connsiteX13" fmla="*/ 10000 w 10000"/>
                <a:gd name="connsiteY13" fmla="*/ 2678 h 10000"/>
                <a:gd name="connsiteX14" fmla="*/ 9774 w 10000"/>
                <a:gd name="connsiteY14" fmla="*/ 2622 h 10000"/>
                <a:gd name="connsiteX15" fmla="*/ 9399 w 10000"/>
                <a:gd name="connsiteY15" fmla="*/ 2351 h 10000"/>
                <a:gd name="connsiteX16" fmla="*/ 9173 w 10000"/>
                <a:gd name="connsiteY16" fmla="*/ 1531 h 10000"/>
                <a:gd name="connsiteX17" fmla="*/ 9173 w 10000"/>
                <a:gd name="connsiteY17" fmla="*/ 1093 h 10000"/>
                <a:gd name="connsiteX18" fmla="*/ 9098 w 10000"/>
                <a:gd name="connsiteY18" fmla="*/ 546 h 10000"/>
                <a:gd name="connsiteX19" fmla="*/ 8873 w 10000"/>
                <a:gd name="connsiteY19" fmla="*/ 383 h 10000"/>
                <a:gd name="connsiteX20" fmla="*/ 8497 w 10000"/>
                <a:gd name="connsiteY20" fmla="*/ 164 h 10000"/>
                <a:gd name="connsiteX21" fmla="*/ 8272 w 10000"/>
                <a:gd name="connsiteY21" fmla="*/ 0 h 10000"/>
                <a:gd name="connsiteX22" fmla="*/ 7821 w 10000"/>
                <a:gd name="connsiteY22" fmla="*/ 219 h 10000"/>
                <a:gd name="connsiteX23" fmla="*/ 7370 w 10000"/>
                <a:gd name="connsiteY23" fmla="*/ 546 h 10000"/>
                <a:gd name="connsiteX24" fmla="*/ 6769 w 10000"/>
                <a:gd name="connsiteY24" fmla="*/ 546 h 10000"/>
                <a:gd name="connsiteX25" fmla="*/ 5717 w 10000"/>
                <a:gd name="connsiteY25" fmla="*/ 546 h 10000"/>
                <a:gd name="connsiteX26" fmla="*/ 5717 w 10000"/>
                <a:gd name="connsiteY26" fmla="*/ 493 h 10000"/>
                <a:gd name="connsiteX27" fmla="*/ 5643 w 10000"/>
                <a:gd name="connsiteY27" fmla="*/ 546 h 10000"/>
                <a:gd name="connsiteX28" fmla="*/ 1961 w 10000"/>
                <a:gd name="connsiteY28" fmla="*/ 546 h 10000"/>
                <a:gd name="connsiteX29" fmla="*/ 1961 w 10000"/>
                <a:gd name="connsiteY29" fmla="*/ 1694 h 10000"/>
                <a:gd name="connsiteX30" fmla="*/ 1285 w 10000"/>
                <a:gd name="connsiteY30" fmla="*/ 1694 h 10000"/>
                <a:gd name="connsiteX31" fmla="*/ 1285 w 10000"/>
                <a:gd name="connsiteY31" fmla="*/ 1913 h 10000"/>
                <a:gd name="connsiteX32" fmla="*/ 1285 w 10000"/>
                <a:gd name="connsiteY32" fmla="*/ 3878 h 10000"/>
                <a:gd name="connsiteX33" fmla="*/ 1135 w 10000"/>
                <a:gd name="connsiteY33" fmla="*/ 3988 h 10000"/>
                <a:gd name="connsiteX34" fmla="*/ 684 w 10000"/>
                <a:gd name="connsiteY34" fmla="*/ 4208 h 10000"/>
                <a:gd name="connsiteX35" fmla="*/ 609 w 10000"/>
                <a:gd name="connsiteY35" fmla="*/ 4482 h 10000"/>
                <a:gd name="connsiteX36" fmla="*/ 384 w 10000"/>
                <a:gd name="connsiteY36" fmla="*/ 4755 h 10000"/>
                <a:gd name="connsiteX37" fmla="*/ 234 w 10000"/>
                <a:gd name="connsiteY37" fmla="*/ 5192 h 10000"/>
                <a:gd name="connsiteX38" fmla="*/ 8 w 10000"/>
                <a:gd name="connsiteY38" fmla="*/ 5685 h 10000"/>
                <a:gd name="connsiteX39" fmla="*/ 384 w 10000"/>
                <a:gd name="connsiteY39" fmla="*/ 5738 h 10000"/>
                <a:gd name="connsiteX40" fmla="*/ 458 w 10000"/>
                <a:gd name="connsiteY40" fmla="*/ 6173 h 10000"/>
                <a:gd name="connsiteX41" fmla="*/ 684 w 10000"/>
                <a:gd name="connsiteY41" fmla="*/ 6611 h 10000"/>
                <a:gd name="connsiteX42" fmla="*/ 1059 w 10000"/>
                <a:gd name="connsiteY42" fmla="*/ 7487 h 10000"/>
                <a:gd name="connsiteX0" fmla="*/ 8197 w 10000"/>
                <a:gd name="connsiteY0" fmla="*/ 9837 h 10000"/>
                <a:gd name="connsiteX1" fmla="*/ 8422 w 10000"/>
                <a:gd name="connsiteY1" fmla="*/ 10000 h 10000"/>
                <a:gd name="connsiteX2" fmla="*/ 8272 w 10000"/>
                <a:gd name="connsiteY2" fmla="*/ 9564 h 10000"/>
                <a:gd name="connsiteX3" fmla="*/ 7446 w 10000"/>
                <a:gd name="connsiteY3" fmla="*/ 7103 h 10000"/>
                <a:gd name="connsiteX4" fmla="*/ 7446 w 10000"/>
                <a:gd name="connsiteY4" fmla="*/ 6722 h 10000"/>
                <a:gd name="connsiteX5" fmla="*/ 7821 w 10000"/>
                <a:gd name="connsiteY5" fmla="*/ 6722 h 10000"/>
                <a:gd name="connsiteX6" fmla="*/ 8047 w 10000"/>
                <a:gd name="connsiteY6" fmla="*/ 6011 h 10000"/>
                <a:gd name="connsiteX7" fmla="*/ 8648 w 10000"/>
                <a:gd name="connsiteY7" fmla="*/ 5574 h 10000"/>
                <a:gd name="connsiteX8" fmla="*/ 8873 w 10000"/>
                <a:gd name="connsiteY8" fmla="*/ 4755 h 10000"/>
                <a:gd name="connsiteX9" fmla="*/ 8722 w 10000"/>
                <a:gd name="connsiteY9" fmla="*/ 4318 h 10000"/>
                <a:gd name="connsiteX10" fmla="*/ 9098 w 10000"/>
                <a:gd name="connsiteY10" fmla="*/ 3388 h 10000"/>
                <a:gd name="connsiteX11" fmla="*/ 9399 w 10000"/>
                <a:gd name="connsiteY11" fmla="*/ 3114 h 10000"/>
                <a:gd name="connsiteX12" fmla="*/ 10000 w 10000"/>
                <a:gd name="connsiteY12" fmla="*/ 2678 h 10000"/>
                <a:gd name="connsiteX13" fmla="*/ 9774 w 10000"/>
                <a:gd name="connsiteY13" fmla="*/ 2622 h 10000"/>
                <a:gd name="connsiteX14" fmla="*/ 9399 w 10000"/>
                <a:gd name="connsiteY14" fmla="*/ 2351 h 10000"/>
                <a:gd name="connsiteX15" fmla="*/ 9173 w 10000"/>
                <a:gd name="connsiteY15" fmla="*/ 1531 h 10000"/>
                <a:gd name="connsiteX16" fmla="*/ 9173 w 10000"/>
                <a:gd name="connsiteY16" fmla="*/ 1093 h 10000"/>
                <a:gd name="connsiteX17" fmla="*/ 9098 w 10000"/>
                <a:gd name="connsiteY17" fmla="*/ 546 h 10000"/>
                <a:gd name="connsiteX18" fmla="*/ 8873 w 10000"/>
                <a:gd name="connsiteY18" fmla="*/ 383 h 10000"/>
                <a:gd name="connsiteX19" fmla="*/ 8497 w 10000"/>
                <a:gd name="connsiteY19" fmla="*/ 164 h 10000"/>
                <a:gd name="connsiteX20" fmla="*/ 8272 w 10000"/>
                <a:gd name="connsiteY20" fmla="*/ 0 h 10000"/>
                <a:gd name="connsiteX21" fmla="*/ 7821 w 10000"/>
                <a:gd name="connsiteY21" fmla="*/ 219 h 10000"/>
                <a:gd name="connsiteX22" fmla="*/ 7370 w 10000"/>
                <a:gd name="connsiteY22" fmla="*/ 546 h 10000"/>
                <a:gd name="connsiteX23" fmla="*/ 6769 w 10000"/>
                <a:gd name="connsiteY23" fmla="*/ 546 h 10000"/>
                <a:gd name="connsiteX24" fmla="*/ 5717 w 10000"/>
                <a:gd name="connsiteY24" fmla="*/ 546 h 10000"/>
                <a:gd name="connsiteX25" fmla="*/ 5717 w 10000"/>
                <a:gd name="connsiteY25" fmla="*/ 493 h 10000"/>
                <a:gd name="connsiteX26" fmla="*/ 5643 w 10000"/>
                <a:gd name="connsiteY26" fmla="*/ 546 h 10000"/>
                <a:gd name="connsiteX27" fmla="*/ 1961 w 10000"/>
                <a:gd name="connsiteY27" fmla="*/ 546 h 10000"/>
                <a:gd name="connsiteX28" fmla="*/ 1961 w 10000"/>
                <a:gd name="connsiteY28" fmla="*/ 1694 h 10000"/>
                <a:gd name="connsiteX29" fmla="*/ 1285 w 10000"/>
                <a:gd name="connsiteY29" fmla="*/ 1694 h 10000"/>
                <a:gd name="connsiteX30" fmla="*/ 1285 w 10000"/>
                <a:gd name="connsiteY30" fmla="*/ 1913 h 10000"/>
                <a:gd name="connsiteX31" fmla="*/ 1285 w 10000"/>
                <a:gd name="connsiteY31" fmla="*/ 3878 h 10000"/>
                <a:gd name="connsiteX32" fmla="*/ 1135 w 10000"/>
                <a:gd name="connsiteY32" fmla="*/ 3988 h 10000"/>
                <a:gd name="connsiteX33" fmla="*/ 684 w 10000"/>
                <a:gd name="connsiteY33" fmla="*/ 4208 h 10000"/>
                <a:gd name="connsiteX34" fmla="*/ 609 w 10000"/>
                <a:gd name="connsiteY34" fmla="*/ 4482 h 10000"/>
                <a:gd name="connsiteX35" fmla="*/ 384 w 10000"/>
                <a:gd name="connsiteY35" fmla="*/ 4755 h 10000"/>
                <a:gd name="connsiteX36" fmla="*/ 234 w 10000"/>
                <a:gd name="connsiteY36" fmla="*/ 5192 h 10000"/>
                <a:gd name="connsiteX37" fmla="*/ 8 w 10000"/>
                <a:gd name="connsiteY37" fmla="*/ 5685 h 10000"/>
                <a:gd name="connsiteX38" fmla="*/ 384 w 10000"/>
                <a:gd name="connsiteY38" fmla="*/ 5738 h 10000"/>
                <a:gd name="connsiteX39" fmla="*/ 458 w 10000"/>
                <a:gd name="connsiteY39" fmla="*/ 6173 h 10000"/>
                <a:gd name="connsiteX40" fmla="*/ 684 w 10000"/>
                <a:gd name="connsiteY40" fmla="*/ 6611 h 10000"/>
                <a:gd name="connsiteX41" fmla="*/ 1059 w 10000"/>
                <a:gd name="connsiteY41" fmla="*/ 7487 h 10000"/>
                <a:gd name="connsiteX0" fmla="*/ 8197 w 10000"/>
                <a:gd name="connsiteY0" fmla="*/ 9837 h 10000"/>
                <a:gd name="connsiteX1" fmla="*/ 8422 w 10000"/>
                <a:gd name="connsiteY1" fmla="*/ 10000 h 10000"/>
                <a:gd name="connsiteX2" fmla="*/ 7446 w 10000"/>
                <a:gd name="connsiteY2" fmla="*/ 7103 h 10000"/>
                <a:gd name="connsiteX3" fmla="*/ 7446 w 10000"/>
                <a:gd name="connsiteY3" fmla="*/ 6722 h 10000"/>
                <a:gd name="connsiteX4" fmla="*/ 7821 w 10000"/>
                <a:gd name="connsiteY4" fmla="*/ 6722 h 10000"/>
                <a:gd name="connsiteX5" fmla="*/ 8047 w 10000"/>
                <a:gd name="connsiteY5" fmla="*/ 6011 h 10000"/>
                <a:gd name="connsiteX6" fmla="*/ 8648 w 10000"/>
                <a:gd name="connsiteY6" fmla="*/ 5574 h 10000"/>
                <a:gd name="connsiteX7" fmla="*/ 8873 w 10000"/>
                <a:gd name="connsiteY7" fmla="*/ 4755 h 10000"/>
                <a:gd name="connsiteX8" fmla="*/ 8722 w 10000"/>
                <a:gd name="connsiteY8" fmla="*/ 4318 h 10000"/>
                <a:gd name="connsiteX9" fmla="*/ 9098 w 10000"/>
                <a:gd name="connsiteY9" fmla="*/ 3388 h 10000"/>
                <a:gd name="connsiteX10" fmla="*/ 9399 w 10000"/>
                <a:gd name="connsiteY10" fmla="*/ 3114 h 10000"/>
                <a:gd name="connsiteX11" fmla="*/ 10000 w 10000"/>
                <a:gd name="connsiteY11" fmla="*/ 2678 h 10000"/>
                <a:gd name="connsiteX12" fmla="*/ 9774 w 10000"/>
                <a:gd name="connsiteY12" fmla="*/ 2622 h 10000"/>
                <a:gd name="connsiteX13" fmla="*/ 9399 w 10000"/>
                <a:gd name="connsiteY13" fmla="*/ 2351 h 10000"/>
                <a:gd name="connsiteX14" fmla="*/ 9173 w 10000"/>
                <a:gd name="connsiteY14" fmla="*/ 1531 h 10000"/>
                <a:gd name="connsiteX15" fmla="*/ 9173 w 10000"/>
                <a:gd name="connsiteY15" fmla="*/ 1093 h 10000"/>
                <a:gd name="connsiteX16" fmla="*/ 9098 w 10000"/>
                <a:gd name="connsiteY16" fmla="*/ 546 h 10000"/>
                <a:gd name="connsiteX17" fmla="*/ 8873 w 10000"/>
                <a:gd name="connsiteY17" fmla="*/ 383 h 10000"/>
                <a:gd name="connsiteX18" fmla="*/ 8497 w 10000"/>
                <a:gd name="connsiteY18" fmla="*/ 164 h 10000"/>
                <a:gd name="connsiteX19" fmla="*/ 8272 w 10000"/>
                <a:gd name="connsiteY19" fmla="*/ 0 h 10000"/>
                <a:gd name="connsiteX20" fmla="*/ 7821 w 10000"/>
                <a:gd name="connsiteY20" fmla="*/ 219 h 10000"/>
                <a:gd name="connsiteX21" fmla="*/ 7370 w 10000"/>
                <a:gd name="connsiteY21" fmla="*/ 546 h 10000"/>
                <a:gd name="connsiteX22" fmla="*/ 6769 w 10000"/>
                <a:gd name="connsiteY22" fmla="*/ 546 h 10000"/>
                <a:gd name="connsiteX23" fmla="*/ 5717 w 10000"/>
                <a:gd name="connsiteY23" fmla="*/ 546 h 10000"/>
                <a:gd name="connsiteX24" fmla="*/ 5717 w 10000"/>
                <a:gd name="connsiteY24" fmla="*/ 493 h 10000"/>
                <a:gd name="connsiteX25" fmla="*/ 5643 w 10000"/>
                <a:gd name="connsiteY25" fmla="*/ 546 h 10000"/>
                <a:gd name="connsiteX26" fmla="*/ 1961 w 10000"/>
                <a:gd name="connsiteY26" fmla="*/ 546 h 10000"/>
                <a:gd name="connsiteX27" fmla="*/ 1961 w 10000"/>
                <a:gd name="connsiteY27" fmla="*/ 1694 h 10000"/>
                <a:gd name="connsiteX28" fmla="*/ 1285 w 10000"/>
                <a:gd name="connsiteY28" fmla="*/ 1694 h 10000"/>
                <a:gd name="connsiteX29" fmla="*/ 1285 w 10000"/>
                <a:gd name="connsiteY29" fmla="*/ 1913 h 10000"/>
                <a:gd name="connsiteX30" fmla="*/ 1285 w 10000"/>
                <a:gd name="connsiteY30" fmla="*/ 3878 h 10000"/>
                <a:gd name="connsiteX31" fmla="*/ 1135 w 10000"/>
                <a:gd name="connsiteY31" fmla="*/ 3988 h 10000"/>
                <a:gd name="connsiteX32" fmla="*/ 684 w 10000"/>
                <a:gd name="connsiteY32" fmla="*/ 4208 h 10000"/>
                <a:gd name="connsiteX33" fmla="*/ 609 w 10000"/>
                <a:gd name="connsiteY33" fmla="*/ 4482 h 10000"/>
                <a:gd name="connsiteX34" fmla="*/ 384 w 10000"/>
                <a:gd name="connsiteY34" fmla="*/ 4755 h 10000"/>
                <a:gd name="connsiteX35" fmla="*/ 234 w 10000"/>
                <a:gd name="connsiteY35" fmla="*/ 5192 h 10000"/>
                <a:gd name="connsiteX36" fmla="*/ 8 w 10000"/>
                <a:gd name="connsiteY36" fmla="*/ 5685 h 10000"/>
                <a:gd name="connsiteX37" fmla="*/ 384 w 10000"/>
                <a:gd name="connsiteY37" fmla="*/ 5738 h 10000"/>
                <a:gd name="connsiteX38" fmla="*/ 458 w 10000"/>
                <a:gd name="connsiteY38" fmla="*/ 6173 h 10000"/>
                <a:gd name="connsiteX39" fmla="*/ 684 w 10000"/>
                <a:gd name="connsiteY39" fmla="*/ 6611 h 10000"/>
                <a:gd name="connsiteX40" fmla="*/ 1059 w 10000"/>
                <a:gd name="connsiteY40" fmla="*/ 7487 h 10000"/>
                <a:gd name="connsiteX0" fmla="*/ 8197 w 10000"/>
                <a:gd name="connsiteY0" fmla="*/ 9837 h 9837"/>
                <a:gd name="connsiteX1" fmla="*/ 7446 w 10000"/>
                <a:gd name="connsiteY1" fmla="*/ 7103 h 9837"/>
                <a:gd name="connsiteX2" fmla="*/ 7446 w 10000"/>
                <a:gd name="connsiteY2" fmla="*/ 6722 h 9837"/>
                <a:gd name="connsiteX3" fmla="*/ 7821 w 10000"/>
                <a:gd name="connsiteY3" fmla="*/ 6722 h 9837"/>
                <a:gd name="connsiteX4" fmla="*/ 8047 w 10000"/>
                <a:gd name="connsiteY4" fmla="*/ 6011 h 9837"/>
                <a:gd name="connsiteX5" fmla="*/ 8648 w 10000"/>
                <a:gd name="connsiteY5" fmla="*/ 5574 h 9837"/>
                <a:gd name="connsiteX6" fmla="*/ 8873 w 10000"/>
                <a:gd name="connsiteY6" fmla="*/ 4755 h 9837"/>
                <a:gd name="connsiteX7" fmla="*/ 8722 w 10000"/>
                <a:gd name="connsiteY7" fmla="*/ 4318 h 9837"/>
                <a:gd name="connsiteX8" fmla="*/ 9098 w 10000"/>
                <a:gd name="connsiteY8" fmla="*/ 3388 h 9837"/>
                <a:gd name="connsiteX9" fmla="*/ 9399 w 10000"/>
                <a:gd name="connsiteY9" fmla="*/ 3114 h 9837"/>
                <a:gd name="connsiteX10" fmla="*/ 10000 w 10000"/>
                <a:gd name="connsiteY10" fmla="*/ 2678 h 9837"/>
                <a:gd name="connsiteX11" fmla="*/ 9774 w 10000"/>
                <a:gd name="connsiteY11" fmla="*/ 2622 h 9837"/>
                <a:gd name="connsiteX12" fmla="*/ 9399 w 10000"/>
                <a:gd name="connsiteY12" fmla="*/ 2351 h 9837"/>
                <a:gd name="connsiteX13" fmla="*/ 9173 w 10000"/>
                <a:gd name="connsiteY13" fmla="*/ 1531 h 9837"/>
                <a:gd name="connsiteX14" fmla="*/ 9173 w 10000"/>
                <a:gd name="connsiteY14" fmla="*/ 1093 h 9837"/>
                <a:gd name="connsiteX15" fmla="*/ 9098 w 10000"/>
                <a:gd name="connsiteY15" fmla="*/ 546 h 9837"/>
                <a:gd name="connsiteX16" fmla="*/ 8873 w 10000"/>
                <a:gd name="connsiteY16" fmla="*/ 383 h 9837"/>
                <a:gd name="connsiteX17" fmla="*/ 8497 w 10000"/>
                <a:gd name="connsiteY17" fmla="*/ 164 h 9837"/>
                <a:gd name="connsiteX18" fmla="*/ 8272 w 10000"/>
                <a:gd name="connsiteY18" fmla="*/ 0 h 9837"/>
                <a:gd name="connsiteX19" fmla="*/ 7821 w 10000"/>
                <a:gd name="connsiteY19" fmla="*/ 219 h 9837"/>
                <a:gd name="connsiteX20" fmla="*/ 7370 w 10000"/>
                <a:gd name="connsiteY20" fmla="*/ 546 h 9837"/>
                <a:gd name="connsiteX21" fmla="*/ 6769 w 10000"/>
                <a:gd name="connsiteY21" fmla="*/ 546 h 9837"/>
                <a:gd name="connsiteX22" fmla="*/ 5717 w 10000"/>
                <a:gd name="connsiteY22" fmla="*/ 546 h 9837"/>
                <a:gd name="connsiteX23" fmla="*/ 5717 w 10000"/>
                <a:gd name="connsiteY23" fmla="*/ 493 h 9837"/>
                <a:gd name="connsiteX24" fmla="*/ 5643 w 10000"/>
                <a:gd name="connsiteY24" fmla="*/ 546 h 9837"/>
                <a:gd name="connsiteX25" fmla="*/ 1961 w 10000"/>
                <a:gd name="connsiteY25" fmla="*/ 546 h 9837"/>
                <a:gd name="connsiteX26" fmla="*/ 1961 w 10000"/>
                <a:gd name="connsiteY26" fmla="*/ 1694 h 9837"/>
                <a:gd name="connsiteX27" fmla="*/ 1285 w 10000"/>
                <a:gd name="connsiteY27" fmla="*/ 1694 h 9837"/>
                <a:gd name="connsiteX28" fmla="*/ 1285 w 10000"/>
                <a:gd name="connsiteY28" fmla="*/ 1913 h 9837"/>
                <a:gd name="connsiteX29" fmla="*/ 1285 w 10000"/>
                <a:gd name="connsiteY29" fmla="*/ 3878 h 9837"/>
                <a:gd name="connsiteX30" fmla="*/ 1135 w 10000"/>
                <a:gd name="connsiteY30" fmla="*/ 3988 h 9837"/>
                <a:gd name="connsiteX31" fmla="*/ 684 w 10000"/>
                <a:gd name="connsiteY31" fmla="*/ 4208 h 9837"/>
                <a:gd name="connsiteX32" fmla="*/ 609 w 10000"/>
                <a:gd name="connsiteY32" fmla="*/ 4482 h 9837"/>
                <a:gd name="connsiteX33" fmla="*/ 384 w 10000"/>
                <a:gd name="connsiteY33" fmla="*/ 4755 h 9837"/>
                <a:gd name="connsiteX34" fmla="*/ 234 w 10000"/>
                <a:gd name="connsiteY34" fmla="*/ 5192 h 9837"/>
                <a:gd name="connsiteX35" fmla="*/ 8 w 10000"/>
                <a:gd name="connsiteY35" fmla="*/ 5685 h 9837"/>
                <a:gd name="connsiteX36" fmla="*/ 384 w 10000"/>
                <a:gd name="connsiteY36" fmla="*/ 5738 h 9837"/>
                <a:gd name="connsiteX37" fmla="*/ 458 w 10000"/>
                <a:gd name="connsiteY37" fmla="*/ 6173 h 9837"/>
                <a:gd name="connsiteX38" fmla="*/ 684 w 10000"/>
                <a:gd name="connsiteY38" fmla="*/ 6611 h 9837"/>
                <a:gd name="connsiteX39" fmla="*/ 1059 w 10000"/>
                <a:gd name="connsiteY39" fmla="*/ 7487 h 9837"/>
                <a:gd name="connsiteX0" fmla="*/ 7446 w 10000"/>
                <a:gd name="connsiteY0" fmla="*/ 7221 h 7611"/>
                <a:gd name="connsiteX1" fmla="*/ 7446 w 10000"/>
                <a:gd name="connsiteY1" fmla="*/ 6833 h 7611"/>
                <a:gd name="connsiteX2" fmla="*/ 7821 w 10000"/>
                <a:gd name="connsiteY2" fmla="*/ 6833 h 7611"/>
                <a:gd name="connsiteX3" fmla="*/ 8047 w 10000"/>
                <a:gd name="connsiteY3" fmla="*/ 6111 h 7611"/>
                <a:gd name="connsiteX4" fmla="*/ 8648 w 10000"/>
                <a:gd name="connsiteY4" fmla="*/ 5666 h 7611"/>
                <a:gd name="connsiteX5" fmla="*/ 8873 w 10000"/>
                <a:gd name="connsiteY5" fmla="*/ 4834 h 7611"/>
                <a:gd name="connsiteX6" fmla="*/ 8722 w 10000"/>
                <a:gd name="connsiteY6" fmla="*/ 4390 h 7611"/>
                <a:gd name="connsiteX7" fmla="*/ 9098 w 10000"/>
                <a:gd name="connsiteY7" fmla="*/ 3444 h 7611"/>
                <a:gd name="connsiteX8" fmla="*/ 9399 w 10000"/>
                <a:gd name="connsiteY8" fmla="*/ 3166 h 7611"/>
                <a:gd name="connsiteX9" fmla="*/ 10000 w 10000"/>
                <a:gd name="connsiteY9" fmla="*/ 2722 h 7611"/>
                <a:gd name="connsiteX10" fmla="*/ 9774 w 10000"/>
                <a:gd name="connsiteY10" fmla="*/ 2665 h 7611"/>
                <a:gd name="connsiteX11" fmla="*/ 9399 w 10000"/>
                <a:gd name="connsiteY11" fmla="*/ 2390 h 7611"/>
                <a:gd name="connsiteX12" fmla="*/ 9173 w 10000"/>
                <a:gd name="connsiteY12" fmla="*/ 1556 h 7611"/>
                <a:gd name="connsiteX13" fmla="*/ 9173 w 10000"/>
                <a:gd name="connsiteY13" fmla="*/ 1111 h 7611"/>
                <a:gd name="connsiteX14" fmla="*/ 9098 w 10000"/>
                <a:gd name="connsiteY14" fmla="*/ 555 h 7611"/>
                <a:gd name="connsiteX15" fmla="*/ 8873 w 10000"/>
                <a:gd name="connsiteY15" fmla="*/ 389 h 7611"/>
                <a:gd name="connsiteX16" fmla="*/ 8497 w 10000"/>
                <a:gd name="connsiteY16" fmla="*/ 167 h 7611"/>
                <a:gd name="connsiteX17" fmla="*/ 8272 w 10000"/>
                <a:gd name="connsiteY17" fmla="*/ 0 h 7611"/>
                <a:gd name="connsiteX18" fmla="*/ 7821 w 10000"/>
                <a:gd name="connsiteY18" fmla="*/ 223 h 7611"/>
                <a:gd name="connsiteX19" fmla="*/ 7370 w 10000"/>
                <a:gd name="connsiteY19" fmla="*/ 555 h 7611"/>
                <a:gd name="connsiteX20" fmla="*/ 6769 w 10000"/>
                <a:gd name="connsiteY20" fmla="*/ 555 h 7611"/>
                <a:gd name="connsiteX21" fmla="*/ 5717 w 10000"/>
                <a:gd name="connsiteY21" fmla="*/ 555 h 7611"/>
                <a:gd name="connsiteX22" fmla="*/ 5717 w 10000"/>
                <a:gd name="connsiteY22" fmla="*/ 501 h 7611"/>
                <a:gd name="connsiteX23" fmla="*/ 5643 w 10000"/>
                <a:gd name="connsiteY23" fmla="*/ 555 h 7611"/>
                <a:gd name="connsiteX24" fmla="*/ 1961 w 10000"/>
                <a:gd name="connsiteY24" fmla="*/ 555 h 7611"/>
                <a:gd name="connsiteX25" fmla="*/ 1961 w 10000"/>
                <a:gd name="connsiteY25" fmla="*/ 1722 h 7611"/>
                <a:gd name="connsiteX26" fmla="*/ 1285 w 10000"/>
                <a:gd name="connsiteY26" fmla="*/ 1722 h 7611"/>
                <a:gd name="connsiteX27" fmla="*/ 1285 w 10000"/>
                <a:gd name="connsiteY27" fmla="*/ 1945 h 7611"/>
                <a:gd name="connsiteX28" fmla="*/ 1285 w 10000"/>
                <a:gd name="connsiteY28" fmla="*/ 3942 h 7611"/>
                <a:gd name="connsiteX29" fmla="*/ 1135 w 10000"/>
                <a:gd name="connsiteY29" fmla="*/ 4054 h 7611"/>
                <a:gd name="connsiteX30" fmla="*/ 684 w 10000"/>
                <a:gd name="connsiteY30" fmla="*/ 4278 h 7611"/>
                <a:gd name="connsiteX31" fmla="*/ 609 w 10000"/>
                <a:gd name="connsiteY31" fmla="*/ 4556 h 7611"/>
                <a:gd name="connsiteX32" fmla="*/ 384 w 10000"/>
                <a:gd name="connsiteY32" fmla="*/ 4834 h 7611"/>
                <a:gd name="connsiteX33" fmla="*/ 234 w 10000"/>
                <a:gd name="connsiteY33" fmla="*/ 5278 h 7611"/>
                <a:gd name="connsiteX34" fmla="*/ 8 w 10000"/>
                <a:gd name="connsiteY34" fmla="*/ 5779 h 7611"/>
                <a:gd name="connsiteX35" fmla="*/ 384 w 10000"/>
                <a:gd name="connsiteY35" fmla="*/ 5833 h 7611"/>
                <a:gd name="connsiteX36" fmla="*/ 458 w 10000"/>
                <a:gd name="connsiteY36" fmla="*/ 6275 h 7611"/>
                <a:gd name="connsiteX37" fmla="*/ 684 w 10000"/>
                <a:gd name="connsiteY37" fmla="*/ 6721 h 7611"/>
                <a:gd name="connsiteX38" fmla="*/ 1059 w 10000"/>
                <a:gd name="connsiteY38" fmla="*/ 7611 h 7611"/>
                <a:gd name="connsiteX0" fmla="*/ 7446 w 10000"/>
                <a:gd name="connsiteY0" fmla="*/ 9488 h 10068"/>
                <a:gd name="connsiteX1" fmla="*/ 7446 w 10000"/>
                <a:gd name="connsiteY1" fmla="*/ 8978 h 10068"/>
                <a:gd name="connsiteX2" fmla="*/ 7821 w 10000"/>
                <a:gd name="connsiteY2" fmla="*/ 8978 h 10068"/>
                <a:gd name="connsiteX3" fmla="*/ 8047 w 10000"/>
                <a:gd name="connsiteY3" fmla="*/ 8029 h 10068"/>
                <a:gd name="connsiteX4" fmla="*/ 8648 w 10000"/>
                <a:gd name="connsiteY4" fmla="*/ 7444 h 10068"/>
                <a:gd name="connsiteX5" fmla="*/ 8873 w 10000"/>
                <a:gd name="connsiteY5" fmla="*/ 6351 h 10068"/>
                <a:gd name="connsiteX6" fmla="*/ 8722 w 10000"/>
                <a:gd name="connsiteY6" fmla="*/ 5768 h 10068"/>
                <a:gd name="connsiteX7" fmla="*/ 9098 w 10000"/>
                <a:gd name="connsiteY7" fmla="*/ 4525 h 10068"/>
                <a:gd name="connsiteX8" fmla="*/ 9399 w 10000"/>
                <a:gd name="connsiteY8" fmla="*/ 4160 h 10068"/>
                <a:gd name="connsiteX9" fmla="*/ 10000 w 10000"/>
                <a:gd name="connsiteY9" fmla="*/ 3576 h 10068"/>
                <a:gd name="connsiteX10" fmla="*/ 9774 w 10000"/>
                <a:gd name="connsiteY10" fmla="*/ 3502 h 10068"/>
                <a:gd name="connsiteX11" fmla="*/ 9399 w 10000"/>
                <a:gd name="connsiteY11" fmla="*/ 3140 h 10068"/>
                <a:gd name="connsiteX12" fmla="*/ 9173 w 10000"/>
                <a:gd name="connsiteY12" fmla="*/ 2044 h 10068"/>
                <a:gd name="connsiteX13" fmla="*/ 9173 w 10000"/>
                <a:gd name="connsiteY13" fmla="*/ 1460 h 10068"/>
                <a:gd name="connsiteX14" fmla="*/ 9098 w 10000"/>
                <a:gd name="connsiteY14" fmla="*/ 729 h 10068"/>
                <a:gd name="connsiteX15" fmla="*/ 8873 w 10000"/>
                <a:gd name="connsiteY15" fmla="*/ 511 h 10068"/>
                <a:gd name="connsiteX16" fmla="*/ 8497 w 10000"/>
                <a:gd name="connsiteY16" fmla="*/ 219 h 10068"/>
                <a:gd name="connsiteX17" fmla="*/ 8272 w 10000"/>
                <a:gd name="connsiteY17" fmla="*/ 0 h 10068"/>
                <a:gd name="connsiteX18" fmla="*/ 7821 w 10000"/>
                <a:gd name="connsiteY18" fmla="*/ 293 h 10068"/>
                <a:gd name="connsiteX19" fmla="*/ 7370 w 10000"/>
                <a:gd name="connsiteY19" fmla="*/ 729 h 10068"/>
                <a:gd name="connsiteX20" fmla="*/ 6769 w 10000"/>
                <a:gd name="connsiteY20" fmla="*/ 729 h 10068"/>
                <a:gd name="connsiteX21" fmla="*/ 5717 w 10000"/>
                <a:gd name="connsiteY21" fmla="*/ 729 h 10068"/>
                <a:gd name="connsiteX22" fmla="*/ 5717 w 10000"/>
                <a:gd name="connsiteY22" fmla="*/ 658 h 10068"/>
                <a:gd name="connsiteX23" fmla="*/ 5643 w 10000"/>
                <a:gd name="connsiteY23" fmla="*/ 729 h 10068"/>
                <a:gd name="connsiteX24" fmla="*/ 1961 w 10000"/>
                <a:gd name="connsiteY24" fmla="*/ 729 h 10068"/>
                <a:gd name="connsiteX25" fmla="*/ 1961 w 10000"/>
                <a:gd name="connsiteY25" fmla="*/ 2263 h 10068"/>
                <a:gd name="connsiteX26" fmla="*/ 1285 w 10000"/>
                <a:gd name="connsiteY26" fmla="*/ 2263 h 10068"/>
                <a:gd name="connsiteX27" fmla="*/ 1285 w 10000"/>
                <a:gd name="connsiteY27" fmla="*/ 2556 h 10068"/>
                <a:gd name="connsiteX28" fmla="*/ 1285 w 10000"/>
                <a:gd name="connsiteY28" fmla="*/ 5179 h 10068"/>
                <a:gd name="connsiteX29" fmla="*/ 1135 w 10000"/>
                <a:gd name="connsiteY29" fmla="*/ 5327 h 10068"/>
                <a:gd name="connsiteX30" fmla="*/ 684 w 10000"/>
                <a:gd name="connsiteY30" fmla="*/ 5621 h 10068"/>
                <a:gd name="connsiteX31" fmla="*/ 609 w 10000"/>
                <a:gd name="connsiteY31" fmla="*/ 5986 h 10068"/>
                <a:gd name="connsiteX32" fmla="*/ 384 w 10000"/>
                <a:gd name="connsiteY32" fmla="*/ 6351 h 10068"/>
                <a:gd name="connsiteX33" fmla="*/ 234 w 10000"/>
                <a:gd name="connsiteY33" fmla="*/ 6935 h 10068"/>
                <a:gd name="connsiteX34" fmla="*/ 8 w 10000"/>
                <a:gd name="connsiteY34" fmla="*/ 7593 h 10068"/>
                <a:gd name="connsiteX35" fmla="*/ 384 w 10000"/>
                <a:gd name="connsiteY35" fmla="*/ 7664 h 10068"/>
                <a:gd name="connsiteX36" fmla="*/ 458 w 10000"/>
                <a:gd name="connsiteY36" fmla="*/ 8245 h 10068"/>
                <a:gd name="connsiteX37" fmla="*/ 684 w 10000"/>
                <a:gd name="connsiteY37" fmla="*/ 8831 h 10068"/>
                <a:gd name="connsiteX38" fmla="*/ 1059 w 10000"/>
                <a:gd name="connsiteY38" fmla="*/ 10000 h 10068"/>
                <a:gd name="connsiteX39" fmla="*/ 1058 w 10000"/>
                <a:gd name="connsiteY39" fmla="*/ 9928 h 10068"/>
                <a:gd name="connsiteX0" fmla="*/ 7446 w 10000"/>
                <a:gd name="connsiteY0" fmla="*/ 9488 h 10035"/>
                <a:gd name="connsiteX1" fmla="*/ 7446 w 10000"/>
                <a:gd name="connsiteY1" fmla="*/ 8978 h 10035"/>
                <a:gd name="connsiteX2" fmla="*/ 7821 w 10000"/>
                <a:gd name="connsiteY2" fmla="*/ 8978 h 10035"/>
                <a:gd name="connsiteX3" fmla="*/ 8047 w 10000"/>
                <a:gd name="connsiteY3" fmla="*/ 8029 h 10035"/>
                <a:gd name="connsiteX4" fmla="*/ 8648 w 10000"/>
                <a:gd name="connsiteY4" fmla="*/ 7444 h 10035"/>
                <a:gd name="connsiteX5" fmla="*/ 8873 w 10000"/>
                <a:gd name="connsiteY5" fmla="*/ 6351 h 10035"/>
                <a:gd name="connsiteX6" fmla="*/ 8722 w 10000"/>
                <a:gd name="connsiteY6" fmla="*/ 5768 h 10035"/>
                <a:gd name="connsiteX7" fmla="*/ 9098 w 10000"/>
                <a:gd name="connsiteY7" fmla="*/ 4525 h 10035"/>
                <a:gd name="connsiteX8" fmla="*/ 9399 w 10000"/>
                <a:gd name="connsiteY8" fmla="*/ 4160 h 10035"/>
                <a:gd name="connsiteX9" fmla="*/ 10000 w 10000"/>
                <a:gd name="connsiteY9" fmla="*/ 3576 h 10035"/>
                <a:gd name="connsiteX10" fmla="*/ 9774 w 10000"/>
                <a:gd name="connsiteY10" fmla="*/ 3502 h 10035"/>
                <a:gd name="connsiteX11" fmla="*/ 9399 w 10000"/>
                <a:gd name="connsiteY11" fmla="*/ 3140 h 10035"/>
                <a:gd name="connsiteX12" fmla="*/ 9173 w 10000"/>
                <a:gd name="connsiteY12" fmla="*/ 2044 h 10035"/>
                <a:gd name="connsiteX13" fmla="*/ 9173 w 10000"/>
                <a:gd name="connsiteY13" fmla="*/ 1460 h 10035"/>
                <a:gd name="connsiteX14" fmla="*/ 9098 w 10000"/>
                <a:gd name="connsiteY14" fmla="*/ 729 h 10035"/>
                <a:gd name="connsiteX15" fmla="*/ 8873 w 10000"/>
                <a:gd name="connsiteY15" fmla="*/ 511 h 10035"/>
                <a:gd name="connsiteX16" fmla="*/ 8497 w 10000"/>
                <a:gd name="connsiteY16" fmla="*/ 219 h 10035"/>
                <a:gd name="connsiteX17" fmla="*/ 8272 w 10000"/>
                <a:gd name="connsiteY17" fmla="*/ 0 h 10035"/>
                <a:gd name="connsiteX18" fmla="*/ 7821 w 10000"/>
                <a:gd name="connsiteY18" fmla="*/ 293 h 10035"/>
                <a:gd name="connsiteX19" fmla="*/ 7370 w 10000"/>
                <a:gd name="connsiteY19" fmla="*/ 729 h 10035"/>
                <a:gd name="connsiteX20" fmla="*/ 6769 w 10000"/>
                <a:gd name="connsiteY20" fmla="*/ 729 h 10035"/>
                <a:gd name="connsiteX21" fmla="*/ 5717 w 10000"/>
                <a:gd name="connsiteY21" fmla="*/ 729 h 10035"/>
                <a:gd name="connsiteX22" fmla="*/ 5717 w 10000"/>
                <a:gd name="connsiteY22" fmla="*/ 658 h 10035"/>
                <a:gd name="connsiteX23" fmla="*/ 5643 w 10000"/>
                <a:gd name="connsiteY23" fmla="*/ 729 h 10035"/>
                <a:gd name="connsiteX24" fmla="*/ 1961 w 10000"/>
                <a:gd name="connsiteY24" fmla="*/ 729 h 10035"/>
                <a:gd name="connsiteX25" fmla="*/ 1961 w 10000"/>
                <a:gd name="connsiteY25" fmla="*/ 2263 h 10035"/>
                <a:gd name="connsiteX26" fmla="*/ 1285 w 10000"/>
                <a:gd name="connsiteY26" fmla="*/ 2263 h 10035"/>
                <a:gd name="connsiteX27" fmla="*/ 1285 w 10000"/>
                <a:gd name="connsiteY27" fmla="*/ 2556 h 10035"/>
                <a:gd name="connsiteX28" fmla="*/ 1285 w 10000"/>
                <a:gd name="connsiteY28" fmla="*/ 5179 h 10035"/>
                <a:gd name="connsiteX29" fmla="*/ 1135 w 10000"/>
                <a:gd name="connsiteY29" fmla="*/ 5327 h 10035"/>
                <a:gd name="connsiteX30" fmla="*/ 684 w 10000"/>
                <a:gd name="connsiteY30" fmla="*/ 5621 h 10035"/>
                <a:gd name="connsiteX31" fmla="*/ 609 w 10000"/>
                <a:gd name="connsiteY31" fmla="*/ 5986 h 10035"/>
                <a:gd name="connsiteX32" fmla="*/ 384 w 10000"/>
                <a:gd name="connsiteY32" fmla="*/ 6351 h 10035"/>
                <a:gd name="connsiteX33" fmla="*/ 234 w 10000"/>
                <a:gd name="connsiteY33" fmla="*/ 6935 h 10035"/>
                <a:gd name="connsiteX34" fmla="*/ 8 w 10000"/>
                <a:gd name="connsiteY34" fmla="*/ 7593 h 10035"/>
                <a:gd name="connsiteX35" fmla="*/ 384 w 10000"/>
                <a:gd name="connsiteY35" fmla="*/ 7664 h 10035"/>
                <a:gd name="connsiteX36" fmla="*/ 458 w 10000"/>
                <a:gd name="connsiteY36" fmla="*/ 8245 h 10035"/>
                <a:gd name="connsiteX37" fmla="*/ 684 w 10000"/>
                <a:gd name="connsiteY37" fmla="*/ 8831 h 10035"/>
                <a:gd name="connsiteX38" fmla="*/ 1059 w 10000"/>
                <a:gd name="connsiteY38" fmla="*/ 10000 h 10035"/>
                <a:gd name="connsiteX39" fmla="*/ 1750 w 10000"/>
                <a:gd name="connsiteY39" fmla="*/ 9592 h 10035"/>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0" fmla="*/ 7446 w 10000"/>
                <a:gd name="connsiteY0" fmla="*/ 9488 h 10127"/>
                <a:gd name="connsiteX1" fmla="*/ 7446 w 10000"/>
                <a:gd name="connsiteY1" fmla="*/ 8978 h 10127"/>
                <a:gd name="connsiteX2" fmla="*/ 7821 w 10000"/>
                <a:gd name="connsiteY2" fmla="*/ 8978 h 10127"/>
                <a:gd name="connsiteX3" fmla="*/ 8047 w 10000"/>
                <a:gd name="connsiteY3" fmla="*/ 8029 h 10127"/>
                <a:gd name="connsiteX4" fmla="*/ 8648 w 10000"/>
                <a:gd name="connsiteY4" fmla="*/ 7444 h 10127"/>
                <a:gd name="connsiteX5" fmla="*/ 8873 w 10000"/>
                <a:gd name="connsiteY5" fmla="*/ 6351 h 10127"/>
                <a:gd name="connsiteX6" fmla="*/ 8722 w 10000"/>
                <a:gd name="connsiteY6" fmla="*/ 5768 h 10127"/>
                <a:gd name="connsiteX7" fmla="*/ 9098 w 10000"/>
                <a:gd name="connsiteY7" fmla="*/ 4525 h 10127"/>
                <a:gd name="connsiteX8" fmla="*/ 9399 w 10000"/>
                <a:gd name="connsiteY8" fmla="*/ 4160 h 10127"/>
                <a:gd name="connsiteX9" fmla="*/ 10000 w 10000"/>
                <a:gd name="connsiteY9" fmla="*/ 3576 h 10127"/>
                <a:gd name="connsiteX10" fmla="*/ 9774 w 10000"/>
                <a:gd name="connsiteY10" fmla="*/ 3502 h 10127"/>
                <a:gd name="connsiteX11" fmla="*/ 9399 w 10000"/>
                <a:gd name="connsiteY11" fmla="*/ 3140 h 10127"/>
                <a:gd name="connsiteX12" fmla="*/ 9173 w 10000"/>
                <a:gd name="connsiteY12" fmla="*/ 2044 h 10127"/>
                <a:gd name="connsiteX13" fmla="*/ 9173 w 10000"/>
                <a:gd name="connsiteY13" fmla="*/ 1460 h 10127"/>
                <a:gd name="connsiteX14" fmla="*/ 9098 w 10000"/>
                <a:gd name="connsiteY14" fmla="*/ 729 h 10127"/>
                <a:gd name="connsiteX15" fmla="*/ 8873 w 10000"/>
                <a:gd name="connsiteY15" fmla="*/ 511 h 10127"/>
                <a:gd name="connsiteX16" fmla="*/ 8497 w 10000"/>
                <a:gd name="connsiteY16" fmla="*/ 219 h 10127"/>
                <a:gd name="connsiteX17" fmla="*/ 8272 w 10000"/>
                <a:gd name="connsiteY17" fmla="*/ 0 h 10127"/>
                <a:gd name="connsiteX18" fmla="*/ 7821 w 10000"/>
                <a:gd name="connsiteY18" fmla="*/ 293 h 10127"/>
                <a:gd name="connsiteX19" fmla="*/ 7370 w 10000"/>
                <a:gd name="connsiteY19" fmla="*/ 729 h 10127"/>
                <a:gd name="connsiteX20" fmla="*/ 6769 w 10000"/>
                <a:gd name="connsiteY20" fmla="*/ 729 h 10127"/>
                <a:gd name="connsiteX21" fmla="*/ 5717 w 10000"/>
                <a:gd name="connsiteY21" fmla="*/ 729 h 10127"/>
                <a:gd name="connsiteX22" fmla="*/ 5717 w 10000"/>
                <a:gd name="connsiteY22" fmla="*/ 658 h 10127"/>
                <a:gd name="connsiteX23" fmla="*/ 5643 w 10000"/>
                <a:gd name="connsiteY23" fmla="*/ 729 h 10127"/>
                <a:gd name="connsiteX24" fmla="*/ 1961 w 10000"/>
                <a:gd name="connsiteY24" fmla="*/ 729 h 10127"/>
                <a:gd name="connsiteX25" fmla="*/ 1961 w 10000"/>
                <a:gd name="connsiteY25" fmla="*/ 2263 h 10127"/>
                <a:gd name="connsiteX26" fmla="*/ 1285 w 10000"/>
                <a:gd name="connsiteY26" fmla="*/ 2263 h 10127"/>
                <a:gd name="connsiteX27" fmla="*/ 1285 w 10000"/>
                <a:gd name="connsiteY27" fmla="*/ 2556 h 10127"/>
                <a:gd name="connsiteX28" fmla="*/ 1285 w 10000"/>
                <a:gd name="connsiteY28" fmla="*/ 5179 h 10127"/>
                <a:gd name="connsiteX29" fmla="*/ 1135 w 10000"/>
                <a:gd name="connsiteY29" fmla="*/ 5327 h 10127"/>
                <a:gd name="connsiteX30" fmla="*/ 684 w 10000"/>
                <a:gd name="connsiteY30" fmla="*/ 5621 h 10127"/>
                <a:gd name="connsiteX31" fmla="*/ 609 w 10000"/>
                <a:gd name="connsiteY31" fmla="*/ 5986 h 10127"/>
                <a:gd name="connsiteX32" fmla="*/ 384 w 10000"/>
                <a:gd name="connsiteY32" fmla="*/ 6351 h 10127"/>
                <a:gd name="connsiteX33" fmla="*/ 234 w 10000"/>
                <a:gd name="connsiteY33" fmla="*/ 6935 h 10127"/>
                <a:gd name="connsiteX34" fmla="*/ 8 w 10000"/>
                <a:gd name="connsiteY34" fmla="*/ 7593 h 10127"/>
                <a:gd name="connsiteX35" fmla="*/ 384 w 10000"/>
                <a:gd name="connsiteY35" fmla="*/ 7664 h 10127"/>
                <a:gd name="connsiteX36" fmla="*/ 458 w 10000"/>
                <a:gd name="connsiteY36" fmla="*/ 8245 h 10127"/>
                <a:gd name="connsiteX37" fmla="*/ 684 w 10000"/>
                <a:gd name="connsiteY37" fmla="*/ 8831 h 10127"/>
                <a:gd name="connsiteX38" fmla="*/ 1059 w 10000"/>
                <a:gd name="connsiteY38" fmla="*/ 10000 h 10127"/>
                <a:gd name="connsiteX39" fmla="*/ 1840 w 10000"/>
                <a:gd name="connsiteY39" fmla="*/ 10103 h 10127"/>
                <a:gd name="connsiteX40" fmla="*/ 1827 w 10000"/>
                <a:gd name="connsiteY40" fmla="*/ 10127 h 10127"/>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2544 w 10000"/>
                <a:gd name="connsiteY40" fmla="*/ 10002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2544 w 10000"/>
                <a:gd name="connsiteY40" fmla="*/ 10002 h 10126"/>
                <a:gd name="connsiteX41" fmla="*/ 2518 w 10000"/>
                <a:gd name="connsiteY41" fmla="*/ 10002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2518 w 10000"/>
                <a:gd name="connsiteY41" fmla="*/ 10002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3453 w 10000"/>
                <a:gd name="connsiteY41" fmla="*/ 9915 h 10126"/>
                <a:gd name="connsiteX42" fmla="*/ 2518 w 10000"/>
                <a:gd name="connsiteY42" fmla="*/ 10002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4414 w 10000"/>
                <a:gd name="connsiteY43" fmla="*/ 9791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5541 w 10000"/>
                <a:gd name="connsiteY43" fmla="*/ 9679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5541 w 10000"/>
                <a:gd name="connsiteY43" fmla="*/ 9679 h 10126"/>
                <a:gd name="connsiteX44" fmla="*/ 5515 w 10000"/>
                <a:gd name="connsiteY44" fmla="*/ 9654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5541 w 10000"/>
                <a:gd name="connsiteY43" fmla="*/ 9679 h 10126"/>
                <a:gd name="connsiteX44" fmla="*/ 6411 w 10000"/>
                <a:gd name="connsiteY44" fmla="*/ 9517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5541 w 10000"/>
                <a:gd name="connsiteY43" fmla="*/ 9679 h 10126"/>
                <a:gd name="connsiteX44" fmla="*/ 5988 w 10000"/>
                <a:gd name="connsiteY44" fmla="*/ 921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5541 w 10000"/>
                <a:gd name="connsiteY43" fmla="*/ 9679 h 10126"/>
                <a:gd name="connsiteX44" fmla="*/ 6756 w 10000"/>
                <a:gd name="connsiteY44" fmla="*/ 9193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5541 w 10000"/>
                <a:gd name="connsiteY43" fmla="*/ 9679 h 10126"/>
                <a:gd name="connsiteX44" fmla="*/ 6756 w 10000"/>
                <a:gd name="connsiteY44" fmla="*/ 9193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5541 w 10000"/>
                <a:gd name="connsiteY43" fmla="*/ 9679 h 10126"/>
                <a:gd name="connsiteX44" fmla="*/ 6756 w 10000"/>
                <a:gd name="connsiteY44" fmla="*/ 9193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6444 w 10000"/>
                <a:gd name="connsiteY43" fmla="*/ 8493 h 10126"/>
                <a:gd name="connsiteX44" fmla="*/ 6756 w 10000"/>
                <a:gd name="connsiteY44" fmla="*/ 9193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6444 w 10000"/>
                <a:gd name="connsiteY43" fmla="*/ 8493 h 10126"/>
                <a:gd name="connsiteX44" fmla="*/ 6756 w 10000"/>
                <a:gd name="connsiteY44" fmla="*/ 9193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6444 w 10000"/>
                <a:gd name="connsiteY43" fmla="*/ 8493 h 10126"/>
                <a:gd name="connsiteX44" fmla="*/ 6881 w 10000"/>
                <a:gd name="connsiteY44" fmla="*/ 9296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6444 w 10000"/>
                <a:gd name="connsiteY43" fmla="*/ 8493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2518 w 10000"/>
                <a:gd name="connsiteY42" fmla="*/ 10002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4529 w 10000"/>
                <a:gd name="connsiteY41" fmla="*/ 9803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469 w 10000"/>
                <a:gd name="connsiteY41" fmla="*/ 7898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440 w 10000"/>
                <a:gd name="connsiteY41" fmla="*/ 7935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440 w 10000"/>
                <a:gd name="connsiteY41" fmla="*/ 7935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315 w 10000"/>
                <a:gd name="connsiteY41" fmla="*/ 7898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315 w 10000"/>
                <a:gd name="connsiteY41" fmla="*/ 7898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401 w 10000"/>
                <a:gd name="connsiteY41" fmla="*/ 7898 h 10126"/>
                <a:gd name="connsiteX42" fmla="*/ 6418 w 10000"/>
                <a:gd name="connsiteY42" fmla="*/ 8060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401 w 10000"/>
                <a:gd name="connsiteY41" fmla="*/ 7898 h 10126"/>
                <a:gd name="connsiteX42" fmla="*/ 6524 w 10000"/>
                <a:gd name="connsiteY42" fmla="*/ 8107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401 w 10000"/>
                <a:gd name="connsiteY41" fmla="*/ 7898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3466 w 10000"/>
                <a:gd name="connsiteY40" fmla="*/ 9927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5521 w 10000"/>
                <a:gd name="connsiteY40" fmla="*/ 8508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5521 w 10000"/>
                <a:gd name="connsiteY40" fmla="*/ 8508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11 w 10000"/>
                <a:gd name="connsiteY40" fmla="*/ 8349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11 w 10000"/>
                <a:gd name="connsiteY40" fmla="*/ 8349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11 w 10000"/>
                <a:gd name="connsiteY40" fmla="*/ 8349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11 w 10000"/>
                <a:gd name="connsiteY40" fmla="*/ 8349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11 w 10000"/>
                <a:gd name="connsiteY40" fmla="*/ 8349 h 10126"/>
                <a:gd name="connsiteX41" fmla="*/ 6324 w 10000"/>
                <a:gd name="connsiteY41" fmla="*/ 7954 h 10126"/>
                <a:gd name="connsiteX42" fmla="*/ 6447 w 10000"/>
                <a:gd name="connsiteY42" fmla="*/ 8144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11 w 10000"/>
                <a:gd name="connsiteY40" fmla="*/ 8349 h 10126"/>
                <a:gd name="connsiteX41" fmla="*/ 6324 w 10000"/>
                <a:gd name="connsiteY41" fmla="*/ 7954 h 10126"/>
                <a:gd name="connsiteX42" fmla="*/ 6428 w 10000"/>
                <a:gd name="connsiteY42" fmla="*/ 8181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40 w 10000"/>
                <a:gd name="connsiteY40" fmla="*/ 8368 h 10126"/>
                <a:gd name="connsiteX41" fmla="*/ 6324 w 10000"/>
                <a:gd name="connsiteY41" fmla="*/ 7954 h 10126"/>
                <a:gd name="connsiteX42" fmla="*/ 6428 w 10000"/>
                <a:gd name="connsiteY42" fmla="*/ 8181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40 w 10000"/>
                <a:gd name="connsiteY40" fmla="*/ 8368 h 10126"/>
                <a:gd name="connsiteX41" fmla="*/ 6324 w 10000"/>
                <a:gd name="connsiteY41" fmla="*/ 7954 h 10126"/>
                <a:gd name="connsiteX42" fmla="*/ 6428 w 10000"/>
                <a:gd name="connsiteY42" fmla="*/ 8181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40 w 10000"/>
                <a:gd name="connsiteY40" fmla="*/ 8368 h 10126"/>
                <a:gd name="connsiteX41" fmla="*/ 6324 w 10000"/>
                <a:gd name="connsiteY41" fmla="*/ 7954 h 10126"/>
                <a:gd name="connsiteX42" fmla="*/ 6428 w 10000"/>
                <a:gd name="connsiteY42" fmla="*/ 8181 h 10126"/>
                <a:gd name="connsiteX43" fmla="*/ 6444 w 10000"/>
                <a:gd name="connsiteY43" fmla="*/ 8428 h 10126"/>
                <a:gd name="connsiteX44" fmla="*/ 6766 w 10000"/>
                <a:gd name="connsiteY44" fmla="*/ 9268 h 10126"/>
                <a:gd name="connsiteX0" fmla="*/ 7446 w 10000"/>
                <a:gd name="connsiteY0" fmla="*/ 9488 h 10126"/>
                <a:gd name="connsiteX1" fmla="*/ 7446 w 10000"/>
                <a:gd name="connsiteY1" fmla="*/ 8978 h 10126"/>
                <a:gd name="connsiteX2" fmla="*/ 7821 w 10000"/>
                <a:gd name="connsiteY2" fmla="*/ 8978 h 10126"/>
                <a:gd name="connsiteX3" fmla="*/ 8047 w 10000"/>
                <a:gd name="connsiteY3" fmla="*/ 8029 h 10126"/>
                <a:gd name="connsiteX4" fmla="*/ 8648 w 10000"/>
                <a:gd name="connsiteY4" fmla="*/ 7444 h 10126"/>
                <a:gd name="connsiteX5" fmla="*/ 8873 w 10000"/>
                <a:gd name="connsiteY5" fmla="*/ 6351 h 10126"/>
                <a:gd name="connsiteX6" fmla="*/ 8722 w 10000"/>
                <a:gd name="connsiteY6" fmla="*/ 5768 h 10126"/>
                <a:gd name="connsiteX7" fmla="*/ 9098 w 10000"/>
                <a:gd name="connsiteY7" fmla="*/ 4525 h 10126"/>
                <a:gd name="connsiteX8" fmla="*/ 9399 w 10000"/>
                <a:gd name="connsiteY8" fmla="*/ 4160 h 10126"/>
                <a:gd name="connsiteX9" fmla="*/ 10000 w 10000"/>
                <a:gd name="connsiteY9" fmla="*/ 3576 h 10126"/>
                <a:gd name="connsiteX10" fmla="*/ 9774 w 10000"/>
                <a:gd name="connsiteY10" fmla="*/ 3502 h 10126"/>
                <a:gd name="connsiteX11" fmla="*/ 9399 w 10000"/>
                <a:gd name="connsiteY11" fmla="*/ 3140 h 10126"/>
                <a:gd name="connsiteX12" fmla="*/ 9173 w 10000"/>
                <a:gd name="connsiteY12" fmla="*/ 2044 h 10126"/>
                <a:gd name="connsiteX13" fmla="*/ 9173 w 10000"/>
                <a:gd name="connsiteY13" fmla="*/ 1460 h 10126"/>
                <a:gd name="connsiteX14" fmla="*/ 9098 w 10000"/>
                <a:gd name="connsiteY14" fmla="*/ 729 h 10126"/>
                <a:gd name="connsiteX15" fmla="*/ 8873 w 10000"/>
                <a:gd name="connsiteY15" fmla="*/ 511 h 10126"/>
                <a:gd name="connsiteX16" fmla="*/ 8497 w 10000"/>
                <a:gd name="connsiteY16" fmla="*/ 219 h 10126"/>
                <a:gd name="connsiteX17" fmla="*/ 8272 w 10000"/>
                <a:gd name="connsiteY17" fmla="*/ 0 h 10126"/>
                <a:gd name="connsiteX18" fmla="*/ 7821 w 10000"/>
                <a:gd name="connsiteY18" fmla="*/ 293 h 10126"/>
                <a:gd name="connsiteX19" fmla="*/ 7370 w 10000"/>
                <a:gd name="connsiteY19" fmla="*/ 729 h 10126"/>
                <a:gd name="connsiteX20" fmla="*/ 6769 w 10000"/>
                <a:gd name="connsiteY20" fmla="*/ 729 h 10126"/>
                <a:gd name="connsiteX21" fmla="*/ 5717 w 10000"/>
                <a:gd name="connsiteY21" fmla="*/ 729 h 10126"/>
                <a:gd name="connsiteX22" fmla="*/ 5717 w 10000"/>
                <a:gd name="connsiteY22" fmla="*/ 658 h 10126"/>
                <a:gd name="connsiteX23" fmla="*/ 5643 w 10000"/>
                <a:gd name="connsiteY23" fmla="*/ 729 h 10126"/>
                <a:gd name="connsiteX24" fmla="*/ 1961 w 10000"/>
                <a:gd name="connsiteY24" fmla="*/ 729 h 10126"/>
                <a:gd name="connsiteX25" fmla="*/ 1961 w 10000"/>
                <a:gd name="connsiteY25" fmla="*/ 2263 h 10126"/>
                <a:gd name="connsiteX26" fmla="*/ 1285 w 10000"/>
                <a:gd name="connsiteY26" fmla="*/ 2263 h 10126"/>
                <a:gd name="connsiteX27" fmla="*/ 1285 w 10000"/>
                <a:gd name="connsiteY27" fmla="*/ 2556 h 10126"/>
                <a:gd name="connsiteX28" fmla="*/ 1285 w 10000"/>
                <a:gd name="connsiteY28" fmla="*/ 5179 h 10126"/>
                <a:gd name="connsiteX29" fmla="*/ 1135 w 10000"/>
                <a:gd name="connsiteY29" fmla="*/ 5327 h 10126"/>
                <a:gd name="connsiteX30" fmla="*/ 684 w 10000"/>
                <a:gd name="connsiteY30" fmla="*/ 5621 h 10126"/>
                <a:gd name="connsiteX31" fmla="*/ 609 w 10000"/>
                <a:gd name="connsiteY31" fmla="*/ 5986 h 10126"/>
                <a:gd name="connsiteX32" fmla="*/ 384 w 10000"/>
                <a:gd name="connsiteY32" fmla="*/ 6351 h 10126"/>
                <a:gd name="connsiteX33" fmla="*/ 234 w 10000"/>
                <a:gd name="connsiteY33" fmla="*/ 6935 h 10126"/>
                <a:gd name="connsiteX34" fmla="*/ 8 w 10000"/>
                <a:gd name="connsiteY34" fmla="*/ 7593 h 10126"/>
                <a:gd name="connsiteX35" fmla="*/ 384 w 10000"/>
                <a:gd name="connsiteY35" fmla="*/ 7664 h 10126"/>
                <a:gd name="connsiteX36" fmla="*/ 458 w 10000"/>
                <a:gd name="connsiteY36" fmla="*/ 8245 h 10126"/>
                <a:gd name="connsiteX37" fmla="*/ 684 w 10000"/>
                <a:gd name="connsiteY37" fmla="*/ 8831 h 10126"/>
                <a:gd name="connsiteX38" fmla="*/ 1059 w 10000"/>
                <a:gd name="connsiteY38" fmla="*/ 10000 h 10126"/>
                <a:gd name="connsiteX39" fmla="*/ 1840 w 10000"/>
                <a:gd name="connsiteY39" fmla="*/ 10103 h 10126"/>
                <a:gd name="connsiteX40" fmla="*/ 6040 w 10000"/>
                <a:gd name="connsiteY40" fmla="*/ 8368 h 10126"/>
                <a:gd name="connsiteX41" fmla="*/ 6382 w 10000"/>
                <a:gd name="connsiteY41" fmla="*/ 7982 h 10126"/>
                <a:gd name="connsiteX42" fmla="*/ 6428 w 10000"/>
                <a:gd name="connsiteY42" fmla="*/ 8181 h 10126"/>
                <a:gd name="connsiteX43" fmla="*/ 6444 w 10000"/>
                <a:gd name="connsiteY43" fmla="*/ 8428 h 10126"/>
                <a:gd name="connsiteX44" fmla="*/ 6766 w 10000"/>
                <a:gd name="connsiteY44" fmla="*/ 9268 h 10126"/>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5807 w 10000"/>
                <a:gd name="connsiteY39" fmla="*/ 8693 h 10015"/>
                <a:gd name="connsiteX40" fmla="*/ 6040 w 10000"/>
                <a:gd name="connsiteY40" fmla="*/ 8368 h 10015"/>
                <a:gd name="connsiteX41" fmla="*/ 6382 w 10000"/>
                <a:gd name="connsiteY41" fmla="*/ 7982 h 10015"/>
                <a:gd name="connsiteX42" fmla="*/ 6428 w 10000"/>
                <a:gd name="connsiteY42" fmla="*/ 8181 h 10015"/>
                <a:gd name="connsiteX43" fmla="*/ 6444 w 10000"/>
                <a:gd name="connsiteY43" fmla="*/ 8428 h 10015"/>
                <a:gd name="connsiteX44" fmla="*/ 6766 w 10000"/>
                <a:gd name="connsiteY44" fmla="*/ 9268 h 10015"/>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5807 w 10000"/>
                <a:gd name="connsiteY39" fmla="*/ 8693 h 10015"/>
                <a:gd name="connsiteX40" fmla="*/ 6040 w 10000"/>
                <a:gd name="connsiteY40" fmla="*/ 8368 h 10015"/>
                <a:gd name="connsiteX41" fmla="*/ 6382 w 10000"/>
                <a:gd name="connsiteY41" fmla="*/ 7982 h 10015"/>
                <a:gd name="connsiteX42" fmla="*/ 6428 w 10000"/>
                <a:gd name="connsiteY42" fmla="*/ 8181 h 10015"/>
                <a:gd name="connsiteX43" fmla="*/ 6444 w 10000"/>
                <a:gd name="connsiteY43" fmla="*/ 8428 h 10015"/>
                <a:gd name="connsiteX44" fmla="*/ 6766 w 10000"/>
                <a:gd name="connsiteY44" fmla="*/ 9268 h 10015"/>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5807 w 10000"/>
                <a:gd name="connsiteY39" fmla="*/ 8693 h 10018"/>
                <a:gd name="connsiteX40" fmla="*/ 6040 w 10000"/>
                <a:gd name="connsiteY40" fmla="*/ 8368 h 10018"/>
                <a:gd name="connsiteX41" fmla="*/ 6382 w 10000"/>
                <a:gd name="connsiteY41" fmla="*/ 7982 h 10018"/>
                <a:gd name="connsiteX42" fmla="*/ 6428 w 10000"/>
                <a:gd name="connsiteY42" fmla="*/ 8181 h 10018"/>
                <a:gd name="connsiteX43" fmla="*/ 6444 w 10000"/>
                <a:gd name="connsiteY43" fmla="*/ 8428 h 10018"/>
                <a:gd name="connsiteX44" fmla="*/ 6766 w 10000"/>
                <a:gd name="connsiteY44"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5865 w 10000"/>
                <a:gd name="connsiteY39" fmla="*/ 8712 h 10018"/>
                <a:gd name="connsiteX40" fmla="*/ 6040 w 10000"/>
                <a:gd name="connsiteY40" fmla="*/ 8368 h 10018"/>
                <a:gd name="connsiteX41" fmla="*/ 6382 w 10000"/>
                <a:gd name="connsiteY41" fmla="*/ 7982 h 10018"/>
                <a:gd name="connsiteX42" fmla="*/ 6428 w 10000"/>
                <a:gd name="connsiteY42" fmla="*/ 8181 h 10018"/>
                <a:gd name="connsiteX43" fmla="*/ 6444 w 10000"/>
                <a:gd name="connsiteY43" fmla="*/ 8428 h 10018"/>
                <a:gd name="connsiteX44" fmla="*/ 6766 w 10000"/>
                <a:gd name="connsiteY44" fmla="*/ 9268 h 10018"/>
                <a:gd name="connsiteX0" fmla="*/ 7446 w 10000"/>
                <a:gd name="connsiteY0" fmla="*/ 9488 h 10160"/>
                <a:gd name="connsiteX1" fmla="*/ 7446 w 10000"/>
                <a:gd name="connsiteY1" fmla="*/ 8978 h 10160"/>
                <a:gd name="connsiteX2" fmla="*/ 7821 w 10000"/>
                <a:gd name="connsiteY2" fmla="*/ 8978 h 10160"/>
                <a:gd name="connsiteX3" fmla="*/ 8047 w 10000"/>
                <a:gd name="connsiteY3" fmla="*/ 8029 h 10160"/>
                <a:gd name="connsiteX4" fmla="*/ 8648 w 10000"/>
                <a:gd name="connsiteY4" fmla="*/ 7444 h 10160"/>
                <a:gd name="connsiteX5" fmla="*/ 8873 w 10000"/>
                <a:gd name="connsiteY5" fmla="*/ 6351 h 10160"/>
                <a:gd name="connsiteX6" fmla="*/ 8722 w 10000"/>
                <a:gd name="connsiteY6" fmla="*/ 5768 h 10160"/>
                <a:gd name="connsiteX7" fmla="*/ 9098 w 10000"/>
                <a:gd name="connsiteY7" fmla="*/ 4525 h 10160"/>
                <a:gd name="connsiteX8" fmla="*/ 9399 w 10000"/>
                <a:gd name="connsiteY8" fmla="*/ 4160 h 10160"/>
                <a:gd name="connsiteX9" fmla="*/ 10000 w 10000"/>
                <a:gd name="connsiteY9" fmla="*/ 3576 h 10160"/>
                <a:gd name="connsiteX10" fmla="*/ 9774 w 10000"/>
                <a:gd name="connsiteY10" fmla="*/ 3502 h 10160"/>
                <a:gd name="connsiteX11" fmla="*/ 9399 w 10000"/>
                <a:gd name="connsiteY11" fmla="*/ 3140 h 10160"/>
                <a:gd name="connsiteX12" fmla="*/ 9173 w 10000"/>
                <a:gd name="connsiteY12" fmla="*/ 2044 h 10160"/>
                <a:gd name="connsiteX13" fmla="*/ 9173 w 10000"/>
                <a:gd name="connsiteY13" fmla="*/ 1460 h 10160"/>
                <a:gd name="connsiteX14" fmla="*/ 9098 w 10000"/>
                <a:gd name="connsiteY14" fmla="*/ 729 h 10160"/>
                <a:gd name="connsiteX15" fmla="*/ 8873 w 10000"/>
                <a:gd name="connsiteY15" fmla="*/ 511 h 10160"/>
                <a:gd name="connsiteX16" fmla="*/ 8497 w 10000"/>
                <a:gd name="connsiteY16" fmla="*/ 219 h 10160"/>
                <a:gd name="connsiteX17" fmla="*/ 8272 w 10000"/>
                <a:gd name="connsiteY17" fmla="*/ 0 h 10160"/>
                <a:gd name="connsiteX18" fmla="*/ 7821 w 10000"/>
                <a:gd name="connsiteY18" fmla="*/ 293 h 10160"/>
                <a:gd name="connsiteX19" fmla="*/ 7370 w 10000"/>
                <a:gd name="connsiteY19" fmla="*/ 729 h 10160"/>
                <a:gd name="connsiteX20" fmla="*/ 6769 w 10000"/>
                <a:gd name="connsiteY20" fmla="*/ 729 h 10160"/>
                <a:gd name="connsiteX21" fmla="*/ 5717 w 10000"/>
                <a:gd name="connsiteY21" fmla="*/ 729 h 10160"/>
                <a:gd name="connsiteX22" fmla="*/ 5717 w 10000"/>
                <a:gd name="connsiteY22" fmla="*/ 658 h 10160"/>
                <a:gd name="connsiteX23" fmla="*/ 5643 w 10000"/>
                <a:gd name="connsiteY23" fmla="*/ 729 h 10160"/>
                <a:gd name="connsiteX24" fmla="*/ 1961 w 10000"/>
                <a:gd name="connsiteY24" fmla="*/ 729 h 10160"/>
                <a:gd name="connsiteX25" fmla="*/ 1961 w 10000"/>
                <a:gd name="connsiteY25" fmla="*/ 2263 h 10160"/>
                <a:gd name="connsiteX26" fmla="*/ 1285 w 10000"/>
                <a:gd name="connsiteY26" fmla="*/ 2263 h 10160"/>
                <a:gd name="connsiteX27" fmla="*/ 1285 w 10000"/>
                <a:gd name="connsiteY27" fmla="*/ 2556 h 10160"/>
                <a:gd name="connsiteX28" fmla="*/ 1285 w 10000"/>
                <a:gd name="connsiteY28" fmla="*/ 5179 h 10160"/>
                <a:gd name="connsiteX29" fmla="*/ 1135 w 10000"/>
                <a:gd name="connsiteY29" fmla="*/ 5327 h 10160"/>
                <a:gd name="connsiteX30" fmla="*/ 684 w 10000"/>
                <a:gd name="connsiteY30" fmla="*/ 5621 h 10160"/>
                <a:gd name="connsiteX31" fmla="*/ 609 w 10000"/>
                <a:gd name="connsiteY31" fmla="*/ 5986 h 10160"/>
                <a:gd name="connsiteX32" fmla="*/ 384 w 10000"/>
                <a:gd name="connsiteY32" fmla="*/ 6351 h 10160"/>
                <a:gd name="connsiteX33" fmla="*/ 234 w 10000"/>
                <a:gd name="connsiteY33" fmla="*/ 6935 h 10160"/>
                <a:gd name="connsiteX34" fmla="*/ 8 w 10000"/>
                <a:gd name="connsiteY34" fmla="*/ 7593 h 10160"/>
                <a:gd name="connsiteX35" fmla="*/ 384 w 10000"/>
                <a:gd name="connsiteY35" fmla="*/ 7664 h 10160"/>
                <a:gd name="connsiteX36" fmla="*/ 458 w 10000"/>
                <a:gd name="connsiteY36" fmla="*/ 8245 h 10160"/>
                <a:gd name="connsiteX37" fmla="*/ 684 w 10000"/>
                <a:gd name="connsiteY37" fmla="*/ 8831 h 10160"/>
                <a:gd name="connsiteX38" fmla="*/ 1059 w 10000"/>
                <a:gd name="connsiteY38" fmla="*/ 10000 h 10160"/>
                <a:gd name="connsiteX39" fmla="*/ 1058 w 10000"/>
                <a:gd name="connsiteY39" fmla="*/ 10012 h 10160"/>
                <a:gd name="connsiteX40" fmla="*/ 5865 w 10000"/>
                <a:gd name="connsiteY40" fmla="*/ 8712 h 10160"/>
                <a:gd name="connsiteX41" fmla="*/ 6040 w 10000"/>
                <a:gd name="connsiteY41" fmla="*/ 8368 h 10160"/>
                <a:gd name="connsiteX42" fmla="*/ 6382 w 10000"/>
                <a:gd name="connsiteY42" fmla="*/ 7982 h 10160"/>
                <a:gd name="connsiteX43" fmla="*/ 6428 w 10000"/>
                <a:gd name="connsiteY43" fmla="*/ 8181 h 10160"/>
                <a:gd name="connsiteX44" fmla="*/ 6444 w 10000"/>
                <a:gd name="connsiteY44" fmla="*/ 8428 h 10160"/>
                <a:gd name="connsiteX45" fmla="*/ 6766 w 10000"/>
                <a:gd name="connsiteY45" fmla="*/ 9268 h 10160"/>
                <a:gd name="connsiteX0" fmla="*/ 7446 w 10000"/>
                <a:gd name="connsiteY0" fmla="*/ 9488 h 10258"/>
                <a:gd name="connsiteX1" fmla="*/ 7446 w 10000"/>
                <a:gd name="connsiteY1" fmla="*/ 8978 h 10258"/>
                <a:gd name="connsiteX2" fmla="*/ 7821 w 10000"/>
                <a:gd name="connsiteY2" fmla="*/ 8978 h 10258"/>
                <a:gd name="connsiteX3" fmla="*/ 8047 w 10000"/>
                <a:gd name="connsiteY3" fmla="*/ 8029 h 10258"/>
                <a:gd name="connsiteX4" fmla="*/ 8648 w 10000"/>
                <a:gd name="connsiteY4" fmla="*/ 7444 h 10258"/>
                <a:gd name="connsiteX5" fmla="*/ 8873 w 10000"/>
                <a:gd name="connsiteY5" fmla="*/ 6351 h 10258"/>
                <a:gd name="connsiteX6" fmla="*/ 8722 w 10000"/>
                <a:gd name="connsiteY6" fmla="*/ 5768 h 10258"/>
                <a:gd name="connsiteX7" fmla="*/ 9098 w 10000"/>
                <a:gd name="connsiteY7" fmla="*/ 4525 h 10258"/>
                <a:gd name="connsiteX8" fmla="*/ 9399 w 10000"/>
                <a:gd name="connsiteY8" fmla="*/ 4160 h 10258"/>
                <a:gd name="connsiteX9" fmla="*/ 10000 w 10000"/>
                <a:gd name="connsiteY9" fmla="*/ 3576 h 10258"/>
                <a:gd name="connsiteX10" fmla="*/ 9774 w 10000"/>
                <a:gd name="connsiteY10" fmla="*/ 3502 h 10258"/>
                <a:gd name="connsiteX11" fmla="*/ 9399 w 10000"/>
                <a:gd name="connsiteY11" fmla="*/ 3140 h 10258"/>
                <a:gd name="connsiteX12" fmla="*/ 9173 w 10000"/>
                <a:gd name="connsiteY12" fmla="*/ 2044 h 10258"/>
                <a:gd name="connsiteX13" fmla="*/ 9173 w 10000"/>
                <a:gd name="connsiteY13" fmla="*/ 1460 h 10258"/>
                <a:gd name="connsiteX14" fmla="*/ 9098 w 10000"/>
                <a:gd name="connsiteY14" fmla="*/ 729 h 10258"/>
                <a:gd name="connsiteX15" fmla="*/ 8873 w 10000"/>
                <a:gd name="connsiteY15" fmla="*/ 511 h 10258"/>
                <a:gd name="connsiteX16" fmla="*/ 8497 w 10000"/>
                <a:gd name="connsiteY16" fmla="*/ 219 h 10258"/>
                <a:gd name="connsiteX17" fmla="*/ 8272 w 10000"/>
                <a:gd name="connsiteY17" fmla="*/ 0 h 10258"/>
                <a:gd name="connsiteX18" fmla="*/ 7821 w 10000"/>
                <a:gd name="connsiteY18" fmla="*/ 293 h 10258"/>
                <a:gd name="connsiteX19" fmla="*/ 7370 w 10000"/>
                <a:gd name="connsiteY19" fmla="*/ 729 h 10258"/>
                <a:gd name="connsiteX20" fmla="*/ 6769 w 10000"/>
                <a:gd name="connsiteY20" fmla="*/ 729 h 10258"/>
                <a:gd name="connsiteX21" fmla="*/ 5717 w 10000"/>
                <a:gd name="connsiteY21" fmla="*/ 729 h 10258"/>
                <a:gd name="connsiteX22" fmla="*/ 5717 w 10000"/>
                <a:gd name="connsiteY22" fmla="*/ 658 h 10258"/>
                <a:gd name="connsiteX23" fmla="*/ 5643 w 10000"/>
                <a:gd name="connsiteY23" fmla="*/ 729 h 10258"/>
                <a:gd name="connsiteX24" fmla="*/ 1961 w 10000"/>
                <a:gd name="connsiteY24" fmla="*/ 729 h 10258"/>
                <a:gd name="connsiteX25" fmla="*/ 1961 w 10000"/>
                <a:gd name="connsiteY25" fmla="*/ 2263 h 10258"/>
                <a:gd name="connsiteX26" fmla="*/ 1285 w 10000"/>
                <a:gd name="connsiteY26" fmla="*/ 2263 h 10258"/>
                <a:gd name="connsiteX27" fmla="*/ 1285 w 10000"/>
                <a:gd name="connsiteY27" fmla="*/ 2556 h 10258"/>
                <a:gd name="connsiteX28" fmla="*/ 1285 w 10000"/>
                <a:gd name="connsiteY28" fmla="*/ 5179 h 10258"/>
                <a:gd name="connsiteX29" fmla="*/ 1135 w 10000"/>
                <a:gd name="connsiteY29" fmla="*/ 5327 h 10258"/>
                <a:gd name="connsiteX30" fmla="*/ 684 w 10000"/>
                <a:gd name="connsiteY30" fmla="*/ 5621 h 10258"/>
                <a:gd name="connsiteX31" fmla="*/ 609 w 10000"/>
                <a:gd name="connsiteY31" fmla="*/ 5986 h 10258"/>
                <a:gd name="connsiteX32" fmla="*/ 384 w 10000"/>
                <a:gd name="connsiteY32" fmla="*/ 6351 h 10258"/>
                <a:gd name="connsiteX33" fmla="*/ 234 w 10000"/>
                <a:gd name="connsiteY33" fmla="*/ 6935 h 10258"/>
                <a:gd name="connsiteX34" fmla="*/ 8 w 10000"/>
                <a:gd name="connsiteY34" fmla="*/ 7593 h 10258"/>
                <a:gd name="connsiteX35" fmla="*/ 384 w 10000"/>
                <a:gd name="connsiteY35" fmla="*/ 7664 h 10258"/>
                <a:gd name="connsiteX36" fmla="*/ 458 w 10000"/>
                <a:gd name="connsiteY36" fmla="*/ 8245 h 10258"/>
                <a:gd name="connsiteX37" fmla="*/ 684 w 10000"/>
                <a:gd name="connsiteY37" fmla="*/ 8831 h 10258"/>
                <a:gd name="connsiteX38" fmla="*/ 1059 w 10000"/>
                <a:gd name="connsiteY38" fmla="*/ 10000 h 10258"/>
                <a:gd name="connsiteX39" fmla="*/ 1903 w 10000"/>
                <a:gd name="connsiteY39" fmla="*/ 10161 h 10258"/>
                <a:gd name="connsiteX40" fmla="*/ 5865 w 10000"/>
                <a:gd name="connsiteY40" fmla="*/ 8712 h 10258"/>
                <a:gd name="connsiteX41" fmla="*/ 6040 w 10000"/>
                <a:gd name="connsiteY41" fmla="*/ 8368 h 10258"/>
                <a:gd name="connsiteX42" fmla="*/ 6382 w 10000"/>
                <a:gd name="connsiteY42" fmla="*/ 7982 h 10258"/>
                <a:gd name="connsiteX43" fmla="*/ 6428 w 10000"/>
                <a:gd name="connsiteY43" fmla="*/ 8181 h 10258"/>
                <a:gd name="connsiteX44" fmla="*/ 6444 w 10000"/>
                <a:gd name="connsiteY44" fmla="*/ 8428 h 10258"/>
                <a:gd name="connsiteX45" fmla="*/ 6766 w 10000"/>
                <a:gd name="connsiteY45" fmla="*/ 9268 h 10258"/>
                <a:gd name="connsiteX0" fmla="*/ 7446 w 10000"/>
                <a:gd name="connsiteY0" fmla="*/ 9488 h 10056"/>
                <a:gd name="connsiteX1" fmla="*/ 7446 w 10000"/>
                <a:gd name="connsiteY1" fmla="*/ 8978 h 10056"/>
                <a:gd name="connsiteX2" fmla="*/ 7821 w 10000"/>
                <a:gd name="connsiteY2" fmla="*/ 8978 h 10056"/>
                <a:gd name="connsiteX3" fmla="*/ 8047 w 10000"/>
                <a:gd name="connsiteY3" fmla="*/ 8029 h 10056"/>
                <a:gd name="connsiteX4" fmla="*/ 8648 w 10000"/>
                <a:gd name="connsiteY4" fmla="*/ 7444 h 10056"/>
                <a:gd name="connsiteX5" fmla="*/ 8873 w 10000"/>
                <a:gd name="connsiteY5" fmla="*/ 6351 h 10056"/>
                <a:gd name="connsiteX6" fmla="*/ 8722 w 10000"/>
                <a:gd name="connsiteY6" fmla="*/ 5768 h 10056"/>
                <a:gd name="connsiteX7" fmla="*/ 9098 w 10000"/>
                <a:gd name="connsiteY7" fmla="*/ 4525 h 10056"/>
                <a:gd name="connsiteX8" fmla="*/ 9399 w 10000"/>
                <a:gd name="connsiteY8" fmla="*/ 4160 h 10056"/>
                <a:gd name="connsiteX9" fmla="*/ 10000 w 10000"/>
                <a:gd name="connsiteY9" fmla="*/ 3576 h 10056"/>
                <a:gd name="connsiteX10" fmla="*/ 9774 w 10000"/>
                <a:gd name="connsiteY10" fmla="*/ 3502 h 10056"/>
                <a:gd name="connsiteX11" fmla="*/ 9399 w 10000"/>
                <a:gd name="connsiteY11" fmla="*/ 3140 h 10056"/>
                <a:gd name="connsiteX12" fmla="*/ 9173 w 10000"/>
                <a:gd name="connsiteY12" fmla="*/ 2044 h 10056"/>
                <a:gd name="connsiteX13" fmla="*/ 9173 w 10000"/>
                <a:gd name="connsiteY13" fmla="*/ 1460 h 10056"/>
                <a:gd name="connsiteX14" fmla="*/ 9098 w 10000"/>
                <a:gd name="connsiteY14" fmla="*/ 729 h 10056"/>
                <a:gd name="connsiteX15" fmla="*/ 8873 w 10000"/>
                <a:gd name="connsiteY15" fmla="*/ 511 h 10056"/>
                <a:gd name="connsiteX16" fmla="*/ 8497 w 10000"/>
                <a:gd name="connsiteY16" fmla="*/ 219 h 10056"/>
                <a:gd name="connsiteX17" fmla="*/ 8272 w 10000"/>
                <a:gd name="connsiteY17" fmla="*/ 0 h 10056"/>
                <a:gd name="connsiteX18" fmla="*/ 7821 w 10000"/>
                <a:gd name="connsiteY18" fmla="*/ 293 h 10056"/>
                <a:gd name="connsiteX19" fmla="*/ 7370 w 10000"/>
                <a:gd name="connsiteY19" fmla="*/ 729 h 10056"/>
                <a:gd name="connsiteX20" fmla="*/ 6769 w 10000"/>
                <a:gd name="connsiteY20" fmla="*/ 729 h 10056"/>
                <a:gd name="connsiteX21" fmla="*/ 5717 w 10000"/>
                <a:gd name="connsiteY21" fmla="*/ 729 h 10056"/>
                <a:gd name="connsiteX22" fmla="*/ 5717 w 10000"/>
                <a:gd name="connsiteY22" fmla="*/ 658 h 10056"/>
                <a:gd name="connsiteX23" fmla="*/ 5643 w 10000"/>
                <a:gd name="connsiteY23" fmla="*/ 729 h 10056"/>
                <a:gd name="connsiteX24" fmla="*/ 1961 w 10000"/>
                <a:gd name="connsiteY24" fmla="*/ 729 h 10056"/>
                <a:gd name="connsiteX25" fmla="*/ 1961 w 10000"/>
                <a:gd name="connsiteY25" fmla="*/ 2263 h 10056"/>
                <a:gd name="connsiteX26" fmla="*/ 1285 w 10000"/>
                <a:gd name="connsiteY26" fmla="*/ 2263 h 10056"/>
                <a:gd name="connsiteX27" fmla="*/ 1285 w 10000"/>
                <a:gd name="connsiteY27" fmla="*/ 2556 h 10056"/>
                <a:gd name="connsiteX28" fmla="*/ 1285 w 10000"/>
                <a:gd name="connsiteY28" fmla="*/ 5179 h 10056"/>
                <a:gd name="connsiteX29" fmla="*/ 1135 w 10000"/>
                <a:gd name="connsiteY29" fmla="*/ 5327 h 10056"/>
                <a:gd name="connsiteX30" fmla="*/ 684 w 10000"/>
                <a:gd name="connsiteY30" fmla="*/ 5621 h 10056"/>
                <a:gd name="connsiteX31" fmla="*/ 609 w 10000"/>
                <a:gd name="connsiteY31" fmla="*/ 5986 h 10056"/>
                <a:gd name="connsiteX32" fmla="*/ 384 w 10000"/>
                <a:gd name="connsiteY32" fmla="*/ 6351 h 10056"/>
                <a:gd name="connsiteX33" fmla="*/ 234 w 10000"/>
                <a:gd name="connsiteY33" fmla="*/ 6935 h 10056"/>
                <a:gd name="connsiteX34" fmla="*/ 8 w 10000"/>
                <a:gd name="connsiteY34" fmla="*/ 7593 h 10056"/>
                <a:gd name="connsiteX35" fmla="*/ 384 w 10000"/>
                <a:gd name="connsiteY35" fmla="*/ 7664 h 10056"/>
                <a:gd name="connsiteX36" fmla="*/ 458 w 10000"/>
                <a:gd name="connsiteY36" fmla="*/ 8245 h 10056"/>
                <a:gd name="connsiteX37" fmla="*/ 684 w 10000"/>
                <a:gd name="connsiteY37" fmla="*/ 8831 h 10056"/>
                <a:gd name="connsiteX38" fmla="*/ 1059 w 10000"/>
                <a:gd name="connsiteY38" fmla="*/ 10000 h 10056"/>
                <a:gd name="connsiteX39" fmla="*/ 2335 w 10000"/>
                <a:gd name="connsiteY39" fmla="*/ 9619 h 10056"/>
                <a:gd name="connsiteX40" fmla="*/ 5865 w 10000"/>
                <a:gd name="connsiteY40" fmla="*/ 8712 h 10056"/>
                <a:gd name="connsiteX41" fmla="*/ 6040 w 10000"/>
                <a:gd name="connsiteY41" fmla="*/ 8368 h 10056"/>
                <a:gd name="connsiteX42" fmla="*/ 6382 w 10000"/>
                <a:gd name="connsiteY42" fmla="*/ 7982 h 10056"/>
                <a:gd name="connsiteX43" fmla="*/ 6428 w 10000"/>
                <a:gd name="connsiteY43" fmla="*/ 8181 h 10056"/>
                <a:gd name="connsiteX44" fmla="*/ 6444 w 10000"/>
                <a:gd name="connsiteY44" fmla="*/ 8428 h 10056"/>
                <a:gd name="connsiteX45" fmla="*/ 6766 w 10000"/>
                <a:gd name="connsiteY45" fmla="*/ 9268 h 10056"/>
                <a:gd name="connsiteX0" fmla="*/ 7446 w 10000"/>
                <a:gd name="connsiteY0" fmla="*/ 9488 h 10026"/>
                <a:gd name="connsiteX1" fmla="*/ 7446 w 10000"/>
                <a:gd name="connsiteY1" fmla="*/ 8978 h 10026"/>
                <a:gd name="connsiteX2" fmla="*/ 7821 w 10000"/>
                <a:gd name="connsiteY2" fmla="*/ 8978 h 10026"/>
                <a:gd name="connsiteX3" fmla="*/ 8047 w 10000"/>
                <a:gd name="connsiteY3" fmla="*/ 8029 h 10026"/>
                <a:gd name="connsiteX4" fmla="*/ 8648 w 10000"/>
                <a:gd name="connsiteY4" fmla="*/ 7444 h 10026"/>
                <a:gd name="connsiteX5" fmla="*/ 8873 w 10000"/>
                <a:gd name="connsiteY5" fmla="*/ 6351 h 10026"/>
                <a:gd name="connsiteX6" fmla="*/ 8722 w 10000"/>
                <a:gd name="connsiteY6" fmla="*/ 5768 h 10026"/>
                <a:gd name="connsiteX7" fmla="*/ 9098 w 10000"/>
                <a:gd name="connsiteY7" fmla="*/ 4525 h 10026"/>
                <a:gd name="connsiteX8" fmla="*/ 9399 w 10000"/>
                <a:gd name="connsiteY8" fmla="*/ 4160 h 10026"/>
                <a:gd name="connsiteX9" fmla="*/ 10000 w 10000"/>
                <a:gd name="connsiteY9" fmla="*/ 3576 h 10026"/>
                <a:gd name="connsiteX10" fmla="*/ 9774 w 10000"/>
                <a:gd name="connsiteY10" fmla="*/ 3502 h 10026"/>
                <a:gd name="connsiteX11" fmla="*/ 9399 w 10000"/>
                <a:gd name="connsiteY11" fmla="*/ 3140 h 10026"/>
                <a:gd name="connsiteX12" fmla="*/ 9173 w 10000"/>
                <a:gd name="connsiteY12" fmla="*/ 2044 h 10026"/>
                <a:gd name="connsiteX13" fmla="*/ 9173 w 10000"/>
                <a:gd name="connsiteY13" fmla="*/ 1460 h 10026"/>
                <a:gd name="connsiteX14" fmla="*/ 9098 w 10000"/>
                <a:gd name="connsiteY14" fmla="*/ 729 h 10026"/>
                <a:gd name="connsiteX15" fmla="*/ 8873 w 10000"/>
                <a:gd name="connsiteY15" fmla="*/ 511 h 10026"/>
                <a:gd name="connsiteX16" fmla="*/ 8497 w 10000"/>
                <a:gd name="connsiteY16" fmla="*/ 219 h 10026"/>
                <a:gd name="connsiteX17" fmla="*/ 8272 w 10000"/>
                <a:gd name="connsiteY17" fmla="*/ 0 h 10026"/>
                <a:gd name="connsiteX18" fmla="*/ 7821 w 10000"/>
                <a:gd name="connsiteY18" fmla="*/ 293 h 10026"/>
                <a:gd name="connsiteX19" fmla="*/ 7370 w 10000"/>
                <a:gd name="connsiteY19" fmla="*/ 729 h 10026"/>
                <a:gd name="connsiteX20" fmla="*/ 6769 w 10000"/>
                <a:gd name="connsiteY20" fmla="*/ 729 h 10026"/>
                <a:gd name="connsiteX21" fmla="*/ 5717 w 10000"/>
                <a:gd name="connsiteY21" fmla="*/ 729 h 10026"/>
                <a:gd name="connsiteX22" fmla="*/ 5717 w 10000"/>
                <a:gd name="connsiteY22" fmla="*/ 658 h 10026"/>
                <a:gd name="connsiteX23" fmla="*/ 5643 w 10000"/>
                <a:gd name="connsiteY23" fmla="*/ 729 h 10026"/>
                <a:gd name="connsiteX24" fmla="*/ 1961 w 10000"/>
                <a:gd name="connsiteY24" fmla="*/ 729 h 10026"/>
                <a:gd name="connsiteX25" fmla="*/ 1961 w 10000"/>
                <a:gd name="connsiteY25" fmla="*/ 2263 h 10026"/>
                <a:gd name="connsiteX26" fmla="*/ 1285 w 10000"/>
                <a:gd name="connsiteY26" fmla="*/ 2263 h 10026"/>
                <a:gd name="connsiteX27" fmla="*/ 1285 w 10000"/>
                <a:gd name="connsiteY27" fmla="*/ 2556 h 10026"/>
                <a:gd name="connsiteX28" fmla="*/ 1285 w 10000"/>
                <a:gd name="connsiteY28" fmla="*/ 5179 h 10026"/>
                <a:gd name="connsiteX29" fmla="*/ 1135 w 10000"/>
                <a:gd name="connsiteY29" fmla="*/ 5327 h 10026"/>
                <a:gd name="connsiteX30" fmla="*/ 684 w 10000"/>
                <a:gd name="connsiteY30" fmla="*/ 5621 h 10026"/>
                <a:gd name="connsiteX31" fmla="*/ 609 w 10000"/>
                <a:gd name="connsiteY31" fmla="*/ 5986 h 10026"/>
                <a:gd name="connsiteX32" fmla="*/ 384 w 10000"/>
                <a:gd name="connsiteY32" fmla="*/ 6351 h 10026"/>
                <a:gd name="connsiteX33" fmla="*/ 234 w 10000"/>
                <a:gd name="connsiteY33" fmla="*/ 6935 h 10026"/>
                <a:gd name="connsiteX34" fmla="*/ 8 w 10000"/>
                <a:gd name="connsiteY34" fmla="*/ 7593 h 10026"/>
                <a:gd name="connsiteX35" fmla="*/ 384 w 10000"/>
                <a:gd name="connsiteY35" fmla="*/ 7664 h 10026"/>
                <a:gd name="connsiteX36" fmla="*/ 458 w 10000"/>
                <a:gd name="connsiteY36" fmla="*/ 8245 h 10026"/>
                <a:gd name="connsiteX37" fmla="*/ 684 w 10000"/>
                <a:gd name="connsiteY37" fmla="*/ 8831 h 10026"/>
                <a:gd name="connsiteX38" fmla="*/ 1059 w 10000"/>
                <a:gd name="connsiteY38" fmla="*/ 10000 h 10026"/>
                <a:gd name="connsiteX39" fmla="*/ 5831 w 10000"/>
                <a:gd name="connsiteY39" fmla="*/ 9031 h 10026"/>
                <a:gd name="connsiteX40" fmla="*/ 5865 w 10000"/>
                <a:gd name="connsiteY40" fmla="*/ 8712 h 10026"/>
                <a:gd name="connsiteX41" fmla="*/ 6040 w 10000"/>
                <a:gd name="connsiteY41" fmla="*/ 8368 h 10026"/>
                <a:gd name="connsiteX42" fmla="*/ 6382 w 10000"/>
                <a:gd name="connsiteY42" fmla="*/ 7982 h 10026"/>
                <a:gd name="connsiteX43" fmla="*/ 6428 w 10000"/>
                <a:gd name="connsiteY43" fmla="*/ 8181 h 10026"/>
                <a:gd name="connsiteX44" fmla="*/ 6444 w 10000"/>
                <a:gd name="connsiteY44" fmla="*/ 8428 h 10026"/>
                <a:gd name="connsiteX45" fmla="*/ 6766 w 10000"/>
                <a:gd name="connsiteY45" fmla="*/ 9268 h 10026"/>
                <a:gd name="connsiteX0" fmla="*/ 7446 w 10000"/>
                <a:gd name="connsiteY0" fmla="*/ 9488 h 10026"/>
                <a:gd name="connsiteX1" fmla="*/ 7446 w 10000"/>
                <a:gd name="connsiteY1" fmla="*/ 8978 h 10026"/>
                <a:gd name="connsiteX2" fmla="*/ 7821 w 10000"/>
                <a:gd name="connsiteY2" fmla="*/ 8978 h 10026"/>
                <a:gd name="connsiteX3" fmla="*/ 8047 w 10000"/>
                <a:gd name="connsiteY3" fmla="*/ 8029 h 10026"/>
                <a:gd name="connsiteX4" fmla="*/ 8648 w 10000"/>
                <a:gd name="connsiteY4" fmla="*/ 7444 h 10026"/>
                <a:gd name="connsiteX5" fmla="*/ 8873 w 10000"/>
                <a:gd name="connsiteY5" fmla="*/ 6351 h 10026"/>
                <a:gd name="connsiteX6" fmla="*/ 8722 w 10000"/>
                <a:gd name="connsiteY6" fmla="*/ 5768 h 10026"/>
                <a:gd name="connsiteX7" fmla="*/ 9098 w 10000"/>
                <a:gd name="connsiteY7" fmla="*/ 4525 h 10026"/>
                <a:gd name="connsiteX8" fmla="*/ 9399 w 10000"/>
                <a:gd name="connsiteY8" fmla="*/ 4160 h 10026"/>
                <a:gd name="connsiteX9" fmla="*/ 10000 w 10000"/>
                <a:gd name="connsiteY9" fmla="*/ 3576 h 10026"/>
                <a:gd name="connsiteX10" fmla="*/ 9774 w 10000"/>
                <a:gd name="connsiteY10" fmla="*/ 3502 h 10026"/>
                <a:gd name="connsiteX11" fmla="*/ 9399 w 10000"/>
                <a:gd name="connsiteY11" fmla="*/ 3140 h 10026"/>
                <a:gd name="connsiteX12" fmla="*/ 9173 w 10000"/>
                <a:gd name="connsiteY12" fmla="*/ 2044 h 10026"/>
                <a:gd name="connsiteX13" fmla="*/ 9173 w 10000"/>
                <a:gd name="connsiteY13" fmla="*/ 1460 h 10026"/>
                <a:gd name="connsiteX14" fmla="*/ 9098 w 10000"/>
                <a:gd name="connsiteY14" fmla="*/ 729 h 10026"/>
                <a:gd name="connsiteX15" fmla="*/ 8873 w 10000"/>
                <a:gd name="connsiteY15" fmla="*/ 511 h 10026"/>
                <a:gd name="connsiteX16" fmla="*/ 8497 w 10000"/>
                <a:gd name="connsiteY16" fmla="*/ 219 h 10026"/>
                <a:gd name="connsiteX17" fmla="*/ 8272 w 10000"/>
                <a:gd name="connsiteY17" fmla="*/ 0 h 10026"/>
                <a:gd name="connsiteX18" fmla="*/ 7821 w 10000"/>
                <a:gd name="connsiteY18" fmla="*/ 293 h 10026"/>
                <a:gd name="connsiteX19" fmla="*/ 7370 w 10000"/>
                <a:gd name="connsiteY19" fmla="*/ 729 h 10026"/>
                <a:gd name="connsiteX20" fmla="*/ 6769 w 10000"/>
                <a:gd name="connsiteY20" fmla="*/ 729 h 10026"/>
                <a:gd name="connsiteX21" fmla="*/ 5717 w 10000"/>
                <a:gd name="connsiteY21" fmla="*/ 729 h 10026"/>
                <a:gd name="connsiteX22" fmla="*/ 5717 w 10000"/>
                <a:gd name="connsiteY22" fmla="*/ 658 h 10026"/>
                <a:gd name="connsiteX23" fmla="*/ 5643 w 10000"/>
                <a:gd name="connsiteY23" fmla="*/ 729 h 10026"/>
                <a:gd name="connsiteX24" fmla="*/ 1961 w 10000"/>
                <a:gd name="connsiteY24" fmla="*/ 729 h 10026"/>
                <a:gd name="connsiteX25" fmla="*/ 1961 w 10000"/>
                <a:gd name="connsiteY25" fmla="*/ 2263 h 10026"/>
                <a:gd name="connsiteX26" fmla="*/ 1285 w 10000"/>
                <a:gd name="connsiteY26" fmla="*/ 2263 h 10026"/>
                <a:gd name="connsiteX27" fmla="*/ 1285 w 10000"/>
                <a:gd name="connsiteY27" fmla="*/ 2556 h 10026"/>
                <a:gd name="connsiteX28" fmla="*/ 1285 w 10000"/>
                <a:gd name="connsiteY28" fmla="*/ 5179 h 10026"/>
                <a:gd name="connsiteX29" fmla="*/ 1135 w 10000"/>
                <a:gd name="connsiteY29" fmla="*/ 5327 h 10026"/>
                <a:gd name="connsiteX30" fmla="*/ 684 w 10000"/>
                <a:gd name="connsiteY30" fmla="*/ 5621 h 10026"/>
                <a:gd name="connsiteX31" fmla="*/ 609 w 10000"/>
                <a:gd name="connsiteY31" fmla="*/ 5986 h 10026"/>
                <a:gd name="connsiteX32" fmla="*/ 384 w 10000"/>
                <a:gd name="connsiteY32" fmla="*/ 6351 h 10026"/>
                <a:gd name="connsiteX33" fmla="*/ 234 w 10000"/>
                <a:gd name="connsiteY33" fmla="*/ 6935 h 10026"/>
                <a:gd name="connsiteX34" fmla="*/ 8 w 10000"/>
                <a:gd name="connsiteY34" fmla="*/ 7593 h 10026"/>
                <a:gd name="connsiteX35" fmla="*/ 384 w 10000"/>
                <a:gd name="connsiteY35" fmla="*/ 7664 h 10026"/>
                <a:gd name="connsiteX36" fmla="*/ 458 w 10000"/>
                <a:gd name="connsiteY36" fmla="*/ 8245 h 10026"/>
                <a:gd name="connsiteX37" fmla="*/ 684 w 10000"/>
                <a:gd name="connsiteY37" fmla="*/ 8831 h 10026"/>
                <a:gd name="connsiteX38" fmla="*/ 1059 w 10000"/>
                <a:gd name="connsiteY38" fmla="*/ 10000 h 10026"/>
                <a:gd name="connsiteX39" fmla="*/ 5831 w 10000"/>
                <a:gd name="connsiteY39" fmla="*/ 9031 h 10026"/>
                <a:gd name="connsiteX40" fmla="*/ 5865 w 10000"/>
                <a:gd name="connsiteY40" fmla="*/ 8712 h 10026"/>
                <a:gd name="connsiteX41" fmla="*/ 6040 w 10000"/>
                <a:gd name="connsiteY41" fmla="*/ 8368 h 10026"/>
                <a:gd name="connsiteX42" fmla="*/ 6382 w 10000"/>
                <a:gd name="connsiteY42" fmla="*/ 7982 h 10026"/>
                <a:gd name="connsiteX43" fmla="*/ 6428 w 10000"/>
                <a:gd name="connsiteY43" fmla="*/ 8181 h 10026"/>
                <a:gd name="connsiteX44" fmla="*/ 6444 w 10000"/>
                <a:gd name="connsiteY44" fmla="*/ 8428 h 10026"/>
                <a:gd name="connsiteX45" fmla="*/ 6766 w 10000"/>
                <a:gd name="connsiteY45" fmla="*/ 9268 h 10026"/>
                <a:gd name="connsiteX0" fmla="*/ 7446 w 10000"/>
                <a:gd name="connsiteY0" fmla="*/ 9488 h 10027"/>
                <a:gd name="connsiteX1" fmla="*/ 7446 w 10000"/>
                <a:gd name="connsiteY1" fmla="*/ 8978 h 10027"/>
                <a:gd name="connsiteX2" fmla="*/ 7821 w 10000"/>
                <a:gd name="connsiteY2" fmla="*/ 8978 h 10027"/>
                <a:gd name="connsiteX3" fmla="*/ 8047 w 10000"/>
                <a:gd name="connsiteY3" fmla="*/ 8029 h 10027"/>
                <a:gd name="connsiteX4" fmla="*/ 8648 w 10000"/>
                <a:gd name="connsiteY4" fmla="*/ 7444 h 10027"/>
                <a:gd name="connsiteX5" fmla="*/ 8873 w 10000"/>
                <a:gd name="connsiteY5" fmla="*/ 6351 h 10027"/>
                <a:gd name="connsiteX6" fmla="*/ 8722 w 10000"/>
                <a:gd name="connsiteY6" fmla="*/ 5768 h 10027"/>
                <a:gd name="connsiteX7" fmla="*/ 9098 w 10000"/>
                <a:gd name="connsiteY7" fmla="*/ 4525 h 10027"/>
                <a:gd name="connsiteX8" fmla="*/ 9399 w 10000"/>
                <a:gd name="connsiteY8" fmla="*/ 4160 h 10027"/>
                <a:gd name="connsiteX9" fmla="*/ 10000 w 10000"/>
                <a:gd name="connsiteY9" fmla="*/ 3576 h 10027"/>
                <a:gd name="connsiteX10" fmla="*/ 9774 w 10000"/>
                <a:gd name="connsiteY10" fmla="*/ 3502 h 10027"/>
                <a:gd name="connsiteX11" fmla="*/ 9399 w 10000"/>
                <a:gd name="connsiteY11" fmla="*/ 3140 h 10027"/>
                <a:gd name="connsiteX12" fmla="*/ 9173 w 10000"/>
                <a:gd name="connsiteY12" fmla="*/ 2044 h 10027"/>
                <a:gd name="connsiteX13" fmla="*/ 9173 w 10000"/>
                <a:gd name="connsiteY13" fmla="*/ 1460 h 10027"/>
                <a:gd name="connsiteX14" fmla="*/ 9098 w 10000"/>
                <a:gd name="connsiteY14" fmla="*/ 729 h 10027"/>
                <a:gd name="connsiteX15" fmla="*/ 8873 w 10000"/>
                <a:gd name="connsiteY15" fmla="*/ 511 h 10027"/>
                <a:gd name="connsiteX16" fmla="*/ 8497 w 10000"/>
                <a:gd name="connsiteY16" fmla="*/ 219 h 10027"/>
                <a:gd name="connsiteX17" fmla="*/ 8272 w 10000"/>
                <a:gd name="connsiteY17" fmla="*/ 0 h 10027"/>
                <a:gd name="connsiteX18" fmla="*/ 7821 w 10000"/>
                <a:gd name="connsiteY18" fmla="*/ 293 h 10027"/>
                <a:gd name="connsiteX19" fmla="*/ 7370 w 10000"/>
                <a:gd name="connsiteY19" fmla="*/ 729 h 10027"/>
                <a:gd name="connsiteX20" fmla="*/ 6769 w 10000"/>
                <a:gd name="connsiteY20" fmla="*/ 729 h 10027"/>
                <a:gd name="connsiteX21" fmla="*/ 5717 w 10000"/>
                <a:gd name="connsiteY21" fmla="*/ 729 h 10027"/>
                <a:gd name="connsiteX22" fmla="*/ 5717 w 10000"/>
                <a:gd name="connsiteY22" fmla="*/ 658 h 10027"/>
                <a:gd name="connsiteX23" fmla="*/ 5643 w 10000"/>
                <a:gd name="connsiteY23" fmla="*/ 729 h 10027"/>
                <a:gd name="connsiteX24" fmla="*/ 1961 w 10000"/>
                <a:gd name="connsiteY24" fmla="*/ 729 h 10027"/>
                <a:gd name="connsiteX25" fmla="*/ 1961 w 10000"/>
                <a:gd name="connsiteY25" fmla="*/ 2263 h 10027"/>
                <a:gd name="connsiteX26" fmla="*/ 1285 w 10000"/>
                <a:gd name="connsiteY26" fmla="*/ 2263 h 10027"/>
                <a:gd name="connsiteX27" fmla="*/ 1285 w 10000"/>
                <a:gd name="connsiteY27" fmla="*/ 2556 h 10027"/>
                <a:gd name="connsiteX28" fmla="*/ 1285 w 10000"/>
                <a:gd name="connsiteY28" fmla="*/ 5179 h 10027"/>
                <a:gd name="connsiteX29" fmla="*/ 1135 w 10000"/>
                <a:gd name="connsiteY29" fmla="*/ 5327 h 10027"/>
                <a:gd name="connsiteX30" fmla="*/ 684 w 10000"/>
                <a:gd name="connsiteY30" fmla="*/ 5621 h 10027"/>
                <a:gd name="connsiteX31" fmla="*/ 609 w 10000"/>
                <a:gd name="connsiteY31" fmla="*/ 5986 h 10027"/>
                <a:gd name="connsiteX32" fmla="*/ 384 w 10000"/>
                <a:gd name="connsiteY32" fmla="*/ 6351 h 10027"/>
                <a:gd name="connsiteX33" fmla="*/ 234 w 10000"/>
                <a:gd name="connsiteY33" fmla="*/ 6935 h 10027"/>
                <a:gd name="connsiteX34" fmla="*/ 8 w 10000"/>
                <a:gd name="connsiteY34" fmla="*/ 7593 h 10027"/>
                <a:gd name="connsiteX35" fmla="*/ 384 w 10000"/>
                <a:gd name="connsiteY35" fmla="*/ 7664 h 10027"/>
                <a:gd name="connsiteX36" fmla="*/ 458 w 10000"/>
                <a:gd name="connsiteY36" fmla="*/ 8245 h 10027"/>
                <a:gd name="connsiteX37" fmla="*/ 684 w 10000"/>
                <a:gd name="connsiteY37" fmla="*/ 8831 h 10027"/>
                <a:gd name="connsiteX38" fmla="*/ 1059 w 10000"/>
                <a:gd name="connsiteY38" fmla="*/ 10000 h 10027"/>
                <a:gd name="connsiteX39" fmla="*/ 5649 w 10000"/>
                <a:gd name="connsiteY39" fmla="*/ 9068 h 10027"/>
                <a:gd name="connsiteX40" fmla="*/ 5865 w 10000"/>
                <a:gd name="connsiteY40" fmla="*/ 8712 h 10027"/>
                <a:gd name="connsiteX41" fmla="*/ 6040 w 10000"/>
                <a:gd name="connsiteY41" fmla="*/ 8368 h 10027"/>
                <a:gd name="connsiteX42" fmla="*/ 6382 w 10000"/>
                <a:gd name="connsiteY42" fmla="*/ 7982 h 10027"/>
                <a:gd name="connsiteX43" fmla="*/ 6428 w 10000"/>
                <a:gd name="connsiteY43" fmla="*/ 8181 h 10027"/>
                <a:gd name="connsiteX44" fmla="*/ 6444 w 10000"/>
                <a:gd name="connsiteY44" fmla="*/ 8428 h 10027"/>
                <a:gd name="connsiteX45" fmla="*/ 6766 w 10000"/>
                <a:gd name="connsiteY45" fmla="*/ 9268 h 10027"/>
                <a:gd name="connsiteX0" fmla="*/ 7446 w 10000"/>
                <a:gd name="connsiteY0" fmla="*/ 9488 h 10027"/>
                <a:gd name="connsiteX1" fmla="*/ 7446 w 10000"/>
                <a:gd name="connsiteY1" fmla="*/ 8978 h 10027"/>
                <a:gd name="connsiteX2" fmla="*/ 7821 w 10000"/>
                <a:gd name="connsiteY2" fmla="*/ 8978 h 10027"/>
                <a:gd name="connsiteX3" fmla="*/ 8047 w 10000"/>
                <a:gd name="connsiteY3" fmla="*/ 8029 h 10027"/>
                <a:gd name="connsiteX4" fmla="*/ 8648 w 10000"/>
                <a:gd name="connsiteY4" fmla="*/ 7444 h 10027"/>
                <a:gd name="connsiteX5" fmla="*/ 8873 w 10000"/>
                <a:gd name="connsiteY5" fmla="*/ 6351 h 10027"/>
                <a:gd name="connsiteX6" fmla="*/ 8722 w 10000"/>
                <a:gd name="connsiteY6" fmla="*/ 5768 h 10027"/>
                <a:gd name="connsiteX7" fmla="*/ 9098 w 10000"/>
                <a:gd name="connsiteY7" fmla="*/ 4525 h 10027"/>
                <a:gd name="connsiteX8" fmla="*/ 9399 w 10000"/>
                <a:gd name="connsiteY8" fmla="*/ 4160 h 10027"/>
                <a:gd name="connsiteX9" fmla="*/ 10000 w 10000"/>
                <a:gd name="connsiteY9" fmla="*/ 3576 h 10027"/>
                <a:gd name="connsiteX10" fmla="*/ 9774 w 10000"/>
                <a:gd name="connsiteY10" fmla="*/ 3502 h 10027"/>
                <a:gd name="connsiteX11" fmla="*/ 9399 w 10000"/>
                <a:gd name="connsiteY11" fmla="*/ 3140 h 10027"/>
                <a:gd name="connsiteX12" fmla="*/ 9173 w 10000"/>
                <a:gd name="connsiteY12" fmla="*/ 2044 h 10027"/>
                <a:gd name="connsiteX13" fmla="*/ 9173 w 10000"/>
                <a:gd name="connsiteY13" fmla="*/ 1460 h 10027"/>
                <a:gd name="connsiteX14" fmla="*/ 9098 w 10000"/>
                <a:gd name="connsiteY14" fmla="*/ 729 h 10027"/>
                <a:gd name="connsiteX15" fmla="*/ 8873 w 10000"/>
                <a:gd name="connsiteY15" fmla="*/ 511 h 10027"/>
                <a:gd name="connsiteX16" fmla="*/ 8497 w 10000"/>
                <a:gd name="connsiteY16" fmla="*/ 219 h 10027"/>
                <a:gd name="connsiteX17" fmla="*/ 8272 w 10000"/>
                <a:gd name="connsiteY17" fmla="*/ 0 h 10027"/>
                <a:gd name="connsiteX18" fmla="*/ 7821 w 10000"/>
                <a:gd name="connsiteY18" fmla="*/ 293 h 10027"/>
                <a:gd name="connsiteX19" fmla="*/ 7370 w 10000"/>
                <a:gd name="connsiteY19" fmla="*/ 729 h 10027"/>
                <a:gd name="connsiteX20" fmla="*/ 6769 w 10000"/>
                <a:gd name="connsiteY20" fmla="*/ 729 h 10027"/>
                <a:gd name="connsiteX21" fmla="*/ 5717 w 10000"/>
                <a:gd name="connsiteY21" fmla="*/ 729 h 10027"/>
                <a:gd name="connsiteX22" fmla="*/ 5717 w 10000"/>
                <a:gd name="connsiteY22" fmla="*/ 658 h 10027"/>
                <a:gd name="connsiteX23" fmla="*/ 5643 w 10000"/>
                <a:gd name="connsiteY23" fmla="*/ 729 h 10027"/>
                <a:gd name="connsiteX24" fmla="*/ 1961 w 10000"/>
                <a:gd name="connsiteY24" fmla="*/ 729 h 10027"/>
                <a:gd name="connsiteX25" fmla="*/ 1961 w 10000"/>
                <a:gd name="connsiteY25" fmla="*/ 2263 h 10027"/>
                <a:gd name="connsiteX26" fmla="*/ 1285 w 10000"/>
                <a:gd name="connsiteY26" fmla="*/ 2263 h 10027"/>
                <a:gd name="connsiteX27" fmla="*/ 1285 w 10000"/>
                <a:gd name="connsiteY27" fmla="*/ 2556 h 10027"/>
                <a:gd name="connsiteX28" fmla="*/ 1285 w 10000"/>
                <a:gd name="connsiteY28" fmla="*/ 5179 h 10027"/>
                <a:gd name="connsiteX29" fmla="*/ 1135 w 10000"/>
                <a:gd name="connsiteY29" fmla="*/ 5327 h 10027"/>
                <a:gd name="connsiteX30" fmla="*/ 684 w 10000"/>
                <a:gd name="connsiteY30" fmla="*/ 5621 h 10027"/>
                <a:gd name="connsiteX31" fmla="*/ 609 w 10000"/>
                <a:gd name="connsiteY31" fmla="*/ 5986 h 10027"/>
                <a:gd name="connsiteX32" fmla="*/ 384 w 10000"/>
                <a:gd name="connsiteY32" fmla="*/ 6351 h 10027"/>
                <a:gd name="connsiteX33" fmla="*/ 234 w 10000"/>
                <a:gd name="connsiteY33" fmla="*/ 6935 h 10027"/>
                <a:gd name="connsiteX34" fmla="*/ 8 w 10000"/>
                <a:gd name="connsiteY34" fmla="*/ 7593 h 10027"/>
                <a:gd name="connsiteX35" fmla="*/ 384 w 10000"/>
                <a:gd name="connsiteY35" fmla="*/ 7664 h 10027"/>
                <a:gd name="connsiteX36" fmla="*/ 458 w 10000"/>
                <a:gd name="connsiteY36" fmla="*/ 8245 h 10027"/>
                <a:gd name="connsiteX37" fmla="*/ 684 w 10000"/>
                <a:gd name="connsiteY37" fmla="*/ 8831 h 10027"/>
                <a:gd name="connsiteX38" fmla="*/ 1059 w 10000"/>
                <a:gd name="connsiteY38" fmla="*/ 10000 h 10027"/>
                <a:gd name="connsiteX39" fmla="*/ 5649 w 10000"/>
                <a:gd name="connsiteY39" fmla="*/ 9068 h 10027"/>
                <a:gd name="connsiteX40" fmla="*/ 5865 w 10000"/>
                <a:gd name="connsiteY40" fmla="*/ 8712 h 10027"/>
                <a:gd name="connsiteX41" fmla="*/ 6040 w 10000"/>
                <a:gd name="connsiteY41" fmla="*/ 8368 h 10027"/>
                <a:gd name="connsiteX42" fmla="*/ 6382 w 10000"/>
                <a:gd name="connsiteY42" fmla="*/ 7982 h 10027"/>
                <a:gd name="connsiteX43" fmla="*/ 6428 w 10000"/>
                <a:gd name="connsiteY43" fmla="*/ 8181 h 10027"/>
                <a:gd name="connsiteX44" fmla="*/ 6444 w 10000"/>
                <a:gd name="connsiteY44" fmla="*/ 8428 h 10027"/>
                <a:gd name="connsiteX45" fmla="*/ 6766 w 10000"/>
                <a:gd name="connsiteY45" fmla="*/ 9268 h 10027"/>
                <a:gd name="connsiteX0" fmla="*/ 7446 w 10000"/>
                <a:gd name="connsiteY0" fmla="*/ 9488 h 10025"/>
                <a:gd name="connsiteX1" fmla="*/ 7446 w 10000"/>
                <a:gd name="connsiteY1" fmla="*/ 8978 h 10025"/>
                <a:gd name="connsiteX2" fmla="*/ 7821 w 10000"/>
                <a:gd name="connsiteY2" fmla="*/ 8978 h 10025"/>
                <a:gd name="connsiteX3" fmla="*/ 8047 w 10000"/>
                <a:gd name="connsiteY3" fmla="*/ 8029 h 10025"/>
                <a:gd name="connsiteX4" fmla="*/ 8648 w 10000"/>
                <a:gd name="connsiteY4" fmla="*/ 7444 h 10025"/>
                <a:gd name="connsiteX5" fmla="*/ 8873 w 10000"/>
                <a:gd name="connsiteY5" fmla="*/ 6351 h 10025"/>
                <a:gd name="connsiteX6" fmla="*/ 8722 w 10000"/>
                <a:gd name="connsiteY6" fmla="*/ 5768 h 10025"/>
                <a:gd name="connsiteX7" fmla="*/ 9098 w 10000"/>
                <a:gd name="connsiteY7" fmla="*/ 4525 h 10025"/>
                <a:gd name="connsiteX8" fmla="*/ 9399 w 10000"/>
                <a:gd name="connsiteY8" fmla="*/ 4160 h 10025"/>
                <a:gd name="connsiteX9" fmla="*/ 10000 w 10000"/>
                <a:gd name="connsiteY9" fmla="*/ 3576 h 10025"/>
                <a:gd name="connsiteX10" fmla="*/ 9774 w 10000"/>
                <a:gd name="connsiteY10" fmla="*/ 3502 h 10025"/>
                <a:gd name="connsiteX11" fmla="*/ 9399 w 10000"/>
                <a:gd name="connsiteY11" fmla="*/ 3140 h 10025"/>
                <a:gd name="connsiteX12" fmla="*/ 9173 w 10000"/>
                <a:gd name="connsiteY12" fmla="*/ 2044 h 10025"/>
                <a:gd name="connsiteX13" fmla="*/ 9173 w 10000"/>
                <a:gd name="connsiteY13" fmla="*/ 1460 h 10025"/>
                <a:gd name="connsiteX14" fmla="*/ 9098 w 10000"/>
                <a:gd name="connsiteY14" fmla="*/ 729 h 10025"/>
                <a:gd name="connsiteX15" fmla="*/ 8873 w 10000"/>
                <a:gd name="connsiteY15" fmla="*/ 511 h 10025"/>
                <a:gd name="connsiteX16" fmla="*/ 8497 w 10000"/>
                <a:gd name="connsiteY16" fmla="*/ 219 h 10025"/>
                <a:gd name="connsiteX17" fmla="*/ 8272 w 10000"/>
                <a:gd name="connsiteY17" fmla="*/ 0 h 10025"/>
                <a:gd name="connsiteX18" fmla="*/ 7821 w 10000"/>
                <a:gd name="connsiteY18" fmla="*/ 293 h 10025"/>
                <a:gd name="connsiteX19" fmla="*/ 7370 w 10000"/>
                <a:gd name="connsiteY19" fmla="*/ 729 h 10025"/>
                <a:gd name="connsiteX20" fmla="*/ 6769 w 10000"/>
                <a:gd name="connsiteY20" fmla="*/ 729 h 10025"/>
                <a:gd name="connsiteX21" fmla="*/ 5717 w 10000"/>
                <a:gd name="connsiteY21" fmla="*/ 729 h 10025"/>
                <a:gd name="connsiteX22" fmla="*/ 5717 w 10000"/>
                <a:gd name="connsiteY22" fmla="*/ 658 h 10025"/>
                <a:gd name="connsiteX23" fmla="*/ 5643 w 10000"/>
                <a:gd name="connsiteY23" fmla="*/ 729 h 10025"/>
                <a:gd name="connsiteX24" fmla="*/ 1961 w 10000"/>
                <a:gd name="connsiteY24" fmla="*/ 729 h 10025"/>
                <a:gd name="connsiteX25" fmla="*/ 1961 w 10000"/>
                <a:gd name="connsiteY25" fmla="*/ 2263 h 10025"/>
                <a:gd name="connsiteX26" fmla="*/ 1285 w 10000"/>
                <a:gd name="connsiteY26" fmla="*/ 2263 h 10025"/>
                <a:gd name="connsiteX27" fmla="*/ 1285 w 10000"/>
                <a:gd name="connsiteY27" fmla="*/ 2556 h 10025"/>
                <a:gd name="connsiteX28" fmla="*/ 1285 w 10000"/>
                <a:gd name="connsiteY28" fmla="*/ 5179 h 10025"/>
                <a:gd name="connsiteX29" fmla="*/ 1135 w 10000"/>
                <a:gd name="connsiteY29" fmla="*/ 5327 h 10025"/>
                <a:gd name="connsiteX30" fmla="*/ 684 w 10000"/>
                <a:gd name="connsiteY30" fmla="*/ 5621 h 10025"/>
                <a:gd name="connsiteX31" fmla="*/ 609 w 10000"/>
                <a:gd name="connsiteY31" fmla="*/ 5986 h 10025"/>
                <a:gd name="connsiteX32" fmla="*/ 384 w 10000"/>
                <a:gd name="connsiteY32" fmla="*/ 6351 h 10025"/>
                <a:gd name="connsiteX33" fmla="*/ 234 w 10000"/>
                <a:gd name="connsiteY33" fmla="*/ 6935 h 10025"/>
                <a:gd name="connsiteX34" fmla="*/ 8 w 10000"/>
                <a:gd name="connsiteY34" fmla="*/ 7593 h 10025"/>
                <a:gd name="connsiteX35" fmla="*/ 384 w 10000"/>
                <a:gd name="connsiteY35" fmla="*/ 7664 h 10025"/>
                <a:gd name="connsiteX36" fmla="*/ 458 w 10000"/>
                <a:gd name="connsiteY36" fmla="*/ 8245 h 10025"/>
                <a:gd name="connsiteX37" fmla="*/ 684 w 10000"/>
                <a:gd name="connsiteY37" fmla="*/ 8831 h 10025"/>
                <a:gd name="connsiteX38" fmla="*/ 1059 w 10000"/>
                <a:gd name="connsiteY38" fmla="*/ 10000 h 10025"/>
                <a:gd name="connsiteX39" fmla="*/ 5428 w 10000"/>
                <a:gd name="connsiteY39" fmla="*/ 8984 h 10025"/>
                <a:gd name="connsiteX40" fmla="*/ 5865 w 10000"/>
                <a:gd name="connsiteY40" fmla="*/ 8712 h 10025"/>
                <a:gd name="connsiteX41" fmla="*/ 6040 w 10000"/>
                <a:gd name="connsiteY41" fmla="*/ 8368 h 10025"/>
                <a:gd name="connsiteX42" fmla="*/ 6382 w 10000"/>
                <a:gd name="connsiteY42" fmla="*/ 7982 h 10025"/>
                <a:gd name="connsiteX43" fmla="*/ 6428 w 10000"/>
                <a:gd name="connsiteY43" fmla="*/ 8181 h 10025"/>
                <a:gd name="connsiteX44" fmla="*/ 6444 w 10000"/>
                <a:gd name="connsiteY44" fmla="*/ 8428 h 10025"/>
                <a:gd name="connsiteX45" fmla="*/ 6766 w 10000"/>
                <a:gd name="connsiteY45" fmla="*/ 9268 h 10025"/>
                <a:gd name="connsiteX0" fmla="*/ 7446 w 10000"/>
                <a:gd name="connsiteY0" fmla="*/ 9488 h 10025"/>
                <a:gd name="connsiteX1" fmla="*/ 7446 w 10000"/>
                <a:gd name="connsiteY1" fmla="*/ 8978 h 10025"/>
                <a:gd name="connsiteX2" fmla="*/ 7821 w 10000"/>
                <a:gd name="connsiteY2" fmla="*/ 8978 h 10025"/>
                <a:gd name="connsiteX3" fmla="*/ 8047 w 10000"/>
                <a:gd name="connsiteY3" fmla="*/ 8029 h 10025"/>
                <a:gd name="connsiteX4" fmla="*/ 8648 w 10000"/>
                <a:gd name="connsiteY4" fmla="*/ 7444 h 10025"/>
                <a:gd name="connsiteX5" fmla="*/ 8873 w 10000"/>
                <a:gd name="connsiteY5" fmla="*/ 6351 h 10025"/>
                <a:gd name="connsiteX6" fmla="*/ 8722 w 10000"/>
                <a:gd name="connsiteY6" fmla="*/ 5768 h 10025"/>
                <a:gd name="connsiteX7" fmla="*/ 9098 w 10000"/>
                <a:gd name="connsiteY7" fmla="*/ 4525 h 10025"/>
                <a:gd name="connsiteX8" fmla="*/ 9399 w 10000"/>
                <a:gd name="connsiteY8" fmla="*/ 4160 h 10025"/>
                <a:gd name="connsiteX9" fmla="*/ 10000 w 10000"/>
                <a:gd name="connsiteY9" fmla="*/ 3576 h 10025"/>
                <a:gd name="connsiteX10" fmla="*/ 9774 w 10000"/>
                <a:gd name="connsiteY10" fmla="*/ 3502 h 10025"/>
                <a:gd name="connsiteX11" fmla="*/ 9399 w 10000"/>
                <a:gd name="connsiteY11" fmla="*/ 3140 h 10025"/>
                <a:gd name="connsiteX12" fmla="*/ 9173 w 10000"/>
                <a:gd name="connsiteY12" fmla="*/ 2044 h 10025"/>
                <a:gd name="connsiteX13" fmla="*/ 9173 w 10000"/>
                <a:gd name="connsiteY13" fmla="*/ 1460 h 10025"/>
                <a:gd name="connsiteX14" fmla="*/ 9098 w 10000"/>
                <a:gd name="connsiteY14" fmla="*/ 729 h 10025"/>
                <a:gd name="connsiteX15" fmla="*/ 8873 w 10000"/>
                <a:gd name="connsiteY15" fmla="*/ 511 h 10025"/>
                <a:gd name="connsiteX16" fmla="*/ 8497 w 10000"/>
                <a:gd name="connsiteY16" fmla="*/ 219 h 10025"/>
                <a:gd name="connsiteX17" fmla="*/ 8272 w 10000"/>
                <a:gd name="connsiteY17" fmla="*/ 0 h 10025"/>
                <a:gd name="connsiteX18" fmla="*/ 7821 w 10000"/>
                <a:gd name="connsiteY18" fmla="*/ 293 h 10025"/>
                <a:gd name="connsiteX19" fmla="*/ 7370 w 10000"/>
                <a:gd name="connsiteY19" fmla="*/ 729 h 10025"/>
                <a:gd name="connsiteX20" fmla="*/ 6769 w 10000"/>
                <a:gd name="connsiteY20" fmla="*/ 729 h 10025"/>
                <a:gd name="connsiteX21" fmla="*/ 5717 w 10000"/>
                <a:gd name="connsiteY21" fmla="*/ 729 h 10025"/>
                <a:gd name="connsiteX22" fmla="*/ 5717 w 10000"/>
                <a:gd name="connsiteY22" fmla="*/ 658 h 10025"/>
                <a:gd name="connsiteX23" fmla="*/ 5643 w 10000"/>
                <a:gd name="connsiteY23" fmla="*/ 729 h 10025"/>
                <a:gd name="connsiteX24" fmla="*/ 1961 w 10000"/>
                <a:gd name="connsiteY24" fmla="*/ 729 h 10025"/>
                <a:gd name="connsiteX25" fmla="*/ 1961 w 10000"/>
                <a:gd name="connsiteY25" fmla="*/ 2263 h 10025"/>
                <a:gd name="connsiteX26" fmla="*/ 1285 w 10000"/>
                <a:gd name="connsiteY26" fmla="*/ 2263 h 10025"/>
                <a:gd name="connsiteX27" fmla="*/ 1285 w 10000"/>
                <a:gd name="connsiteY27" fmla="*/ 2556 h 10025"/>
                <a:gd name="connsiteX28" fmla="*/ 1285 w 10000"/>
                <a:gd name="connsiteY28" fmla="*/ 5179 h 10025"/>
                <a:gd name="connsiteX29" fmla="*/ 1135 w 10000"/>
                <a:gd name="connsiteY29" fmla="*/ 5327 h 10025"/>
                <a:gd name="connsiteX30" fmla="*/ 684 w 10000"/>
                <a:gd name="connsiteY30" fmla="*/ 5621 h 10025"/>
                <a:gd name="connsiteX31" fmla="*/ 609 w 10000"/>
                <a:gd name="connsiteY31" fmla="*/ 5986 h 10025"/>
                <a:gd name="connsiteX32" fmla="*/ 384 w 10000"/>
                <a:gd name="connsiteY32" fmla="*/ 6351 h 10025"/>
                <a:gd name="connsiteX33" fmla="*/ 234 w 10000"/>
                <a:gd name="connsiteY33" fmla="*/ 6935 h 10025"/>
                <a:gd name="connsiteX34" fmla="*/ 8 w 10000"/>
                <a:gd name="connsiteY34" fmla="*/ 7593 h 10025"/>
                <a:gd name="connsiteX35" fmla="*/ 384 w 10000"/>
                <a:gd name="connsiteY35" fmla="*/ 7664 h 10025"/>
                <a:gd name="connsiteX36" fmla="*/ 458 w 10000"/>
                <a:gd name="connsiteY36" fmla="*/ 8245 h 10025"/>
                <a:gd name="connsiteX37" fmla="*/ 684 w 10000"/>
                <a:gd name="connsiteY37" fmla="*/ 8831 h 10025"/>
                <a:gd name="connsiteX38" fmla="*/ 1059 w 10000"/>
                <a:gd name="connsiteY38" fmla="*/ 10000 h 10025"/>
                <a:gd name="connsiteX39" fmla="*/ 5428 w 10000"/>
                <a:gd name="connsiteY39" fmla="*/ 8984 h 10025"/>
                <a:gd name="connsiteX40" fmla="*/ 5865 w 10000"/>
                <a:gd name="connsiteY40" fmla="*/ 8712 h 10025"/>
                <a:gd name="connsiteX41" fmla="*/ 6040 w 10000"/>
                <a:gd name="connsiteY41" fmla="*/ 8368 h 10025"/>
                <a:gd name="connsiteX42" fmla="*/ 6382 w 10000"/>
                <a:gd name="connsiteY42" fmla="*/ 7982 h 10025"/>
                <a:gd name="connsiteX43" fmla="*/ 6428 w 10000"/>
                <a:gd name="connsiteY43" fmla="*/ 8181 h 10025"/>
                <a:gd name="connsiteX44" fmla="*/ 6444 w 10000"/>
                <a:gd name="connsiteY44" fmla="*/ 8428 h 10025"/>
                <a:gd name="connsiteX45" fmla="*/ 6766 w 10000"/>
                <a:gd name="connsiteY45" fmla="*/ 9268 h 10025"/>
                <a:gd name="connsiteX0" fmla="*/ 7446 w 10000"/>
                <a:gd name="connsiteY0" fmla="*/ 9488 h 10025"/>
                <a:gd name="connsiteX1" fmla="*/ 7446 w 10000"/>
                <a:gd name="connsiteY1" fmla="*/ 8978 h 10025"/>
                <a:gd name="connsiteX2" fmla="*/ 7821 w 10000"/>
                <a:gd name="connsiteY2" fmla="*/ 8978 h 10025"/>
                <a:gd name="connsiteX3" fmla="*/ 8047 w 10000"/>
                <a:gd name="connsiteY3" fmla="*/ 8029 h 10025"/>
                <a:gd name="connsiteX4" fmla="*/ 8648 w 10000"/>
                <a:gd name="connsiteY4" fmla="*/ 7444 h 10025"/>
                <a:gd name="connsiteX5" fmla="*/ 8873 w 10000"/>
                <a:gd name="connsiteY5" fmla="*/ 6351 h 10025"/>
                <a:gd name="connsiteX6" fmla="*/ 8722 w 10000"/>
                <a:gd name="connsiteY6" fmla="*/ 5768 h 10025"/>
                <a:gd name="connsiteX7" fmla="*/ 9098 w 10000"/>
                <a:gd name="connsiteY7" fmla="*/ 4525 h 10025"/>
                <a:gd name="connsiteX8" fmla="*/ 9399 w 10000"/>
                <a:gd name="connsiteY8" fmla="*/ 4160 h 10025"/>
                <a:gd name="connsiteX9" fmla="*/ 10000 w 10000"/>
                <a:gd name="connsiteY9" fmla="*/ 3576 h 10025"/>
                <a:gd name="connsiteX10" fmla="*/ 9774 w 10000"/>
                <a:gd name="connsiteY10" fmla="*/ 3502 h 10025"/>
                <a:gd name="connsiteX11" fmla="*/ 9399 w 10000"/>
                <a:gd name="connsiteY11" fmla="*/ 3140 h 10025"/>
                <a:gd name="connsiteX12" fmla="*/ 9173 w 10000"/>
                <a:gd name="connsiteY12" fmla="*/ 2044 h 10025"/>
                <a:gd name="connsiteX13" fmla="*/ 9173 w 10000"/>
                <a:gd name="connsiteY13" fmla="*/ 1460 h 10025"/>
                <a:gd name="connsiteX14" fmla="*/ 9098 w 10000"/>
                <a:gd name="connsiteY14" fmla="*/ 729 h 10025"/>
                <a:gd name="connsiteX15" fmla="*/ 8873 w 10000"/>
                <a:gd name="connsiteY15" fmla="*/ 511 h 10025"/>
                <a:gd name="connsiteX16" fmla="*/ 8497 w 10000"/>
                <a:gd name="connsiteY16" fmla="*/ 219 h 10025"/>
                <a:gd name="connsiteX17" fmla="*/ 8272 w 10000"/>
                <a:gd name="connsiteY17" fmla="*/ 0 h 10025"/>
                <a:gd name="connsiteX18" fmla="*/ 7821 w 10000"/>
                <a:gd name="connsiteY18" fmla="*/ 293 h 10025"/>
                <a:gd name="connsiteX19" fmla="*/ 7370 w 10000"/>
                <a:gd name="connsiteY19" fmla="*/ 729 h 10025"/>
                <a:gd name="connsiteX20" fmla="*/ 6769 w 10000"/>
                <a:gd name="connsiteY20" fmla="*/ 729 h 10025"/>
                <a:gd name="connsiteX21" fmla="*/ 5717 w 10000"/>
                <a:gd name="connsiteY21" fmla="*/ 729 h 10025"/>
                <a:gd name="connsiteX22" fmla="*/ 5717 w 10000"/>
                <a:gd name="connsiteY22" fmla="*/ 658 h 10025"/>
                <a:gd name="connsiteX23" fmla="*/ 5643 w 10000"/>
                <a:gd name="connsiteY23" fmla="*/ 729 h 10025"/>
                <a:gd name="connsiteX24" fmla="*/ 1961 w 10000"/>
                <a:gd name="connsiteY24" fmla="*/ 729 h 10025"/>
                <a:gd name="connsiteX25" fmla="*/ 1961 w 10000"/>
                <a:gd name="connsiteY25" fmla="*/ 2263 h 10025"/>
                <a:gd name="connsiteX26" fmla="*/ 1285 w 10000"/>
                <a:gd name="connsiteY26" fmla="*/ 2263 h 10025"/>
                <a:gd name="connsiteX27" fmla="*/ 1285 w 10000"/>
                <a:gd name="connsiteY27" fmla="*/ 2556 h 10025"/>
                <a:gd name="connsiteX28" fmla="*/ 1285 w 10000"/>
                <a:gd name="connsiteY28" fmla="*/ 5179 h 10025"/>
                <a:gd name="connsiteX29" fmla="*/ 1135 w 10000"/>
                <a:gd name="connsiteY29" fmla="*/ 5327 h 10025"/>
                <a:gd name="connsiteX30" fmla="*/ 684 w 10000"/>
                <a:gd name="connsiteY30" fmla="*/ 5621 h 10025"/>
                <a:gd name="connsiteX31" fmla="*/ 609 w 10000"/>
                <a:gd name="connsiteY31" fmla="*/ 5986 h 10025"/>
                <a:gd name="connsiteX32" fmla="*/ 384 w 10000"/>
                <a:gd name="connsiteY32" fmla="*/ 6351 h 10025"/>
                <a:gd name="connsiteX33" fmla="*/ 234 w 10000"/>
                <a:gd name="connsiteY33" fmla="*/ 6935 h 10025"/>
                <a:gd name="connsiteX34" fmla="*/ 8 w 10000"/>
                <a:gd name="connsiteY34" fmla="*/ 7593 h 10025"/>
                <a:gd name="connsiteX35" fmla="*/ 384 w 10000"/>
                <a:gd name="connsiteY35" fmla="*/ 7664 h 10025"/>
                <a:gd name="connsiteX36" fmla="*/ 458 w 10000"/>
                <a:gd name="connsiteY36" fmla="*/ 8245 h 10025"/>
                <a:gd name="connsiteX37" fmla="*/ 684 w 10000"/>
                <a:gd name="connsiteY37" fmla="*/ 8831 h 10025"/>
                <a:gd name="connsiteX38" fmla="*/ 1059 w 10000"/>
                <a:gd name="connsiteY38" fmla="*/ 10000 h 10025"/>
                <a:gd name="connsiteX39" fmla="*/ 5428 w 10000"/>
                <a:gd name="connsiteY39" fmla="*/ 8984 h 10025"/>
                <a:gd name="connsiteX40" fmla="*/ 5884 w 10000"/>
                <a:gd name="connsiteY40" fmla="*/ 8740 h 10025"/>
                <a:gd name="connsiteX41" fmla="*/ 6040 w 10000"/>
                <a:gd name="connsiteY41" fmla="*/ 8368 h 10025"/>
                <a:gd name="connsiteX42" fmla="*/ 6382 w 10000"/>
                <a:gd name="connsiteY42" fmla="*/ 7982 h 10025"/>
                <a:gd name="connsiteX43" fmla="*/ 6428 w 10000"/>
                <a:gd name="connsiteY43" fmla="*/ 8181 h 10025"/>
                <a:gd name="connsiteX44" fmla="*/ 6444 w 10000"/>
                <a:gd name="connsiteY44" fmla="*/ 8428 h 10025"/>
                <a:gd name="connsiteX45" fmla="*/ 6766 w 10000"/>
                <a:gd name="connsiteY45" fmla="*/ 9268 h 10025"/>
                <a:gd name="connsiteX0" fmla="*/ 7446 w 10000"/>
                <a:gd name="connsiteY0" fmla="*/ 9488 h 10025"/>
                <a:gd name="connsiteX1" fmla="*/ 7446 w 10000"/>
                <a:gd name="connsiteY1" fmla="*/ 8978 h 10025"/>
                <a:gd name="connsiteX2" fmla="*/ 7821 w 10000"/>
                <a:gd name="connsiteY2" fmla="*/ 8978 h 10025"/>
                <a:gd name="connsiteX3" fmla="*/ 8047 w 10000"/>
                <a:gd name="connsiteY3" fmla="*/ 8029 h 10025"/>
                <a:gd name="connsiteX4" fmla="*/ 8648 w 10000"/>
                <a:gd name="connsiteY4" fmla="*/ 7444 h 10025"/>
                <a:gd name="connsiteX5" fmla="*/ 8873 w 10000"/>
                <a:gd name="connsiteY5" fmla="*/ 6351 h 10025"/>
                <a:gd name="connsiteX6" fmla="*/ 8722 w 10000"/>
                <a:gd name="connsiteY6" fmla="*/ 5768 h 10025"/>
                <a:gd name="connsiteX7" fmla="*/ 9098 w 10000"/>
                <a:gd name="connsiteY7" fmla="*/ 4525 h 10025"/>
                <a:gd name="connsiteX8" fmla="*/ 9399 w 10000"/>
                <a:gd name="connsiteY8" fmla="*/ 4160 h 10025"/>
                <a:gd name="connsiteX9" fmla="*/ 10000 w 10000"/>
                <a:gd name="connsiteY9" fmla="*/ 3576 h 10025"/>
                <a:gd name="connsiteX10" fmla="*/ 9774 w 10000"/>
                <a:gd name="connsiteY10" fmla="*/ 3502 h 10025"/>
                <a:gd name="connsiteX11" fmla="*/ 9399 w 10000"/>
                <a:gd name="connsiteY11" fmla="*/ 3140 h 10025"/>
                <a:gd name="connsiteX12" fmla="*/ 9173 w 10000"/>
                <a:gd name="connsiteY12" fmla="*/ 2044 h 10025"/>
                <a:gd name="connsiteX13" fmla="*/ 9173 w 10000"/>
                <a:gd name="connsiteY13" fmla="*/ 1460 h 10025"/>
                <a:gd name="connsiteX14" fmla="*/ 9098 w 10000"/>
                <a:gd name="connsiteY14" fmla="*/ 729 h 10025"/>
                <a:gd name="connsiteX15" fmla="*/ 8873 w 10000"/>
                <a:gd name="connsiteY15" fmla="*/ 511 h 10025"/>
                <a:gd name="connsiteX16" fmla="*/ 8497 w 10000"/>
                <a:gd name="connsiteY16" fmla="*/ 219 h 10025"/>
                <a:gd name="connsiteX17" fmla="*/ 8272 w 10000"/>
                <a:gd name="connsiteY17" fmla="*/ 0 h 10025"/>
                <a:gd name="connsiteX18" fmla="*/ 7821 w 10000"/>
                <a:gd name="connsiteY18" fmla="*/ 293 h 10025"/>
                <a:gd name="connsiteX19" fmla="*/ 7370 w 10000"/>
                <a:gd name="connsiteY19" fmla="*/ 729 h 10025"/>
                <a:gd name="connsiteX20" fmla="*/ 6769 w 10000"/>
                <a:gd name="connsiteY20" fmla="*/ 729 h 10025"/>
                <a:gd name="connsiteX21" fmla="*/ 5717 w 10000"/>
                <a:gd name="connsiteY21" fmla="*/ 729 h 10025"/>
                <a:gd name="connsiteX22" fmla="*/ 5717 w 10000"/>
                <a:gd name="connsiteY22" fmla="*/ 658 h 10025"/>
                <a:gd name="connsiteX23" fmla="*/ 5643 w 10000"/>
                <a:gd name="connsiteY23" fmla="*/ 729 h 10025"/>
                <a:gd name="connsiteX24" fmla="*/ 1961 w 10000"/>
                <a:gd name="connsiteY24" fmla="*/ 729 h 10025"/>
                <a:gd name="connsiteX25" fmla="*/ 1961 w 10000"/>
                <a:gd name="connsiteY25" fmla="*/ 2263 h 10025"/>
                <a:gd name="connsiteX26" fmla="*/ 1285 w 10000"/>
                <a:gd name="connsiteY26" fmla="*/ 2263 h 10025"/>
                <a:gd name="connsiteX27" fmla="*/ 1285 w 10000"/>
                <a:gd name="connsiteY27" fmla="*/ 2556 h 10025"/>
                <a:gd name="connsiteX28" fmla="*/ 1285 w 10000"/>
                <a:gd name="connsiteY28" fmla="*/ 5179 h 10025"/>
                <a:gd name="connsiteX29" fmla="*/ 1135 w 10000"/>
                <a:gd name="connsiteY29" fmla="*/ 5327 h 10025"/>
                <a:gd name="connsiteX30" fmla="*/ 684 w 10000"/>
                <a:gd name="connsiteY30" fmla="*/ 5621 h 10025"/>
                <a:gd name="connsiteX31" fmla="*/ 609 w 10000"/>
                <a:gd name="connsiteY31" fmla="*/ 5986 h 10025"/>
                <a:gd name="connsiteX32" fmla="*/ 384 w 10000"/>
                <a:gd name="connsiteY32" fmla="*/ 6351 h 10025"/>
                <a:gd name="connsiteX33" fmla="*/ 234 w 10000"/>
                <a:gd name="connsiteY33" fmla="*/ 6935 h 10025"/>
                <a:gd name="connsiteX34" fmla="*/ 8 w 10000"/>
                <a:gd name="connsiteY34" fmla="*/ 7593 h 10025"/>
                <a:gd name="connsiteX35" fmla="*/ 384 w 10000"/>
                <a:gd name="connsiteY35" fmla="*/ 7664 h 10025"/>
                <a:gd name="connsiteX36" fmla="*/ 458 w 10000"/>
                <a:gd name="connsiteY36" fmla="*/ 8245 h 10025"/>
                <a:gd name="connsiteX37" fmla="*/ 684 w 10000"/>
                <a:gd name="connsiteY37" fmla="*/ 8831 h 10025"/>
                <a:gd name="connsiteX38" fmla="*/ 1059 w 10000"/>
                <a:gd name="connsiteY38" fmla="*/ 10000 h 10025"/>
                <a:gd name="connsiteX39" fmla="*/ 5428 w 10000"/>
                <a:gd name="connsiteY39" fmla="*/ 8984 h 10025"/>
                <a:gd name="connsiteX40" fmla="*/ 5884 w 10000"/>
                <a:gd name="connsiteY40" fmla="*/ 8740 h 10025"/>
                <a:gd name="connsiteX41" fmla="*/ 6040 w 10000"/>
                <a:gd name="connsiteY41" fmla="*/ 8368 h 10025"/>
                <a:gd name="connsiteX42" fmla="*/ 6382 w 10000"/>
                <a:gd name="connsiteY42" fmla="*/ 7982 h 10025"/>
                <a:gd name="connsiteX43" fmla="*/ 6428 w 10000"/>
                <a:gd name="connsiteY43" fmla="*/ 8181 h 10025"/>
                <a:gd name="connsiteX44" fmla="*/ 6444 w 10000"/>
                <a:gd name="connsiteY44" fmla="*/ 8428 h 10025"/>
                <a:gd name="connsiteX45" fmla="*/ 6766 w 10000"/>
                <a:gd name="connsiteY45" fmla="*/ 9268 h 10025"/>
                <a:gd name="connsiteX0" fmla="*/ 7446 w 10000"/>
                <a:gd name="connsiteY0" fmla="*/ 9488 h 10025"/>
                <a:gd name="connsiteX1" fmla="*/ 7446 w 10000"/>
                <a:gd name="connsiteY1" fmla="*/ 8978 h 10025"/>
                <a:gd name="connsiteX2" fmla="*/ 7821 w 10000"/>
                <a:gd name="connsiteY2" fmla="*/ 8978 h 10025"/>
                <a:gd name="connsiteX3" fmla="*/ 8047 w 10000"/>
                <a:gd name="connsiteY3" fmla="*/ 8029 h 10025"/>
                <a:gd name="connsiteX4" fmla="*/ 8648 w 10000"/>
                <a:gd name="connsiteY4" fmla="*/ 7444 h 10025"/>
                <a:gd name="connsiteX5" fmla="*/ 8873 w 10000"/>
                <a:gd name="connsiteY5" fmla="*/ 6351 h 10025"/>
                <a:gd name="connsiteX6" fmla="*/ 8722 w 10000"/>
                <a:gd name="connsiteY6" fmla="*/ 5768 h 10025"/>
                <a:gd name="connsiteX7" fmla="*/ 9098 w 10000"/>
                <a:gd name="connsiteY7" fmla="*/ 4525 h 10025"/>
                <a:gd name="connsiteX8" fmla="*/ 9399 w 10000"/>
                <a:gd name="connsiteY8" fmla="*/ 4160 h 10025"/>
                <a:gd name="connsiteX9" fmla="*/ 10000 w 10000"/>
                <a:gd name="connsiteY9" fmla="*/ 3576 h 10025"/>
                <a:gd name="connsiteX10" fmla="*/ 9774 w 10000"/>
                <a:gd name="connsiteY10" fmla="*/ 3502 h 10025"/>
                <a:gd name="connsiteX11" fmla="*/ 9399 w 10000"/>
                <a:gd name="connsiteY11" fmla="*/ 3140 h 10025"/>
                <a:gd name="connsiteX12" fmla="*/ 9173 w 10000"/>
                <a:gd name="connsiteY12" fmla="*/ 2044 h 10025"/>
                <a:gd name="connsiteX13" fmla="*/ 9173 w 10000"/>
                <a:gd name="connsiteY13" fmla="*/ 1460 h 10025"/>
                <a:gd name="connsiteX14" fmla="*/ 9098 w 10000"/>
                <a:gd name="connsiteY14" fmla="*/ 729 h 10025"/>
                <a:gd name="connsiteX15" fmla="*/ 8873 w 10000"/>
                <a:gd name="connsiteY15" fmla="*/ 511 h 10025"/>
                <a:gd name="connsiteX16" fmla="*/ 8497 w 10000"/>
                <a:gd name="connsiteY16" fmla="*/ 219 h 10025"/>
                <a:gd name="connsiteX17" fmla="*/ 8272 w 10000"/>
                <a:gd name="connsiteY17" fmla="*/ 0 h 10025"/>
                <a:gd name="connsiteX18" fmla="*/ 7821 w 10000"/>
                <a:gd name="connsiteY18" fmla="*/ 293 h 10025"/>
                <a:gd name="connsiteX19" fmla="*/ 7370 w 10000"/>
                <a:gd name="connsiteY19" fmla="*/ 729 h 10025"/>
                <a:gd name="connsiteX20" fmla="*/ 6769 w 10000"/>
                <a:gd name="connsiteY20" fmla="*/ 729 h 10025"/>
                <a:gd name="connsiteX21" fmla="*/ 5717 w 10000"/>
                <a:gd name="connsiteY21" fmla="*/ 729 h 10025"/>
                <a:gd name="connsiteX22" fmla="*/ 5717 w 10000"/>
                <a:gd name="connsiteY22" fmla="*/ 658 h 10025"/>
                <a:gd name="connsiteX23" fmla="*/ 5643 w 10000"/>
                <a:gd name="connsiteY23" fmla="*/ 729 h 10025"/>
                <a:gd name="connsiteX24" fmla="*/ 1961 w 10000"/>
                <a:gd name="connsiteY24" fmla="*/ 729 h 10025"/>
                <a:gd name="connsiteX25" fmla="*/ 1961 w 10000"/>
                <a:gd name="connsiteY25" fmla="*/ 2263 h 10025"/>
                <a:gd name="connsiteX26" fmla="*/ 1285 w 10000"/>
                <a:gd name="connsiteY26" fmla="*/ 2263 h 10025"/>
                <a:gd name="connsiteX27" fmla="*/ 1285 w 10000"/>
                <a:gd name="connsiteY27" fmla="*/ 2556 h 10025"/>
                <a:gd name="connsiteX28" fmla="*/ 1285 w 10000"/>
                <a:gd name="connsiteY28" fmla="*/ 5179 h 10025"/>
                <a:gd name="connsiteX29" fmla="*/ 1135 w 10000"/>
                <a:gd name="connsiteY29" fmla="*/ 5327 h 10025"/>
                <a:gd name="connsiteX30" fmla="*/ 684 w 10000"/>
                <a:gd name="connsiteY30" fmla="*/ 5621 h 10025"/>
                <a:gd name="connsiteX31" fmla="*/ 609 w 10000"/>
                <a:gd name="connsiteY31" fmla="*/ 5986 h 10025"/>
                <a:gd name="connsiteX32" fmla="*/ 384 w 10000"/>
                <a:gd name="connsiteY32" fmla="*/ 6351 h 10025"/>
                <a:gd name="connsiteX33" fmla="*/ 234 w 10000"/>
                <a:gd name="connsiteY33" fmla="*/ 6935 h 10025"/>
                <a:gd name="connsiteX34" fmla="*/ 8 w 10000"/>
                <a:gd name="connsiteY34" fmla="*/ 7593 h 10025"/>
                <a:gd name="connsiteX35" fmla="*/ 384 w 10000"/>
                <a:gd name="connsiteY35" fmla="*/ 7664 h 10025"/>
                <a:gd name="connsiteX36" fmla="*/ 458 w 10000"/>
                <a:gd name="connsiteY36" fmla="*/ 8245 h 10025"/>
                <a:gd name="connsiteX37" fmla="*/ 684 w 10000"/>
                <a:gd name="connsiteY37" fmla="*/ 8831 h 10025"/>
                <a:gd name="connsiteX38" fmla="*/ 1059 w 10000"/>
                <a:gd name="connsiteY38" fmla="*/ 10000 h 10025"/>
                <a:gd name="connsiteX39" fmla="*/ 5428 w 10000"/>
                <a:gd name="connsiteY39" fmla="*/ 8984 h 10025"/>
                <a:gd name="connsiteX40" fmla="*/ 5884 w 10000"/>
                <a:gd name="connsiteY40" fmla="*/ 8740 h 10025"/>
                <a:gd name="connsiteX41" fmla="*/ 6040 w 10000"/>
                <a:gd name="connsiteY41" fmla="*/ 8368 h 10025"/>
                <a:gd name="connsiteX42" fmla="*/ 6382 w 10000"/>
                <a:gd name="connsiteY42" fmla="*/ 7982 h 10025"/>
                <a:gd name="connsiteX43" fmla="*/ 6428 w 10000"/>
                <a:gd name="connsiteY43" fmla="*/ 8181 h 10025"/>
                <a:gd name="connsiteX44" fmla="*/ 6444 w 10000"/>
                <a:gd name="connsiteY44" fmla="*/ 8428 h 10025"/>
                <a:gd name="connsiteX45" fmla="*/ 6766 w 10000"/>
                <a:gd name="connsiteY45" fmla="*/ 9268 h 10025"/>
                <a:gd name="connsiteX0" fmla="*/ 7446 w 10000"/>
                <a:gd name="connsiteY0" fmla="*/ 9488 h 10143"/>
                <a:gd name="connsiteX1" fmla="*/ 7446 w 10000"/>
                <a:gd name="connsiteY1" fmla="*/ 8978 h 10143"/>
                <a:gd name="connsiteX2" fmla="*/ 7821 w 10000"/>
                <a:gd name="connsiteY2" fmla="*/ 8978 h 10143"/>
                <a:gd name="connsiteX3" fmla="*/ 8047 w 10000"/>
                <a:gd name="connsiteY3" fmla="*/ 8029 h 10143"/>
                <a:gd name="connsiteX4" fmla="*/ 8648 w 10000"/>
                <a:gd name="connsiteY4" fmla="*/ 7444 h 10143"/>
                <a:gd name="connsiteX5" fmla="*/ 8873 w 10000"/>
                <a:gd name="connsiteY5" fmla="*/ 6351 h 10143"/>
                <a:gd name="connsiteX6" fmla="*/ 8722 w 10000"/>
                <a:gd name="connsiteY6" fmla="*/ 5768 h 10143"/>
                <a:gd name="connsiteX7" fmla="*/ 9098 w 10000"/>
                <a:gd name="connsiteY7" fmla="*/ 4525 h 10143"/>
                <a:gd name="connsiteX8" fmla="*/ 9399 w 10000"/>
                <a:gd name="connsiteY8" fmla="*/ 4160 h 10143"/>
                <a:gd name="connsiteX9" fmla="*/ 10000 w 10000"/>
                <a:gd name="connsiteY9" fmla="*/ 3576 h 10143"/>
                <a:gd name="connsiteX10" fmla="*/ 9774 w 10000"/>
                <a:gd name="connsiteY10" fmla="*/ 3502 h 10143"/>
                <a:gd name="connsiteX11" fmla="*/ 9399 w 10000"/>
                <a:gd name="connsiteY11" fmla="*/ 3140 h 10143"/>
                <a:gd name="connsiteX12" fmla="*/ 9173 w 10000"/>
                <a:gd name="connsiteY12" fmla="*/ 2044 h 10143"/>
                <a:gd name="connsiteX13" fmla="*/ 9173 w 10000"/>
                <a:gd name="connsiteY13" fmla="*/ 1460 h 10143"/>
                <a:gd name="connsiteX14" fmla="*/ 9098 w 10000"/>
                <a:gd name="connsiteY14" fmla="*/ 729 h 10143"/>
                <a:gd name="connsiteX15" fmla="*/ 8873 w 10000"/>
                <a:gd name="connsiteY15" fmla="*/ 511 h 10143"/>
                <a:gd name="connsiteX16" fmla="*/ 8497 w 10000"/>
                <a:gd name="connsiteY16" fmla="*/ 219 h 10143"/>
                <a:gd name="connsiteX17" fmla="*/ 8272 w 10000"/>
                <a:gd name="connsiteY17" fmla="*/ 0 h 10143"/>
                <a:gd name="connsiteX18" fmla="*/ 7821 w 10000"/>
                <a:gd name="connsiteY18" fmla="*/ 293 h 10143"/>
                <a:gd name="connsiteX19" fmla="*/ 7370 w 10000"/>
                <a:gd name="connsiteY19" fmla="*/ 729 h 10143"/>
                <a:gd name="connsiteX20" fmla="*/ 6769 w 10000"/>
                <a:gd name="connsiteY20" fmla="*/ 729 h 10143"/>
                <a:gd name="connsiteX21" fmla="*/ 5717 w 10000"/>
                <a:gd name="connsiteY21" fmla="*/ 729 h 10143"/>
                <a:gd name="connsiteX22" fmla="*/ 5717 w 10000"/>
                <a:gd name="connsiteY22" fmla="*/ 658 h 10143"/>
                <a:gd name="connsiteX23" fmla="*/ 5643 w 10000"/>
                <a:gd name="connsiteY23" fmla="*/ 729 h 10143"/>
                <a:gd name="connsiteX24" fmla="*/ 1961 w 10000"/>
                <a:gd name="connsiteY24" fmla="*/ 729 h 10143"/>
                <a:gd name="connsiteX25" fmla="*/ 1961 w 10000"/>
                <a:gd name="connsiteY25" fmla="*/ 2263 h 10143"/>
                <a:gd name="connsiteX26" fmla="*/ 1285 w 10000"/>
                <a:gd name="connsiteY26" fmla="*/ 2263 h 10143"/>
                <a:gd name="connsiteX27" fmla="*/ 1285 w 10000"/>
                <a:gd name="connsiteY27" fmla="*/ 2556 h 10143"/>
                <a:gd name="connsiteX28" fmla="*/ 1285 w 10000"/>
                <a:gd name="connsiteY28" fmla="*/ 5179 h 10143"/>
                <a:gd name="connsiteX29" fmla="*/ 1135 w 10000"/>
                <a:gd name="connsiteY29" fmla="*/ 5327 h 10143"/>
                <a:gd name="connsiteX30" fmla="*/ 684 w 10000"/>
                <a:gd name="connsiteY30" fmla="*/ 5621 h 10143"/>
                <a:gd name="connsiteX31" fmla="*/ 609 w 10000"/>
                <a:gd name="connsiteY31" fmla="*/ 5986 h 10143"/>
                <a:gd name="connsiteX32" fmla="*/ 384 w 10000"/>
                <a:gd name="connsiteY32" fmla="*/ 6351 h 10143"/>
                <a:gd name="connsiteX33" fmla="*/ 234 w 10000"/>
                <a:gd name="connsiteY33" fmla="*/ 6935 h 10143"/>
                <a:gd name="connsiteX34" fmla="*/ 8 w 10000"/>
                <a:gd name="connsiteY34" fmla="*/ 7593 h 10143"/>
                <a:gd name="connsiteX35" fmla="*/ 384 w 10000"/>
                <a:gd name="connsiteY35" fmla="*/ 7664 h 10143"/>
                <a:gd name="connsiteX36" fmla="*/ 458 w 10000"/>
                <a:gd name="connsiteY36" fmla="*/ 8245 h 10143"/>
                <a:gd name="connsiteX37" fmla="*/ 684 w 10000"/>
                <a:gd name="connsiteY37" fmla="*/ 8831 h 10143"/>
                <a:gd name="connsiteX38" fmla="*/ 1059 w 10000"/>
                <a:gd name="connsiteY38" fmla="*/ 10000 h 10143"/>
                <a:gd name="connsiteX39" fmla="*/ 1068 w 10000"/>
                <a:gd name="connsiteY39" fmla="*/ 10012 h 10143"/>
                <a:gd name="connsiteX40" fmla="*/ 5428 w 10000"/>
                <a:gd name="connsiteY40" fmla="*/ 8984 h 10143"/>
                <a:gd name="connsiteX41" fmla="*/ 5884 w 10000"/>
                <a:gd name="connsiteY41" fmla="*/ 8740 h 10143"/>
                <a:gd name="connsiteX42" fmla="*/ 6040 w 10000"/>
                <a:gd name="connsiteY42" fmla="*/ 8368 h 10143"/>
                <a:gd name="connsiteX43" fmla="*/ 6382 w 10000"/>
                <a:gd name="connsiteY43" fmla="*/ 7982 h 10143"/>
                <a:gd name="connsiteX44" fmla="*/ 6428 w 10000"/>
                <a:gd name="connsiteY44" fmla="*/ 8181 h 10143"/>
                <a:gd name="connsiteX45" fmla="*/ 6444 w 10000"/>
                <a:gd name="connsiteY45" fmla="*/ 8428 h 10143"/>
                <a:gd name="connsiteX46" fmla="*/ 6766 w 10000"/>
                <a:gd name="connsiteY46" fmla="*/ 9268 h 10143"/>
                <a:gd name="connsiteX0" fmla="*/ 7446 w 10000"/>
                <a:gd name="connsiteY0" fmla="*/ 9488 h 10115"/>
                <a:gd name="connsiteX1" fmla="*/ 7446 w 10000"/>
                <a:gd name="connsiteY1" fmla="*/ 8978 h 10115"/>
                <a:gd name="connsiteX2" fmla="*/ 7821 w 10000"/>
                <a:gd name="connsiteY2" fmla="*/ 8978 h 10115"/>
                <a:gd name="connsiteX3" fmla="*/ 8047 w 10000"/>
                <a:gd name="connsiteY3" fmla="*/ 8029 h 10115"/>
                <a:gd name="connsiteX4" fmla="*/ 8648 w 10000"/>
                <a:gd name="connsiteY4" fmla="*/ 7444 h 10115"/>
                <a:gd name="connsiteX5" fmla="*/ 8873 w 10000"/>
                <a:gd name="connsiteY5" fmla="*/ 6351 h 10115"/>
                <a:gd name="connsiteX6" fmla="*/ 8722 w 10000"/>
                <a:gd name="connsiteY6" fmla="*/ 5768 h 10115"/>
                <a:gd name="connsiteX7" fmla="*/ 9098 w 10000"/>
                <a:gd name="connsiteY7" fmla="*/ 4525 h 10115"/>
                <a:gd name="connsiteX8" fmla="*/ 9399 w 10000"/>
                <a:gd name="connsiteY8" fmla="*/ 4160 h 10115"/>
                <a:gd name="connsiteX9" fmla="*/ 10000 w 10000"/>
                <a:gd name="connsiteY9" fmla="*/ 3576 h 10115"/>
                <a:gd name="connsiteX10" fmla="*/ 9774 w 10000"/>
                <a:gd name="connsiteY10" fmla="*/ 3502 h 10115"/>
                <a:gd name="connsiteX11" fmla="*/ 9399 w 10000"/>
                <a:gd name="connsiteY11" fmla="*/ 3140 h 10115"/>
                <a:gd name="connsiteX12" fmla="*/ 9173 w 10000"/>
                <a:gd name="connsiteY12" fmla="*/ 2044 h 10115"/>
                <a:gd name="connsiteX13" fmla="*/ 9173 w 10000"/>
                <a:gd name="connsiteY13" fmla="*/ 1460 h 10115"/>
                <a:gd name="connsiteX14" fmla="*/ 9098 w 10000"/>
                <a:gd name="connsiteY14" fmla="*/ 729 h 10115"/>
                <a:gd name="connsiteX15" fmla="*/ 8873 w 10000"/>
                <a:gd name="connsiteY15" fmla="*/ 511 h 10115"/>
                <a:gd name="connsiteX16" fmla="*/ 8497 w 10000"/>
                <a:gd name="connsiteY16" fmla="*/ 219 h 10115"/>
                <a:gd name="connsiteX17" fmla="*/ 8272 w 10000"/>
                <a:gd name="connsiteY17" fmla="*/ 0 h 10115"/>
                <a:gd name="connsiteX18" fmla="*/ 7821 w 10000"/>
                <a:gd name="connsiteY18" fmla="*/ 293 h 10115"/>
                <a:gd name="connsiteX19" fmla="*/ 7370 w 10000"/>
                <a:gd name="connsiteY19" fmla="*/ 729 h 10115"/>
                <a:gd name="connsiteX20" fmla="*/ 6769 w 10000"/>
                <a:gd name="connsiteY20" fmla="*/ 729 h 10115"/>
                <a:gd name="connsiteX21" fmla="*/ 5717 w 10000"/>
                <a:gd name="connsiteY21" fmla="*/ 729 h 10115"/>
                <a:gd name="connsiteX22" fmla="*/ 5717 w 10000"/>
                <a:gd name="connsiteY22" fmla="*/ 658 h 10115"/>
                <a:gd name="connsiteX23" fmla="*/ 5643 w 10000"/>
                <a:gd name="connsiteY23" fmla="*/ 729 h 10115"/>
                <a:gd name="connsiteX24" fmla="*/ 1961 w 10000"/>
                <a:gd name="connsiteY24" fmla="*/ 729 h 10115"/>
                <a:gd name="connsiteX25" fmla="*/ 1961 w 10000"/>
                <a:gd name="connsiteY25" fmla="*/ 2263 h 10115"/>
                <a:gd name="connsiteX26" fmla="*/ 1285 w 10000"/>
                <a:gd name="connsiteY26" fmla="*/ 2263 h 10115"/>
                <a:gd name="connsiteX27" fmla="*/ 1285 w 10000"/>
                <a:gd name="connsiteY27" fmla="*/ 2556 h 10115"/>
                <a:gd name="connsiteX28" fmla="*/ 1285 w 10000"/>
                <a:gd name="connsiteY28" fmla="*/ 5179 h 10115"/>
                <a:gd name="connsiteX29" fmla="*/ 1135 w 10000"/>
                <a:gd name="connsiteY29" fmla="*/ 5327 h 10115"/>
                <a:gd name="connsiteX30" fmla="*/ 684 w 10000"/>
                <a:gd name="connsiteY30" fmla="*/ 5621 h 10115"/>
                <a:gd name="connsiteX31" fmla="*/ 609 w 10000"/>
                <a:gd name="connsiteY31" fmla="*/ 5986 h 10115"/>
                <a:gd name="connsiteX32" fmla="*/ 384 w 10000"/>
                <a:gd name="connsiteY32" fmla="*/ 6351 h 10115"/>
                <a:gd name="connsiteX33" fmla="*/ 234 w 10000"/>
                <a:gd name="connsiteY33" fmla="*/ 6935 h 10115"/>
                <a:gd name="connsiteX34" fmla="*/ 8 w 10000"/>
                <a:gd name="connsiteY34" fmla="*/ 7593 h 10115"/>
                <a:gd name="connsiteX35" fmla="*/ 384 w 10000"/>
                <a:gd name="connsiteY35" fmla="*/ 7664 h 10115"/>
                <a:gd name="connsiteX36" fmla="*/ 458 w 10000"/>
                <a:gd name="connsiteY36" fmla="*/ 8245 h 10115"/>
                <a:gd name="connsiteX37" fmla="*/ 684 w 10000"/>
                <a:gd name="connsiteY37" fmla="*/ 8831 h 10115"/>
                <a:gd name="connsiteX38" fmla="*/ 1059 w 10000"/>
                <a:gd name="connsiteY38" fmla="*/ 10000 h 10115"/>
                <a:gd name="connsiteX39" fmla="*/ 3268 w 10000"/>
                <a:gd name="connsiteY39" fmla="*/ 9947 h 10115"/>
                <a:gd name="connsiteX40" fmla="*/ 5428 w 10000"/>
                <a:gd name="connsiteY40" fmla="*/ 8984 h 10115"/>
                <a:gd name="connsiteX41" fmla="*/ 5884 w 10000"/>
                <a:gd name="connsiteY41" fmla="*/ 8740 h 10115"/>
                <a:gd name="connsiteX42" fmla="*/ 6040 w 10000"/>
                <a:gd name="connsiteY42" fmla="*/ 8368 h 10115"/>
                <a:gd name="connsiteX43" fmla="*/ 6382 w 10000"/>
                <a:gd name="connsiteY43" fmla="*/ 7982 h 10115"/>
                <a:gd name="connsiteX44" fmla="*/ 6428 w 10000"/>
                <a:gd name="connsiteY44" fmla="*/ 8181 h 10115"/>
                <a:gd name="connsiteX45" fmla="*/ 6444 w 10000"/>
                <a:gd name="connsiteY45" fmla="*/ 8428 h 10115"/>
                <a:gd name="connsiteX46" fmla="*/ 6766 w 10000"/>
                <a:gd name="connsiteY46" fmla="*/ 9268 h 10115"/>
                <a:gd name="connsiteX0" fmla="*/ 7446 w 10000"/>
                <a:gd name="connsiteY0" fmla="*/ 9488 h 10115"/>
                <a:gd name="connsiteX1" fmla="*/ 7446 w 10000"/>
                <a:gd name="connsiteY1" fmla="*/ 8978 h 10115"/>
                <a:gd name="connsiteX2" fmla="*/ 7821 w 10000"/>
                <a:gd name="connsiteY2" fmla="*/ 8978 h 10115"/>
                <a:gd name="connsiteX3" fmla="*/ 8047 w 10000"/>
                <a:gd name="connsiteY3" fmla="*/ 8029 h 10115"/>
                <a:gd name="connsiteX4" fmla="*/ 8648 w 10000"/>
                <a:gd name="connsiteY4" fmla="*/ 7444 h 10115"/>
                <a:gd name="connsiteX5" fmla="*/ 8873 w 10000"/>
                <a:gd name="connsiteY5" fmla="*/ 6351 h 10115"/>
                <a:gd name="connsiteX6" fmla="*/ 8722 w 10000"/>
                <a:gd name="connsiteY6" fmla="*/ 5768 h 10115"/>
                <a:gd name="connsiteX7" fmla="*/ 9098 w 10000"/>
                <a:gd name="connsiteY7" fmla="*/ 4525 h 10115"/>
                <a:gd name="connsiteX8" fmla="*/ 9399 w 10000"/>
                <a:gd name="connsiteY8" fmla="*/ 4160 h 10115"/>
                <a:gd name="connsiteX9" fmla="*/ 10000 w 10000"/>
                <a:gd name="connsiteY9" fmla="*/ 3576 h 10115"/>
                <a:gd name="connsiteX10" fmla="*/ 9774 w 10000"/>
                <a:gd name="connsiteY10" fmla="*/ 3502 h 10115"/>
                <a:gd name="connsiteX11" fmla="*/ 9399 w 10000"/>
                <a:gd name="connsiteY11" fmla="*/ 3140 h 10115"/>
                <a:gd name="connsiteX12" fmla="*/ 9173 w 10000"/>
                <a:gd name="connsiteY12" fmla="*/ 2044 h 10115"/>
                <a:gd name="connsiteX13" fmla="*/ 9173 w 10000"/>
                <a:gd name="connsiteY13" fmla="*/ 1460 h 10115"/>
                <a:gd name="connsiteX14" fmla="*/ 9098 w 10000"/>
                <a:gd name="connsiteY14" fmla="*/ 729 h 10115"/>
                <a:gd name="connsiteX15" fmla="*/ 8873 w 10000"/>
                <a:gd name="connsiteY15" fmla="*/ 511 h 10115"/>
                <a:gd name="connsiteX16" fmla="*/ 8497 w 10000"/>
                <a:gd name="connsiteY16" fmla="*/ 219 h 10115"/>
                <a:gd name="connsiteX17" fmla="*/ 8272 w 10000"/>
                <a:gd name="connsiteY17" fmla="*/ 0 h 10115"/>
                <a:gd name="connsiteX18" fmla="*/ 7821 w 10000"/>
                <a:gd name="connsiteY18" fmla="*/ 293 h 10115"/>
                <a:gd name="connsiteX19" fmla="*/ 7370 w 10000"/>
                <a:gd name="connsiteY19" fmla="*/ 729 h 10115"/>
                <a:gd name="connsiteX20" fmla="*/ 6769 w 10000"/>
                <a:gd name="connsiteY20" fmla="*/ 729 h 10115"/>
                <a:gd name="connsiteX21" fmla="*/ 5717 w 10000"/>
                <a:gd name="connsiteY21" fmla="*/ 729 h 10115"/>
                <a:gd name="connsiteX22" fmla="*/ 5717 w 10000"/>
                <a:gd name="connsiteY22" fmla="*/ 658 h 10115"/>
                <a:gd name="connsiteX23" fmla="*/ 5643 w 10000"/>
                <a:gd name="connsiteY23" fmla="*/ 729 h 10115"/>
                <a:gd name="connsiteX24" fmla="*/ 1961 w 10000"/>
                <a:gd name="connsiteY24" fmla="*/ 729 h 10115"/>
                <a:gd name="connsiteX25" fmla="*/ 1961 w 10000"/>
                <a:gd name="connsiteY25" fmla="*/ 2263 h 10115"/>
                <a:gd name="connsiteX26" fmla="*/ 1285 w 10000"/>
                <a:gd name="connsiteY26" fmla="*/ 2263 h 10115"/>
                <a:gd name="connsiteX27" fmla="*/ 1285 w 10000"/>
                <a:gd name="connsiteY27" fmla="*/ 2556 h 10115"/>
                <a:gd name="connsiteX28" fmla="*/ 1285 w 10000"/>
                <a:gd name="connsiteY28" fmla="*/ 5179 h 10115"/>
                <a:gd name="connsiteX29" fmla="*/ 1135 w 10000"/>
                <a:gd name="connsiteY29" fmla="*/ 5327 h 10115"/>
                <a:gd name="connsiteX30" fmla="*/ 684 w 10000"/>
                <a:gd name="connsiteY30" fmla="*/ 5621 h 10115"/>
                <a:gd name="connsiteX31" fmla="*/ 609 w 10000"/>
                <a:gd name="connsiteY31" fmla="*/ 5986 h 10115"/>
                <a:gd name="connsiteX32" fmla="*/ 384 w 10000"/>
                <a:gd name="connsiteY32" fmla="*/ 6351 h 10115"/>
                <a:gd name="connsiteX33" fmla="*/ 234 w 10000"/>
                <a:gd name="connsiteY33" fmla="*/ 6935 h 10115"/>
                <a:gd name="connsiteX34" fmla="*/ 8 w 10000"/>
                <a:gd name="connsiteY34" fmla="*/ 7593 h 10115"/>
                <a:gd name="connsiteX35" fmla="*/ 384 w 10000"/>
                <a:gd name="connsiteY35" fmla="*/ 7664 h 10115"/>
                <a:gd name="connsiteX36" fmla="*/ 458 w 10000"/>
                <a:gd name="connsiteY36" fmla="*/ 8245 h 10115"/>
                <a:gd name="connsiteX37" fmla="*/ 684 w 10000"/>
                <a:gd name="connsiteY37" fmla="*/ 8831 h 10115"/>
                <a:gd name="connsiteX38" fmla="*/ 1059 w 10000"/>
                <a:gd name="connsiteY38" fmla="*/ 10000 h 10115"/>
                <a:gd name="connsiteX39" fmla="*/ 3268 w 10000"/>
                <a:gd name="connsiteY39" fmla="*/ 9947 h 10115"/>
                <a:gd name="connsiteX40" fmla="*/ 5428 w 10000"/>
                <a:gd name="connsiteY40" fmla="*/ 8984 h 10115"/>
                <a:gd name="connsiteX41" fmla="*/ 5884 w 10000"/>
                <a:gd name="connsiteY41" fmla="*/ 8740 h 10115"/>
                <a:gd name="connsiteX42" fmla="*/ 6040 w 10000"/>
                <a:gd name="connsiteY42" fmla="*/ 8368 h 10115"/>
                <a:gd name="connsiteX43" fmla="*/ 6382 w 10000"/>
                <a:gd name="connsiteY43" fmla="*/ 7982 h 10115"/>
                <a:gd name="connsiteX44" fmla="*/ 6428 w 10000"/>
                <a:gd name="connsiteY44" fmla="*/ 8181 h 10115"/>
                <a:gd name="connsiteX45" fmla="*/ 6444 w 10000"/>
                <a:gd name="connsiteY45" fmla="*/ 8428 h 10115"/>
                <a:gd name="connsiteX46" fmla="*/ 6766 w 10000"/>
                <a:gd name="connsiteY46" fmla="*/ 9268 h 10115"/>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28 w 10000"/>
                <a:gd name="connsiteY40" fmla="*/ 8984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28 w 10000"/>
                <a:gd name="connsiteY40" fmla="*/ 8984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09 w 10000"/>
                <a:gd name="connsiteY40" fmla="*/ 8947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09 w 10000"/>
                <a:gd name="connsiteY40" fmla="*/ 8947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09 w 10000"/>
                <a:gd name="connsiteY40" fmla="*/ 8947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09 w 10000"/>
                <a:gd name="connsiteY40" fmla="*/ 8947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09 w 10000"/>
                <a:gd name="connsiteY40" fmla="*/ 8947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409 w 10000"/>
                <a:gd name="connsiteY40" fmla="*/ 8947 h 10039"/>
                <a:gd name="connsiteX41" fmla="*/ 5884 w 10000"/>
                <a:gd name="connsiteY41" fmla="*/ 8740 h 10039"/>
                <a:gd name="connsiteX42" fmla="*/ 6040 w 10000"/>
                <a:gd name="connsiteY42" fmla="*/ 8368 h 10039"/>
                <a:gd name="connsiteX43" fmla="*/ 6382 w 10000"/>
                <a:gd name="connsiteY43" fmla="*/ 7982 h 10039"/>
                <a:gd name="connsiteX44" fmla="*/ 6428 w 10000"/>
                <a:gd name="connsiteY44" fmla="*/ 8181 h 10039"/>
                <a:gd name="connsiteX45" fmla="*/ 6444 w 10000"/>
                <a:gd name="connsiteY45" fmla="*/ 8428 h 10039"/>
                <a:gd name="connsiteX46" fmla="*/ 6766 w 10000"/>
                <a:gd name="connsiteY46"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016 w 10000"/>
                <a:gd name="connsiteY40" fmla="*/ 9302 h 10039"/>
                <a:gd name="connsiteX41" fmla="*/ 5409 w 10000"/>
                <a:gd name="connsiteY41" fmla="*/ 8947 h 10039"/>
                <a:gd name="connsiteX42" fmla="*/ 5884 w 10000"/>
                <a:gd name="connsiteY42" fmla="*/ 8740 h 10039"/>
                <a:gd name="connsiteX43" fmla="*/ 6040 w 10000"/>
                <a:gd name="connsiteY43" fmla="*/ 8368 h 10039"/>
                <a:gd name="connsiteX44" fmla="*/ 6382 w 10000"/>
                <a:gd name="connsiteY44" fmla="*/ 7982 h 10039"/>
                <a:gd name="connsiteX45" fmla="*/ 6428 w 10000"/>
                <a:gd name="connsiteY45" fmla="*/ 8181 h 10039"/>
                <a:gd name="connsiteX46" fmla="*/ 6444 w 10000"/>
                <a:gd name="connsiteY46" fmla="*/ 8428 h 10039"/>
                <a:gd name="connsiteX47" fmla="*/ 6766 w 10000"/>
                <a:gd name="connsiteY47"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016 w 10000"/>
                <a:gd name="connsiteY40" fmla="*/ 9302 h 10039"/>
                <a:gd name="connsiteX41" fmla="*/ 5409 w 10000"/>
                <a:gd name="connsiteY41" fmla="*/ 8947 h 10039"/>
                <a:gd name="connsiteX42" fmla="*/ 5884 w 10000"/>
                <a:gd name="connsiteY42" fmla="*/ 8740 h 10039"/>
                <a:gd name="connsiteX43" fmla="*/ 6040 w 10000"/>
                <a:gd name="connsiteY43" fmla="*/ 8368 h 10039"/>
                <a:gd name="connsiteX44" fmla="*/ 6382 w 10000"/>
                <a:gd name="connsiteY44" fmla="*/ 7982 h 10039"/>
                <a:gd name="connsiteX45" fmla="*/ 6428 w 10000"/>
                <a:gd name="connsiteY45" fmla="*/ 8181 h 10039"/>
                <a:gd name="connsiteX46" fmla="*/ 6444 w 10000"/>
                <a:gd name="connsiteY46" fmla="*/ 8428 h 10039"/>
                <a:gd name="connsiteX47" fmla="*/ 6766 w 10000"/>
                <a:gd name="connsiteY47"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5016 w 10000"/>
                <a:gd name="connsiteY40" fmla="*/ 9302 h 10039"/>
                <a:gd name="connsiteX41" fmla="*/ 5409 w 10000"/>
                <a:gd name="connsiteY41" fmla="*/ 8947 h 10039"/>
                <a:gd name="connsiteX42" fmla="*/ 5884 w 10000"/>
                <a:gd name="connsiteY42" fmla="*/ 8740 h 10039"/>
                <a:gd name="connsiteX43" fmla="*/ 6040 w 10000"/>
                <a:gd name="connsiteY43" fmla="*/ 8368 h 10039"/>
                <a:gd name="connsiteX44" fmla="*/ 6382 w 10000"/>
                <a:gd name="connsiteY44" fmla="*/ 7982 h 10039"/>
                <a:gd name="connsiteX45" fmla="*/ 6428 w 10000"/>
                <a:gd name="connsiteY45" fmla="*/ 8181 h 10039"/>
                <a:gd name="connsiteX46" fmla="*/ 6444 w 10000"/>
                <a:gd name="connsiteY46" fmla="*/ 8428 h 10039"/>
                <a:gd name="connsiteX47" fmla="*/ 6766 w 10000"/>
                <a:gd name="connsiteY47"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4958 w 10000"/>
                <a:gd name="connsiteY40" fmla="*/ 9255 h 10039"/>
                <a:gd name="connsiteX41" fmla="*/ 5409 w 10000"/>
                <a:gd name="connsiteY41" fmla="*/ 8947 h 10039"/>
                <a:gd name="connsiteX42" fmla="*/ 5884 w 10000"/>
                <a:gd name="connsiteY42" fmla="*/ 8740 h 10039"/>
                <a:gd name="connsiteX43" fmla="*/ 6040 w 10000"/>
                <a:gd name="connsiteY43" fmla="*/ 8368 h 10039"/>
                <a:gd name="connsiteX44" fmla="*/ 6382 w 10000"/>
                <a:gd name="connsiteY44" fmla="*/ 7982 h 10039"/>
                <a:gd name="connsiteX45" fmla="*/ 6428 w 10000"/>
                <a:gd name="connsiteY45" fmla="*/ 8181 h 10039"/>
                <a:gd name="connsiteX46" fmla="*/ 6444 w 10000"/>
                <a:gd name="connsiteY46" fmla="*/ 8428 h 10039"/>
                <a:gd name="connsiteX47" fmla="*/ 6766 w 10000"/>
                <a:gd name="connsiteY47" fmla="*/ 9268 h 10039"/>
                <a:gd name="connsiteX0" fmla="*/ 7446 w 10000"/>
                <a:gd name="connsiteY0" fmla="*/ 9488 h 10039"/>
                <a:gd name="connsiteX1" fmla="*/ 7446 w 10000"/>
                <a:gd name="connsiteY1" fmla="*/ 8978 h 10039"/>
                <a:gd name="connsiteX2" fmla="*/ 7821 w 10000"/>
                <a:gd name="connsiteY2" fmla="*/ 8978 h 10039"/>
                <a:gd name="connsiteX3" fmla="*/ 8047 w 10000"/>
                <a:gd name="connsiteY3" fmla="*/ 8029 h 10039"/>
                <a:gd name="connsiteX4" fmla="*/ 8648 w 10000"/>
                <a:gd name="connsiteY4" fmla="*/ 7444 h 10039"/>
                <a:gd name="connsiteX5" fmla="*/ 8873 w 10000"/>
                <a:gd name="connsiteY5" fmla="*/ 6351 h 10039"/>
                <a:gd name="connsiteX6" fmla="*/ 8722 w 10000"/>
                <a:gd name="connsiteY6" fmla="*/ 5768 h 10039"/>
                <a:gd name="connsiteX7" fmla="*/ 9098 w 10000"/>
                <a:gd name="connsiteY7" fmla="*/ 4525 h 10039"/>
                <a:gd name="connsiteX8" fmla="*/ 9399 w 10000"/>
                <a:gd name="connsiteY8" fmla="*/ 4160 h 10039"/>
                <a:gd name="connsiteX9" fmla="*/ 10000 w 10000"/>
                <a:gd name="connsiteY9" fmla="*/ 3576 h 10039"/>
                <a:gd name="connsiteX10" fmla="*/ 9774 w 10000"/>
                <a:gd name="connsiteY10" fmla="*/ 3502 h 10039"/>
                <a:gd name="connsiteX11" fmla="*/ 9399 w 10000"/>
                <a:gd name="connsiteY11" fmla="*/ 3140 h 10039"/>
                <a:gd name="connsiteX12" fmla="*/ 9173 w 10000"/>
                <a:gd name="connsiteY12" fmla="*/ 2044 h 10039"/>
                <a:gd name="connsiteX13" fmla="*/ 9173 w 10000"/>
                <a:gd name="connsiteY13" fmla="*/ 1460 h 10039"/>
                <a:gd name="connsiteX14" fmla="*/ 9098 w 10000"/>
                <a:gd name="connsiteY14" fmla="*/ 729 h 10039"/>
                <a:gd name="connsiteX15" fmla="*/ 8873 w 10000"/>
                <a:gd name="connsiteY15" fmla="*/ 511 h 10039"/>
                <a:gd name="connsiteX16" fmla="*/ 8497 w 10000"/>
                <a:gd name="connsiteY16" fmla="*/ 219 h 10039"/>
                <a:gd name="connsiteX17" fmla="*/ 8272 w 10000"/>
                <a:gd name="connsiteY17" fmla="*/ 0 h 10039"/>
                <a:gd name="connsiteX18" fmla="*/ 7821 w 10000"/>
                <a:gd name="connsiteY18" fmla="*/ 293 h 10039"/>
                <a:gd name="connsiteX19" fmla="*/ 7370 w 10000"/>
                <a:gd name="connsiteY19" fmla="*/ 729 h 10039"/>
                <a:gd name="connsiteX20" fmla="*/ 6769 w 10000"/>
                <a:gd name="connsiteY20" fmla="*/ 729 h 10039"/>
                <a:gd name="connsiteX21" fmla="*/ 5717 w 10000"/>
                <a:gd name="connsiteY21" fmla="*/ 729 h 10039"/>
                <a:gd name="connsiteX22" fmla="*/ 5717 w 10000"/>
                <a:gd name="connsiteY22" fmla="*/ 658 h 10039"/>
                <a:gd name="connsiteX23" fmla="*/ 5643 w 10000"/>
                <a:gd name="connsiteY23" fmla="*/ 729 h 10039"/>
                <a:gd name="connsiteX24" fmla="*/ 1961 w 10000"/>
                <a:gd name="connsiteY24" fmla="*/ 729 h 10039"/>
                <a:gd name="connsiteX25" fmla="*/ 1961 w 10000"/>
                <a:gd name="connsiteY25" fmla="*/ 2263 h 10039"/>
                <a:gd name="connsiteX26" fmla="*/ 1285 w 10000"/>
                <a:gd name="connsiteY26" fmla="*/ 2263 h 10039"/>
                <a:gd name="connsiteX27" fmla="*/ 1285 w 10000"/>
                <a:gd name="connsiteY27" fmla="*/ 2556 h 10039"/>
                <a:gd name="connsiteX28" fmla="*/ 1285 w 10000"/>
                <a:gd name="connsiteY28" fmla="*/ 5179 h 10039"/>
                <a:gd name="connsiteX29" fmla="*/ 1135 w 10000"/>
                <a:gd name="connsiteY29" fmla="*/ 5327 h 10039"/>
                <a:gd name="connsiteX30" fmla="*/ 684 w 10000"/>
                <a:gd name="connsiteY30" fmla="*/ 5621 h 10039"/>
                <a:gd name="connsiteX31" fmla="*/ 609 w 10000"/>
                <a:gd name="connsiteY31" fmla="*/ 5986 h 10039"/>
                <a:gd name="connsiteX32" fmla="*/ 384 w 10000"/>
                <a:gd name="connsiteY32" fmla="*/ 6351 h 10039"/>
                <a:gd name="connsiteX33" fmla="*/ 234 w 10000"/>
                <a:gd name="connsiteY33" fmla="*/ 6935 h 10039"/>
                <a:gd name="connsiteX34" fmla="*/ 8 w 10000"/>
                <a:gd name="connsiteY34" fmla="*/ 7593 h 10039"/>
                <a:gd name="connsiteX35" fmla="*/ 384 w 10000"/>
                <a:gd name="connsiteY35" fmla="*/ 7664 h 10039"/>
                <a:gd name="connsiteX36" fmla="*/ 458 w 10000"/>
                <a:gd name="connsiteY36" fmla="*/ 8245 h 10039"/>
                <a:gd name="connsiteX37" fmla="*/ 684 w 10000"/>
                <a:gd name="connsiteY37" fmla="*/ 8831 h 10039"/>
                <a:gd name="connsiteX38" fmla="*/ 1059 w 10000"/>
                <a:gd name="connsiteY38" fmla="*/ 10000 h 10039"/>
                <a:gd name="connsiteX39" fmla="*/ 4939 w 10000"/>
                <a:gd name="connsiteY39" fmla="*/ 9433 h 10039"/>
                <a:gd name="connsiteX40" fmla="*/ 4958 w 10000"/>
                <a:gd name="connsiteY40" fmla="*/ 9255 h 10039"/>
                <a:gd name="connsiteX41" fmla="*/ 5409 w 10000"/>
                <a:gd name="connsiteY41" fmla="*/ 8947 h 10039"/>
                <a:gd name="connsiteX42" fmla="*/ 5884 w 10000"/>
                <a:gd name="connsiteY42" fmla="*/ 8740 h 10039"/>
                <a:gd name="connsiteX43" fmla="*/ 6040 w 10000"/>
                <a:gd name="connsiteY43" fmla="*/ 8368 h 10039"/>
                <a:gd name="connsiteX44" fmla="*/ 6382 w 10000"/>
                <a:gd name="connsiteY44" fmla="*/ 7982 h 10039"/>
                <a:gd name="connsiteX45" fmla="*/ 6428 w 10000"/>
                <a:gd name="connsiteY45" fmla="*/ 8181 h 10039"/>
                <a:gd name="connsiteX46" fmla="*/ 6444 w 10000"/>
                <a:gd name="connsiteY46" fmla="*/ 8428 h 10039"/>
                <a:gd name="connsiteX47" fmla="*/ 6766 w 10000"/>
                <a:gd name="connsiteY47" fmla="*/ 9268 h 10039"/>
                <a:gd name="connsiteX0" fmla="*/ 7446 w 10000"/>
                <a:gd name="connsiteY0" fmla="*/ 9488 h 10056"/>
                <a:gd name="connsiteX1" fmla="*/ 7446 w 10000"/>
                <a:gd name="connsiteY1" fmla="*/ 8978 h 10056"/>
                <a:gd name="connsiteX2" fmla="*/ 7821 w 10000"/>
                <a:gd name="connsiteY2" fmla="*/ 8978 h 10056"/>
                <a:gd name="connsiteX3" fmla="*/ 8047 w 10000"/>
                <a:gd name="connsiteY3" fmla="*/ 8029 h 10056"/>
                <a:gd name="connsiteX4" fmla="*/ 8648 w 10000"/>
                <a:gd name="connsiteY4" fmla="*/ 7444 h 10056"/>
                <a:gd name="connsiteX5" fmla="*/ 8873 w 10000"/>
                <a:gd name="connsiteY5" fmla="*/ 6351 h 10056"/>
                <a:gd name="connsiteX6" fmla="*/ 8722 w 10000"/>
                <a:gd name="connsiteY6" fmla="*/ 5768 h 10056"/>
                <a:gd name="connsiteX7" fmla="*/ 9098 w 10000"/>
                <a:gd name="connsiteY7" fmla="*/ 4525 h 10056"/>
                <a:gd name="connsiteX8" fmla="*/ 9399 w 10000"/>
                <a:gd name="connsiteY8" fmla="*/ 4160 h 10056"/>
                <a:gd name="connsiteX9" fmla="*/ 10000 w 10000"/>
                <a:gd name="connsiteY9" fmla="*/ 3576 h 10056"/>
                <a:gd name="connsiteX10" fmla="*/ 9774 w 10000"/>
                <a:gd name="connsiteY10" fmla="*/ 3502 h 10056"/>
                <a:gd name="connsiteX11" fmla="*/ 9399 w 10000"/>
                <a:gd name="connsiteY11" fmla="*/ 3140 h 10056"/>
                <a:gd name="connsiteX12" fmla="*/ 9173 w 10000"/>
                <a:gd name="connsiteY12" fmla="*/ 2044 h 10056"/>
                <a:gd name="connsiteX13" fmla="*/ 9173 w 10000"/>
                <a:gd name="connsiteY13" fmla="*/ 1460 h 10056"/>
                <a:gd name="connsiteX14" fmla="*/ 9098 w 10000"/>
                <a:gd name="connsiteY14" fmla="*/ 729 h 10056"/>
                <a:gd name="connsiteX15" fmla="*/ 8873 w 10000"/>
                <a:gd name="connsiteY15" fmla="*/ 511 h 10056"/>
                <a:gd name="connsiteX16" fmla="*/ 8497 w 10000"/>
                <a:gd name="connsiteY16" fmla="*/ 219 h 10056"/>
                <a:gd name="connsiteX17" fmla="*/ 8272 w 10000"/>
                <a:gd name="connsiteY17" fmla="*/ 0 h 10056"/>
                <a:gd name="connsiteX18" fmla="*/ 7821 w 10000"/>
                <a:gd name="connsiteY18" fmla="*/ 293 h 10056"/>
                <a:gd name="connsiteX19" fmla="*/ 7370 w 10000"/>
                <a:gd name="connsiteY19" fmla="*/ 729 h 10056"/>
                <a:gd name="connsiteX20" fmla="*/ 6769 w 10000"/>
                <a:gd name="connsiteY20" fmla="*/ 729 h 10056"/>
                <a:gd name="connsiteX21" fmla="*/ 5717 w 10000"/>
                <a:gd name="connsiteY21" fmla="*/ 729 h 10056"/>
                <a:gd name="connsiteX22" fmla="*/ 5717 w 10000"/>
                <a:gd name="connsiteY22" fmla="*/ 658 h 10056"/>
                <a:gd name="connsiteX23" fmla="*/ 5643 w 10000"/>
                <a:gd name="connsiteY23" fmla="*/ 729 h 10056"/>
                <a:gd name="connsiteX24" fmla="*/ 1961 w 10000"/>
                <a:gd name="connsiteY24" fmla="*/ 729 h 10056"/>
                <a:gd name="connsiteX25" fmla="*/ 1961 w 10000"/>
                <a:gd name="connsiteY25" fmla="*/ 2263 h 10056"/>
                <a:gd name="connsiteX26" fmla="*/ 1285 w 10000"/>
                <a:gd name="connsiteY26" fmla="*/ 2263 h 10056"/>
                <a:gd name="connsiteX27" fmla="*/ 1285 w 10000"/>
                <a:gd name="connsiteY27" fmla="*/ 2556 h 10056"/>
                <a:gd name="connsiteX28" fmla="*/ 1285 w 10000"/>
                <a:gd name="connsiteY28" fmla="*/ 5179 h 10056"/>
                <a:gd name="connsiteX29" fmla="*/ 1135 w 10000"/>
                <a:gd name="connsiteY29" fmla="*/ 5327 h 10056"/>
                <a:gd name="connsiteX30" fmla="*/ 684 w 10000"/>
                <a:gd name="connsiteY30" fmla="*/ 5621 h 10056"/>
                <a:gd name="connsiteX31" fmla="*/ 609 w 10000"/>
                <a:gd name="connsiteY31" fmla="*/ 5986 h 10056"/>
                <a:gd name="connsiteX32" fmla="*/ 384 w 10000"/>
                <a:gd name="connsiteY32" fmla="*/ 6351 h 10056"/>
                <a:gd name="connsiteX33" fmla="*/ 234 w 10000"/>
                <a:gd name="connsiteY33" fmla="*/ 6935 h 10056"/>
                <a:gd name="connsiteX34" fmla="*/ 8 w 10000"/>
                <a:gd name="connsiteY34" fmla="*/ 7593 h 10056"/>
                <a:gd name="connsiteX35" fmla="*/ 384 w 10000"/>
                <a:gd name="connsiteY35" fmla="*/ 7664 h 10056"/>
                <a:gd name="connsiteX36" fmla="*/ 458 w 10000"/>
                <a:gd name="connsiteY36" fmla="*/ 8245 h 10056"/>
                <a:gd name="connsiteX37" fmla="*/ 684 w 10000"/>
                <a:gd name="connsiteY37" fmla="*/ 8831 h 10056"/>
                <a:gd name="connsiteX38" fmla="*/ 1059 w 10000"/>
                <a:gd name="connsiteY38" fmla="*/ 10000 h 10056"/>
                <a:gd name="connsiteX39" fmla="*/ 4315 w 10000"/>
                <a:gd name="connsiteY39" fmla="*/ 9657 h 10056"/>
                <a:gd name="connsiteX40" fmla="*/ 4958 w 10000"/>
                <a:gd name="connsiteY40" fmla="*/ 9255 h 10056"/>
                <a:gd name="connsiteX41" fmla="*/ 5409 w 10000"/>
                <a:gd name="connsiteY41" fmla="*/ 8947 h 10056"/>
                <a:gd name="connsiteX42" fmla="*/ 5884 w 10000"/>
                <a:gd name="connsiteY42" fmla="*/ 8740 h 10056"/>
                <a:gd name="connsiteX43" fmla="*/ 6040 w 10000"/>
                <a:gd name="connsiteY43" fmla="*/ 8368 h 10056"/>
                <a:gd name="connsiteX44" fmla="*/ 6382 w 10000"/>
                <a:gd name="connsiteY44" fmla="*/ 7982 h 10056"/>
                <a:gd name="connsiteX45" fmla="*/ 6428 w 10000"/>
                <a:gd name="connsiteY45" fmla="*/ 8181 h 10056"/>
                <a:gd name="connsiteX46" fmla="*/ 6444 w 10000"/>
                <a:gd name="connsiteY46" fmla="*/ 8428 h 10056"/>
                <a:gd name="connsiteX47" fmla="*/ 6766 w 10000"/>
                <a:gd name="connsiteY47" fmla="*/ 9268 h 10056"/>
                <a:gd name="connsiteX0" fmla="*/ 7446 w 10000"/>
                <a:gd name="connsiteY0" fmla="*/ 9488 h 10056"/>
                <a:gd name="connsiteX1" fmla="*/ 7446 w 10000"/>
                <a:gd name="connsiteY1" fmla="*/ 8978 h 10056"/>
                <a:gd name="connsiteX2" fmla="*/ 7821 w 10000"/>
                <a:gd name="connsiteY2" fmla="*/ 8978 h 10056"/>
                <a:gd name="connsiteX3" fmla="*/ 8047 w 10000"/>
                <a:gd name="connsiteY3" fmla="*/ 8029 h 10056"/>
                <a:gd name="connsiteX4" fmla="*/ 8648 w 10000"/>
                <a:gd name="connsiteY4" fmla="*/ 7444 h 10056"/>
                <a:gd name="connsiteX5" fmla="*/ 8873 w 10000"/>
                <a:gd name="connsiteY5" fmla="*/ 6351 h 10056"/>
                <a:gd name="connsiteX6" fmla="*/ 8722 w 10000"/>
                <a:gd name="connsiteY6" fmla="*/ 5768 h 10056"/>
                <a:gd name="connsiteX7" fmla="*/ 9098 w 10000"/>
                <a:gd name="connsiteY7" fmla="*/ 4525 h 10056"/>
                <a:gd name="connsiteX8" fmla="*/ 9399 w 10000"/>
                <a:gd name="connsiteY8" fmla="*/ 4160 h 10056"/>
                <a:gd name="connsiteX9" fmla="*/ 10000 w 10000"/>
                <a:gd name="connsiteY9" fmla="*/ 3576 h 10056"/>
                <a:gd name="connsiteX10" fmla="*/ 9774 w 10000"/>
                <a:gd name="connsiteY10" fmla="*/ 3502 h 10056"/>
                <a:gd name="connsiteX11" fmla="*/ 9399 w 10000"/>
                <a:gd name="connsiteY11" fmla="*/ 3140 h 10056"/>
                <a:gd name="connsiteX12" fmla="*/ 9173 w 10000"/>
                <a:gd name="connsiteY12" fmla="*/ 2044 h 10056"/>
                <a:gd name="connsiteX13" fmla="*/ 9173 w 10000"/>
                <a:gd name="connsiteY13" fmla="*/ 1460 h 10056"/>
                <a:gd name="connsiteX14" fmla="*/ 9098 w 10000"/>
                <a:gd name="connsiteY14" fmla="*/ 729 h 10056"/>
                <a:gd name="connsiteX15" fmla="*/ 8873 w 10000"/>
                <a:gd name="connsiteY15" fmla="*/ 511 h 10056"/>
                <a:gd name="connsiteX16" fmla="*/ 8497 w 10000"/>
                <a:gd name="connsiteY16" fmla="*/ 219 h 10056"/>
                <a:gd name="connsiteX17" fmla="*/ 8272 w 10000"/>
                <a:gd name="connsiteY17" fmla="*/ 0 h 10056"/>
                <a:gd name="connsiteX18" fmla="*/ 7821 w 10000"/>
                <a:gd name="connsiteY18" fmla="*/ 293 h 10056"/>
                <a:gd name="connsiteX19" fmla="*/ 7370 w 10000"/>
                <a:gd name="connsiteY19" fmla="*/ 729 h 10056"/>
                <a:gd name="connsiteX20" fmla="*/ 6769 w 10000"/>
                <a:gd name="connsiteY20" fmla="*/ 729 h 10056"/>
                <a:gd name="connsiteX21" fmla="*/ 5717 w 10000"/>
                <a:gd name="connsiteY21" fmla="*/ 729 h 10056"/>
                <a:gd name="connsiteX22" fmla="*/ 5717 w 10000"/>
                <a:gd name="connsiteY22" fmla="*/ 658 h 10056"/>
                <a:gd name="connsiteX23" fmla="*/ 5643 w 10000"/>
                <a:gd name="connsiteY23" fmla="*/ 729 h 10056"/>
                <a:gd name="connsiteX24" fmla="*/ 1961 w 10000"/>
                <a:gd name="connsiteY24" fmla="*/ 729 h 10056"/>
                <a:gd name="connsiteX25" fmla="*/ 1961 w 10000"/>
                <a:gd name="connsiteY25" fmla="*/ 2263 h 10056"/>
                <a:gd name="connsiteX26" fmla="*/ 1285 w 10000"/>
                <a:gd name="connsiteY26" fmla="*/ 2263 h 10056"/>
                <a:gd name="connsiteX27" fmla="*/ 1285 w 10000"/>
                <a:gd name="connsiteY27" fmla="*/ 2556 h 10056"/>
                <a:gd name="connsiteX28" fmla="*/ 1285 w 10000"/>
                <a:gd name="connsiteY28" fmla="*/ 5179 h 10056"/>
                <a:gd name="connsiteX29" fmla="*/ 1135 w 10000"/>
                <a:gd name="connsiteY29" fmla="*/ 5327 h 10056"/>
                <a:gd name="connsiteX30" fmla="*/ 684 w 10000"/>
                <a:gd name="connsiteY30" fmla="*/ 5621 h 10056"/>
                <a:gd name="connsiteX31" fmla="*/ 609 w 10000"/>
                <a:gd name="connsiteY31" fmla="*/ 5986 h 10056"/>
                <a:gd name="connsiteX32" fmla="*/ 384 w 10000"/>
                <a:gd name="connsiteY32" fmla="*/ 6351 h 10056"/>
                <a:gd name="connsiteX33" fmla="*/ 234 w 10000"/>
                <a:gd name="connsiteY33" fmla="*/ 6935 h 10056"/>
                <a:gd name="connsiteX34" fmla="*/ 8 w 10000"/>
                <a:gd name="connsiteY34" fmla="*/ 7593 h 10056"/>
                <a:gd name="connsiteX35" fmla="*/ 384 w 10000"/>
                <a:gd name="connsiteY35" fmla="*/ 7664 h 10056"/>
                <a:gd name="connsiteX36" fmla="*/ 458 w 10000"/>
                <a:gd name="connsiteY36" fmla="*/ 8245 h 10056"/>
                <a:gd name="connsiteX37" fmla="*/ 684 w 10000"/>
                <a:gd name="connsiteY37" fmla="*/ 8831 h 10056"/>
                <a:gd name="connsiteX38" fmla="*/ 1059 w 10000"/>
                <a:gd name="connsiteY38" fmla="*/ 10000 h 10056"/>
                <a:gd name="connsiteX39" fmla="*/ 4315 w 10000"/>
                <a:gd name="connsiteY39" fmla="*/ 9657 h 10056"/>
                <a:gd name="connsiteX40" fmla="*/ 5064 w 10000"/>
                <a:gd name="connsiteY40" fmla="*/ 9274 h 10056"/>
                <a:gd name="connsiteX41" fmla="*/ 5409 w 10000"/>
                <a:gd name="connsiteY41" fmla="*/ 8947 h 10056"/>
                <a:gd name="connsiteX42" fmla="*/ 5884 w 10000"/>
                <a:gd name="connsiteY42" fmla="*/ 8740 h 10056"/>
                <a:gd name="connsiteX43" fmla="*/ 6040 w 10000"/>
                <a:gd name="connsiteY43" fmla="*/ 8368 h 10056"/>
                <a:gd name="connsiteX44" fmla="*/ 6382 w 10000"/>
                <a:gd name="connsiteY44" fmla="*/ 7982 h 10056"/>
                <a:gd name="connsiteX45" fmla="*/ 6428 w 10000"/>
                <a:gd name="connsiteY45" fmla="*/ 8181 h 10056"/>
                <a:gd name="connsiteX46" fmla="*/ 6444 w 10000"/>
                <a:gd name="connsiteY46" fmla="*/ 8428 h 10056"/>
                <a:gd name="connsiteX47" fmla="*/ 6766 w 10000"/>
                <a:gd name="connsiteY47" fmla="*/ 9268 h 10056"/>
                <a:gd name="connsiteX0" fmla="*/ 7446 w 10000"/>
                <a:gd name="connsiteY0" fmla="*/ 9488 h 10056"/>
                <a:gd name="connsiteX1" fmla="*/ 7446 w 10000"/>
                <a:gd name="connsiteY1" fmla="*/ 8978 h 10056"/>
                <a:gd name="connsiteX2" fmla="*/ 7821 w 10000"/>
                <a:gd name="connsiteY2" fmla="*/ 8978 h 10056"/>
                <a:gd name="connsiteX3" fmla="*/ 8047 w 10000"/>
                <a:gd name="connsiteY3" fmla="*/ 8029 h 10056"/>
                <a:gd name="connsiteX4" fmla="*/ 8648 w 10000"/>
                <a:gd name="connsiteY4" fmla="*/ 7444 h 10056"/>
                <a:gd name="connsiteX5" fmla="*/ 8873 w 10000"/>
                <a:gd name="connsiteY5" fmla="*/ 6351 h 10056"/>
                <a:gd name="connsiteX6" fmla="*/ 8722 w 10000"/>
                <a:gd name="connsiteY6" fmla="*/ 5768 h 10056"/>
                <a:gd name="connsiteX7" fmla="*/ 9098 w 10000"/>
                <a:gd name="connsiteY7" fmla="*/ 4525 h 10056"/>
                <a:gd name="connsiteX8" fmla="*/ 9399 w 10000"/>
                <a:gd name="connsiteY8" fmla="*/ 4160 h 10056"/>
                <a:gd name="connsiteX9" fmla="*/ 10000 w 10000"/>
                <a:gd name="connsiteY9" fmla="*/ 3576 h 10056"/>
                <a:gd name="connsiteX10" fmla="*/ 9774 w 10000"/>
                <a:gd name="connsiteY10" fmla="*/ 3502 h 10056"/>
                <a:gd name="connsiteX11" fmla="*/ 9399 w 10000"/>
                <a:gd name="connsiteY11" fmla="*/ 3140 h 10056"/>
                <a:gd name="connsiteX12" fmla="*/ 9173 w 10000"/>
                <a:gd name="connsiteY12" fmla="*/ 2044 h 10056"/>
                <a:gd name="connsiteX13" fmla="*/ 9173 w 10000"/>
                <a:gd name="connsiteY13" fmla="*/ 1460 h 10056"/>
                <a:gd name="connsiteX14" fmla="*/ 9098 w 10000"/>
                <a:gd name="connsiteY14" fmla="*/ 729 h 10056"/>
                <a:gd name="connsiteX15" fmla="*/ 8873 w 10000"/>
                <a:gd name="connsiteY15" fmla="*/ 511 h 10056"/>
                <a:gd name="connsiteX16" fmla="*/ 8497 w 10000"/>
                <a:gd name="connsiteY16" fmla="*/ 219 h 10056"/>
                <a:gd name="connsiteX17" fmla="*/ 8272 w 10000"/>
                <a:gd name="connsiteY17" fmla="*/ 0 h 10056"/>
                <a:gd name="connsiteX18" fmla="*/ 7821 w 10000"/>
                <a:gd name="connsiteY18" fmla="*/ 293 h 10056"/>
                <a:gd name="connsiteX19" fmla="*/ 7370 w 10000"/>
                <a:gd name="connsiteY19" fmla="*/ 729 h 10056"/>
                <a:gd name="connsiteX20" fmla="*/ 6769 w 10000"/>
                <a:gd name="connsiteY20" fmla="*/ 729 h 10056"/>
                <a:gd name="connsiteX21" fmla="*/ 5717 w 10000"/>
                <a:gd name="connsiteY21" fmla="*/ 729 h 10056"/>
                <a:gd name="connsiteX22" fmla="*/ 5717 w 10000"/>
                <a:gd name="connsiteY22" fmla="*/ 658 h 10056"/>
                <a:gd name="connsiteX23" fmla="*/ 5643 w 10000"/>
                <a:gd name="connsiteY23" fmla="*/ 729 h 10056"/>
                <a:gd name="connsiteX24" fmla="*/ 1961 w 10000"/>
                <a:gd name="connsiteY24" fmla="*/ 729 h 10056"/>
                <a:gd name="connsiteX25" fmla="*/ 1961 w 10000"/>
                <a:gd name="connsiteY25" fmla="*/ 2263 h 10056"/>
                <a:gd name="connsiteX26" fmla="*/ 1285 w 10000"/>
                <a:gd name="connsiteY26" fmla="*/ 2263 h 10056"/>
                <a:gd name="connsiteX27" fmla="*/ 1285 w 10000"/>
                <a:gd name="connsiteY27" fmla="*/ 2556 h 10056"/>
                <a:gd name="connsiteX28" fmla="*/ 1285 w 10000"/>
                <a:gd name="connsiteY28" fmla="*/ 5179 h 10056"/>
                <a:gd name="connsiteX29" fmla="*/ 1135 w 10000"/>
                <a:gd name="connsiteY29" fmla="*/ 5327 h 10056"/>
                <a:gd name="connsiteX30" fmla="*/ 684 w 10000"/>
                <a:gd name="connsiteY30" fmla="*/ 5621 h 10056"/>
                <a:gd name="connsiteX31" fmla="*/ 609 w 10000"/>
                <a:gd name="connsiteY31" fmla="*/ 5986 h 10056"/>
                <a:gd name="connsiteX32" fmla="*/ 384 w 10000"/>
                <a:gd name="connsiteY32" fmla="*/ 6351 h 10056"/>
                <a:gd name="connsiteX33" fmla="*/ 234 w 10000"/>
                <a:gd name="connsiteY33" fmla="*/ 6935 h 10056"/>
                <a:gd name="connsiteX34" fmla="*/ 8 w 10000"/>
                <a:gd name="connsiteY34" fmla="*/ 7593 h 10056"/>
                <a:gd name="connsiteX35" fmla="*/ 384 w 10000"/>
                <a:gd name="connsiteY35" fmla="*/ 7664 h 10056"/>
                <a:gd name="connsiteX36" fmla="*/ 458 w 10000"/>
                <a:gd name="connsiteY36" fmla="*/ 8245 h 10056"/>
                <a:gd name="connsiteX37" fmla="*/ 684 w 10000"/>
                <a:gd name="connsiteY37" fmla="*/ 8831 h 10056"/>
                <a:gd name="connsiteX38" fmla="*/ 1059 w 10000"/>
                <a:gd name="connsiteY38" fmla="*/ 10000 h 10056"/>
                <a:gd name="connsiteX39" fmla="*/ 4315 w 10000"/>
                <a:gd name="connsiteY39" fmla="*/ 9657 h 10056"/>
                <a:gd name="connsiteX40" fmla="*/ 5064 w 10000"/>
                <a:gd name="connsiteY40" fmla="*/ 9274 h 10056"/>
                <a:gd name="connsiteX41" fmla="*/ 5457 w 10000"/>
                <a:gd name="connsiteY41" fmla="*/ 8984 h 10056"/>
                <a:gd name="connsiteX42" fmla="*/ 5884 w 10000"/>
                <a:gd name="connsiteY42" fmla="*/ 8740 h 10056"/>
                <a:gd name="connsiteX43" fmla="*/ 6040 w 10000"/>
                <a:gd name="connsiteY43" fmla="*/ 8368 h 10056"/>
                <a:gd name="connsiteX44" fmla="*/ 6382 w 10000"/>
                <a:gd name="connsiteY44" fmla="*/ 7982 h 10056"/>
                <a:gd name="connsiteX45" fmla="*/ 6428 w 10000"/>
                <a:gd name="connsiteY45" fmla="*/ 8181 h 10056"/>
                <a:gd name="connsiteX46" fmla="*/ 6444 w 10000"/>
                <a:gd name="connsiteY46" fmla="*/ 8428 h 10056"/>
                <a:gd name="connsiteX47" fmla="*/ 6766 w 10000"/>
                <a:gd name="connsiteY47" fmla="*/ 9268 h 10056"/>
                <a:gd name="connsiteX0" fmla="*/ 7446 w 10000"/>
                <a:gd name="connsiteY0" fmla="*/ 9488 h 10031"/>
                <a:gd name="connsiteX1" fmla="*/ 7446 w 10000"/>
                <a:gd name="connsiteY1" fmla="*/ 8978 h 10031"/>
                <a:gd name="connsiteX2" fmla="*/ 7821 w 10000"/>
                <a:gd name="connsiteY2" fmla="*/ 8978 h 10031"/>
                <a:gd name="connsiteX3" fmla="*/ 8047 w 10000"/>
                <a:gd name="connsiteY3" fmla="*/ 8029 h 10031"/>
                <a:gd name="connsiteX4" fmla="*/ 8648 w 10000"/>
                <a:gd name="connsiteY4" fmla="*/ 7444 h 10031"/>
                <a:gd name="connsiteX5" fmla="*/ 8873 w 10000"/>
                <a:gd name="connsiteY5" fmla="*/ 6351 h 10031"/>
                <a:gd name="connsiteX6" fmla="*/ 8722 w 10000"/>
                <a:gd name="connsiteY6" fmla="*/ 5768 h 10031"/>
                <a:gd name="connsiteX7" fmla="*/ 9098 w 10000"/>
                <a:gd name="connsiteY7" fmla="*/ 4525 h 10031"/>
                <a:gd name="connsiteX8" fmla="*/ 9399 w 10000"/>
                <a:gd name="connsiteY8" fmla="*/ 4160 h 10031"/>
                <a:gd name="connsiteX9" fmla="*/ 10000 w 10000"/>
                <a:gd name="connsiteY9" fmla="*/ 3576 h 10031"/>
                <a:gd name="connsiteX10" fmla="*/ 9774 w 10000"/>
                <a:gd name="connsiteY10" fmla="*/ 3502 h 10031"/>
                <a:gd name="connsiteX11" fmla="*/ 9399 w 10000"/>
                <a:gd name="connsiteY11" fmla="*/ 3140 h 10031"/>
                <a:gd name="connsiteX12" fmla="*/ 9173 w 10000"/>
                <a:gd name="connsiteY12" fmla="*/ 2044 h 10031"/>
                <a:gd name="connsiteX13" fmla="*/ 9173 w 10000"/>
                <a:gd name="connsiteY13" fmla="*/ 1460 h 10031"/>
                <a:gd name="connsiteX14" fmla="*/ 9098 w 10000"/>
                <a:gd name="connsiteY14" fmla="*/ 729 h 10031"/>
                <a:gd name="connsiteX15" fmla="*/ 8873 w 10000"/>
                <a:gd name="connsiteY15" fmla="*/ 511 h 10031"/>
                <a:gd name="connsiteX16" fmla="*/ 8497 w 10000"/>
                <a:gd name="connsiteY16" fmla="*/ 219 h 10031"/>
                <a:gd name="connsiteX17" fmla="*/ 8272 w 10000"/>
                <a:gd name="connsiteY17" fmla="*/ 0 h 10031"/>
                <a:gd name="connsiteX18" fmla="*/ 7821 w 10000"/>
                <a:gd name="connsiteY18" fmla="*/ 293 h 10031"/>
                <a:gd name="connsiteX19" fmla="*/ 7370 w 10000"/>
                <a:gd name="connsiteY19" fmla="*/ 729 h 10031"/>
                <a:gd name="connsiteX20" fmla="*/ 6769 w 10000"/>
                <a:gd name="connsiteY20" fmla="*/ 729 h 10031"/>
                <a:gd name="connsiteX21" fmla="*/ 5717 w 10000"/>
                <a:gd name="connsiteY21" fmla="*/ 729 h 10031"/>
                <a:gd name="connsiteX22" fmla="*/ 5717 w 10000"/>
                <a:gd name="connsiteY22" fmla="*/ 658 h 10031"/>
                <a:gd name="connsiteX23" fmla="*/ 5643 w 10000"/>
                <a:gd name="connsiteY23" fmla="*/ 729 h 10031"/>
                <a:gd name="connsiteX24" fmla="*/ 1961 w 10000"/>
                <a:gd name="connsiteY24" fmla="*/ 729 h 10031"/>
                <a:gd name="connsiteX25" fmla="*/ 1961 w 10000"/>
                <a:gd name="connsiteY25" fmla="*/ 2263 h 10031"/>
                <a:gd name="connsiteX26" fmla="*/ 1285 w 10000"/>
                <a:gd name="connsiteY26" fmla="*/ 2263 h 10031"/>
                <a:gd name="connsiteX27" fmla="*/ 1285 w 10000"/>
                <a:gd name="connsiteY27" fmla="*/ 2556 h 10031"/>
                <a:gd name="connsiteX28" fmla="*/ 1285 w 10000"/>
                <a:gd name="connsiteY28" fmla="*/ 5179 h 10031"/>
                <a:gd name="connsiteX29" fmla="*/ 1135 w 10000"/>
                <a:gd name="connsiteY29" fmla="*/ 5327 h 10031"/>
                <a:gd name="connsiteX30" fmla="*/ 684 w 10000"/>
                <a:gd name="connsiteY30" fmla="*/ 5621 h 10031"/>
                <a:gd name="connsiteX31" fmla="*/ 609 w 10000"/>
                <a:gd name="connsiteY31" fmla="*/ 5986 h 10031"/>
                <a:gd name="connsiteX32" fmla="*/ 384 w 10000"/>
                <a:gd name="connsiteY32" fmla="*/ 6351 h 10031"/>
                <a:gd name="connsiteX33" fmla="*/ 234 w 10000"/>
                <a:gd name="connsiteY33" fmla="*/ 6935 h 10031"/>
                <a:gd name="connsiteX34" fmla="*/ 8 w 10000"/>
                <a:gd name="connsiteY34" fmla="*/ 7593 h 10031"/>
                <a:gd name="connsiteX35" fmla="*/ 384 w 10000"/>
                <a:gd name="connsiteY35" fmla="*/ 7664 h 10031"/>
                <a:gd name="connsiteX36" fmla="*/ 458 w 10000"/>
                <a:gd name="connsiteY36" fmla="*/ 8245 h 10031"/>
                <a:gd name="connsiteX37" fmla="*/ 684 w 10000"/>
                <a:gd name="connsiteY37" fmla="*/ 8831 h 10031"/>
                <a:gd name="connsiteX38" fmla="*/ 1059 w 10000"/>
                <a:gd name="connsiteY38" fmla="*/ 10000 h 10031"/>
                <a:gd name="connsiteX39" fmla="*/ 4373 w 10000"/>
                <a:gd name="connsiteY39" fmla="*/ 9246 h 10031"/>
                <a:gd name="connsiteX40" fmla="*/ 5064 w 10000"/>
                <a:gd name="connsiteY40" fmla="*/ 9274 h 10031"/>
                <a:gd name="connsiteX41" fmla="*/ 5457 w 10000"/>
                <a:gd name="connsiteY41" fmla="*/ 8984 h 10031"/>
                <a:gd name="connsiteX42" fmla="*/ 5884 w 10000"/>
                <a:gd name="connsiteY42" fmla="*/ 8740 h 10031"/>
                <a:gd name="connsiteX43" fmla="*/ 6040 w 10000"/>
                <a:gd name="connsiteY43" fmla="*/ 8368 h 10031"/>
                <a:gd name="connsiteX44" fmla="*/ 6382 w 10000"/>
                <a:gd name="connsiteY44" fmla="*/ 7982 h 10031"/>
                <a:gd name="connsiteX45" fmla="*/ 6428 w 10000"/>
                <a:gd name="connsiteY45" fmla="*/ 8181 h 10031"/>
                <a:gd name="connsiteX46" fmla="*/ 6444 w 10000"/>
                <a:gd name="connsiteY46" fmla="*/ 8428 h 10031"/>
                <a:gd name="connsiteX47" fmla="*/ 6766 w 10000"/>
                <a:gd name="connsiteY47" fmla="*/ 9268 h 10031"/>
                <a:gd name="connsiteX0" fmla="*/ 7446 w 10000"/>
                <a:gd name="connsiteY0" fmla="*/ 9488 h 10031"/>
                <a:gd name="connsiteX1" fmla="*/ 7446 w 10000"/>
                <a:gd name="connsiteY1" fmla="*/ 8978 h 10031"/>
                <a:gd name="connsiteX2" fmla="*/ 7821 w 10000"/>
                <a:gd name="connsiteY2" fmla="*/ 8978 h 10031"/>
                <a:gd name="connsiteX3" fmla="*/ 8047 w 10000"/>
                <a:gd name="connsiteY3" fmla="*/ 8029 h 10031"/>
                <a:gd name="connsiteX4" fmla="*/ 8648 w 10000"/>
                <a:gd name="connsiteY4" fmla="*/ 7444 h 10031"/>
                <a:gd name="connsiteX5" fmla="*/ 8873 w 10000"/>
                <a:gd name="connsiteY5" fmla="*/ 6351 h 10031"/>
                <a:gd name="connsiteX6" fmla="*/ 8722 w 10000"/>
                <a:gd name="connsiteY6" fmla="*/ 5768 h 10031"/>
                <a:gd name="connsiteX7" fmla="*/ 9098 w 10000"/>
                <a:gd name="connsiteY7" fmla="*/ 4525 h 10031"/>
                <a:gd name="connsiteX8" fmla="*/ 9399 w 10000"/>
                <a:gd name="connsiteY8" fmla="*/ 4160 h 10031"/>
                <a:gd name="connsiteX9" fmla="*/ 10000 w 10000"/>
                <a:gd name="connsiteY9" fmla="*/ 3576 h 10031"/>
                <a:gd name="connsiteX10" fmla="*/ 9774 w 10000"/>
                <a:gd name="connsiteY10" fmla="*/ 3502 h 10031"/>
                <a:gd name="connsiteX11" fmla="*/ 9399 w 10000"/>
                <a:gd name="connsiteY11" fmla="*/ 3140 h 10031"/>
                <a:gd name="connsiteX12" fmla="*/ 9173 w 10000"/>
                <a:gd name="connsiteY12" fmla="*/ 2044 h 10031"/>
                <a:gd name="connsiteX13" fmla="*/ 9173 w 10000"/>
                <a:gd name="connsiteY13" fmla="*/ 1460 h 10031"/>
                <a:gd name="connsiteX14" fmla="*/ 9098 w 10000"/>
                <a:gd name="connsiteY14" fmla="*/ 729 h 10031"/>
                <a:gd name="connsiteX15" fmla="*/ 8873 w 10000"/>
                <a:gd name="connsiteY15" fmla="*/ 511 h 10031"/>
                <a:gd name="connsiteX16" fmla="*/ 8497 w 10000"/>
                <a:gd name="connsiteY16" fmla="*/ 219 h 10031"/>
                <a:gd name="connsiteX17" fmla="*/ 8272 w 10000"/>
                <a:gd name="connsiteY17" fmla="*/ 0 h 10031"/>
                <a:gd name="connsiteX18" fmla="*/ 7821 w 10000"/>
                <a:gd name="connsiteY18" fmla="*/ 293 h 10031"/>
                <a:gd name="connsiteX19" fmla="*/ 7370 w 10000"/>
                <a:gd name="connsiteY19" fmla="*/ 729 h 10031"/>
                <a:gd name="connsiteX20" fmla="*/ 6769 w 10000"/>
                <a:gd name="connsiteY20" fmla="*/ 729 h 10031"/>
                <a:gd name="connsiteX21" fmla="*/ 5717 w 10000"/>
                <a:gd name="connsiteY21" fmla="*/ 729 h 10031"/>
                <a:gd name="connsiteX22" fmla="*/ 5717 w 10000"/>
                <a:gd name="connsiteY22" fmla="*/ 658 h 10031"/>
                <a:gd name="connsiteX23" fmla="*/ 5643 w 10000"/>
                <a:gd name="connsiteY23" fmla="*/ 729 h 10031"/>
                <a:gd name="connsiteX24" fmla="*/ 1961 w 10000"/>
                <a:gd name="connsiteY24" fmla="*/ 729 h 10031"/>
                <a:gd name="connsiteX25" fmla="*/ 1961 w 10000"/>
                <a:gd name="connsiteY25" fmla="*/ 2263 h 10031"/>
                <a:gd name="connsiteX26" fmla="*/ 1285 w 10000"/>
                <a:gd name="connsiteY26" fmla="*/ 2263 h 10031"/>
                <a:gd name="connsiteX27" fmla="*/ 1285 w 10000"/>
                <a:gd name="connsiteY27" fmla="*/ 2556 h 10031"/>
                <a:gd name="connsiteX28" fmla="*/ 1285 w 10000"/>
                <a:gd name="connsiteY28" fmla="*/ 5179 h 10031"/>
                <a:gd name="connsiteX29" fmla="*/ 1135 w 10000"/>
                <a:gd name="connsiteY29" fmla="*/ 5327 h 10031"/>
                <a:gd name="connsiteX30" fmla="*/ 684 w 10000"/>
                <a:gd name="connsiteY30" fmla="*/ 5621 h 10031"/>
                <a:gd name="connsiteX31" fmla="*/ 609 w 10000"/>
                <a:gd name="connsiteY31" fmla="*/ 5986 h 10031"/>
                <a:gd name="connsiteX32" fmla="*/ 384 w 10000"/>
                <a:gd name="connsiteY32" fmla="*/ 6351 h 10031"/>
                <a:gd name="connsiteX33" fmla="*/ 234 w 10000"/>
                <a:gd name="connsiteY33" fmla="*/ 6935 h 10031"/>
                <a:gd name="connsiteX34" fmla="*/ 8 w 10000"/>
                <a:gd name="connsiteY34" fmla="*/ 7593 h 10031"/>
                <a:gd name="connsiteX35" fmla="*/ 384 w 10000"/>
                <a:gd name="connsiteY35" fmla="*/ 7664 h 10031"/>
                <a:gd name="connsiteX36" fmla="*/ 458 w 10000"/>
                <a:gd name="connsiteY36" fmla="*/ 8245 h 10031"/>
                <a:gd name="connsiteX37" fmla="*/ 684 w 10000"/>
                <a:gd name="connsiteY37" fmla="*/ 8831 h 10031"/>
                <a:gd name="connsiteX38" fmla="*/ 1059 w 10000"/>
                <a:gd name="connsiteY38" fmla="*/ 10000 h 10031"/>
                <a:gd name="connsiteX39" fmla="*/ 4373 w 10000"/>
                <a:gd name="connsiteY39" fmla="*/ 9246 h 10031"/>
                <a:gd name="connsiteX40" fmla="*/ 5064 w 10000"/>
                <a:gd name="connsiteY40" fmla="*/ 9274 h 10031"/>
                <a:gd name="connsiteX41" fmla="*/ 5457 w 10000"/>
                <a:gd name="connsiteY41" fmla="*/ 8984 h 10031"/>
                <a:gd name="connsiteX42" fmla="*/ 5884 w 10000"/>
                <a:gd name="connsiteY42" fmla="*/ 8740 h 10031"/>
                <a:gd name="connsiteX43" fmla="*/ 6040 w 10000"/>
                <a:gd name="connsiteY43" fmla="*/ 8368 h 10031"/>
                <a:gd name="connsiteX44" fmla="*/ 6382 w 10000"/>
                <a:gd name="connsiteY44" fmla="*/ 7982 h 10031"/>
                <a:gd name="connsiteX45" fmla="*/ 6428 w 10000"/>
                <a:gd name="connsiteY45" fmla="*/ 8181 h 10031"/>
                <a:gd name="connsiteX46" fmla="*/ 6444 w 10000"/>
                <a:gd name="connsiteY46" fmla="*/ 8428 h 10031"/>
                <a:gd name="connsiteX47" fmla="*/ 6766 w 10000"/>
                <a:gd name="connsiteY47" fmla="*/ 9268 h 10031"/>
                <a:gd name="connsiteX0" fmla="*/ 7446 w 10000"/>
                <a:gd name="connsiteY0" fmla="*/ 9488 h 10031"/>
                <a:gd name="connsiteX1" fmla="*/ 7446 w 10000"/>
                <a:gd name="connsiteY1" fmla="*/ 8978 h 10031"/>
                <a:gd name="connsiteX2" fmla="*/ 7821 w 10000"/>
                <a:gd name="connsiteY2" fmla="*/ 8978 h 10031"/>
                <a:gd name="connsiteX3" fmla="*/ 8047 w 10000"/>
                <a:gd name="connsiteY3" fmla="*/ 8029 h 10031"/>
                <a:gd name="connsiteX4" fmla="*/ 8648 w 10000"/>
                <a:gd name="connsiteY4" fmla="*/ 7444 h 10031"/>
                <a:gd name="connsiteX5" fmla="*/ 8873 w 10000"/>
                <a:gd name="connsiteY5" fmla="*/ 6351 h 10031"/>
                <a:gd name="connsiteX6" fmla="*/ 8722 w 10000"/>
                <a:gd name="connsiteY6" fmla="*/ 5768 h 10031"/>
                <a:gd name="connsiteX7" fmla="*/ 9098 w 10000"/>
                <a:gd name="connsiteY7" fmla="*/ 4525 h 10031"/>
                <a:gd name="connsiteX8" fmla="*/ 9399 w 10000"/>
                <a:gd name="connsiteY8" fmla="*/ 4160 h 10031"/>
                <a:gd name="connsiteX9" fmla="*/ 10000 w 10000"/>
                <a:gd name="connsiteY9" fmla="*/ 3576 h 10031"/>
                <a:gd name="connsiteX10" fmla="*/ 9774 w 10000"/>
                <a:gd name="connsiteY10" fmla="*/ 3502 h 10031"/>
                <a:gd name="connsiteX11" fmla="*/ 9399 w 10000"/>
                <a:gd name="connsiteY11" fmla="*/ 3140 h 10031"/>
                <a:gd name="connsiteX12" fmla="*/ 9173 w 10000"/>
                <a:gd name="connsiteY12" fmla="*/ 2044 h 10031"/>
                <a:gd name="connsiteX13" fmla="*/ 9173 w 10000"/>
                <a:gd name="connsiteY13" fmla="*/ 1460 h 10031"/>
                <a:gd name="connsiteX14" fmla="*/ 9098 w 10000"/>
                <a:gd name="connsiteY14" fmla="*/ 729 h 10031"/>
                <a:gd name="connsiteX15" fmla="*/ 8873 w 10000"/>
                <a:gd name="connsiteY15" fmla="*/ 511 h 10031"/>
                <a:gd name="connsiteX16" fmla="*/ 8497 w 10000"/>
                <a:gd name="connsiteY16" fmla="*/ 219 h 10031"/>
                <a:gd name="connsiteX17" fmla="*/ 8272 w 10000"/>
                <a:gd name="connsiteY17" fmla="*/ 0 h 10031"/>
                <a:gd name="connsiteX18" fmla="*/ 7821 w 10000"/>
                <a:gd name="connsiteY18" fmla="*/ 293 h 10031"/>
                <a:gd name="connsiteX19" fmla="*/ 7370 w 10000"/>
                <a:gd name="connsiteY19" fmla="*/ 729 h 10031"/>
                <a:gd name="connsiteX20" fmla="*/ 6769 w 10000"/>
                <a:gd name="connsiteY20" fmla="*/ 729 h 10031"/>
                <a:gd name="connsiteX21" fmla="*/ 5717 w 10000"/>
                <a:gd name="connsiteY21" fmla="*/ 729 h 10031"/>
                <a:gd name="connsiteX22" fmla="*/ 5717 w 10000"/>
                <a:gd name="connsiteY22" fmla="*/ 658 h 10031"/>
                <a:gd name="connsiteX23" fmla="*/ 5643 w 10000"/>
                <a:gd name="connsiteY23" fmla="*/ 729 h 10031"/>
                <a:gd name="connsiteX24" fmla="*/ 1961 w 10000"/>
                <a:gd name="connsiteY24" fmla="*/ 729 h 10031"/>
                <a:gd name="connsiteX25" fmla="*/ 1961 w 10000"/>
                <a:gd name="connsiteY25" fmla="*/ 2263 h 10031"/>
                <a:gd name="connsiteX26" fmla="*/ 1285 w 10000"/>
                <a:gd name="connsiteY26" fmla="*/ 2263 h 10031"/>
                <a:gd name="connsiteX27" fmla="*/ 1285 w 10000"/>
                <a:gd name="connsiteY27" fmla="*/ 2556 h 10031"/>
                <a:gd name="connsiteX28" fmla="*/ 1285 w 10000"/>
                <a:gd name="connsiteY28" fmla="*/ 5179 h 10031"/>
                <a:gd name="connsiteX29" fmla="*/ 1135 w 10000"/>
                <a:gd name="connsiteY29" fmla="*/ 5327 h 10031"/>
                <a:gd name="connsiteX30" fmla="*/ 684 w 10000"/>
                <a:gd name="connsiteY30" fmla="*/ 5621 h 10031"/>
                <a:gd name="connsiteX31" fmla="*/ 609 w 10000"/>
                <a:gd name="connsiteY31" fmla="*/ 5986 h 10031"/>
                <a:gd name="connsiteX32" fmla="*/ 384 w 10000"/>
                <a:gd name="connsiteY32" fmla="*/ 6351 h 10031"/>
                <a:gd name="connsiteX33" fmla="*/ 234 w 10000"/>
                <a:gd name="connsiteY33" fmla="*/ 6935 h 10031"/>
                <a:gd name="connsiteX34" fmla="*/ 8 w 10000"/>
                <a:gd name="connsiteY34" fmla="*/ 7593 h 10031"/>
                <a:gd name="connsiteX35" fmla="*/ 384 w 10000"/>
                <a:gd name="connsiteY35" fmla="*/ 7664 h 10031"/>
                <a:gd name="connsiteX36" fmla="*/ 458 w 10000"/>
                <a:gd name="connsiteY36" fmla="*/ 8245 h 10031"/>
                <a:gd name="connsiteX37" fmla="*/ 684 w 10000"/>
                <a:gd name="connsiteY37" fmla="*/ 8831 h 10031"/>
                <a:gd name="connsiteX38" fmla="*/ 1059 w 10000"/>
                <a:gd name="connsiteY38" fmla="*/ 10000 h 10031"/>
                <a:gd name="connsiteX39" fmla="*/ 4373 w 10000"/>
                <a:gd name="connsiteY39" fmla="*/ 9246 h 10031"/>
                <a:gd name="connsiteX40" fmla="*/ 5064 w 10000"/>
                <a:gd name="connsiteY40" fmla="*/ 9311 h 10031"/>
                <a:gd name="connsiteX41" fmla="*/ 5457 w 10000"/>
                <a:gd name="connsiteY41" fmla="*/ 8984 h 10031"/>
                <a:gd name="connsiteX42" fmla="*/ 5884 w 10000"/>
                <a:gd name="connsiteY42" fmla="*/ 8740 h 10031"/>
                <a:gd name="connsiteX43" fmla="*/ 6040 w 10000"/>
                <a:gd name="connsiteY43" fmla="*/ 8368 h 10031"/>
                <a:gd name="connsiteX44" fmla="*/ 6382 w 10000"/>
                <a:gd name="connsiteY44" fmla="*/ 7982 h 10031"/>
                <a:gd name="connsiteX45" fmla="*/ 6428 w 10000"/>
                <a:gd name="connsiteY45" fmla="*/ 8181 h 10031"/>
                <a:gd name="connsiteX46" fmla="*/ 6444 w 10000"/>
                <a:gd name="connsiteY46" fmla="*/ 8428 h 10031"/>
                <a:gd name="connsiteX47" fmla="*/ 6766 w 10000"/>
                <a:gd name="connsiteY47" fmla="*/ 9268 h 10031"/>
                <a:gd name="connsiteX0" fmla="*/ 7446 w 10000"/>
                <a:gd name="connsiteY0" fmla="*/ 9488 h 10031"/>
                <a:gd name="connsiteX1" fmla="*/ 7446 w 10000"/>
                <a:gd name="connsiteY1" fmla="*/ 8978 h 10031"/>
                <a:gd name="connsiteX2" fmla="*/ 7821 w 10000"/>
                <a:gd name="connsiteY2" fmla="*/ 8978 h 10031"/>
                <a:gd name="connsiteX3" fmla="*/ 8047 w 10000"/>
                <a:gd name="connsiteY3" fmla="*/ 8029 h 10031"/>
                <a:gd name="connsiteX4" fmla="*/ 8648 w 10000"/>
                <a:gd name="connsiteY4" fmla="*/ 7444 h 10031"/>
                <a:gd name="connsiteX5" fmla="*/ 8873 w 10000"/>
                <a:gd name="connsiteY5" fmla="*/ 6351 h 10031"/>
                <a:gd name="connsiteX6" fmla="*/ 8722 w 10000"/>
                <a:gd name="connsiteY6" fmla="*/ 5768 h 10031"/>
                <a:gd name="connsiteX7" fmla="*/ 9098 w 10000"/>
                <a:gd name="connsiteY7" fmla="*/ 4525 h 10031"/>
                <a:gd name="connsiteX8" fmla="*/ 9399 w 10000"/>
                <a:gd name="connsiteY8" fmla="*/ 4160 h 10031"/>
                <a:gd name="connsiteX9" fmla="*/ 10000 w 10000"/>
                <a:gd name="connsiteY9" fmla="*/ 3576 h 10031"/>
                <a:gd name="connsiteX10" fmla="*/ 9774 w 10000"/>
                <a:gd name="connsiteY10" fmla="*/ 3502 h 10031"/>
                <a:gd name="connsiteX11" fmla="*/ 9399 w 10000"/>
                <a:gd name="connsiteY11" fmla="*/ 3140 h 10031"/>
                <a:gd name="connsiteX12" fmla="*/ 9173 w 10000"/>
                <a:gd name="connsiteY12" fmla="*/ 2044 h 10031"/>
                <a:gd name="connsiteX13" fmla="*/ 9173 w 10000"/>
                <a:gd name="connsiteY13" fmla="*/ 1460 h 10031"/>
                <a:gd name="connsiteX14" fmla="*/ 9098 w 10000"/>
                <a:gd name="connsiteY14" fmla="*/ 729 h 10031"/>
                <a:gd name="connsiteX15" fmla="*/ 8873 w 10000"/>
                <a:gd name="connsiteY15" fmla="*/ 511 h 10031"/>
                <a:gd name="connsiteX16" fmla="*/ 8497 w 10000"/>
                <a:gd name="connsiteY16" fmla="*/ 219 h 10031"/>
                <a:gd name="connsiteX17" fmla="*/ 8272 w 10000"/>
                <a:gd name="connsiteY17" fmla="*/ 0 h 10031"/>
                <a:gd name="connsiteX18" fmla="*/ 7821 w 10000"/>
                <a:gd name="connsiteY18" fmla="*/ 293 h 10031"/>
                <a:gd name="connsiteX19" fmla="*/ 7370 w 10000"/>
                <a:gd name="connsiteY19" fmla="*/ 729 h 10031"/>
                <a:gd name="connsiteX20" fmla="*/ 6769 w 10000"/>
                <a:gd name="connsiteY20" fmla="*/ 729 h 10031"/>
                <a:gd name="connsiteX21" fmla="*/ 5717 w 10000"/>
                <a:gd name="connsiteY21" fmla="*/ 729 h 10031"/>
                <a:gd name="connsiteX22" fmla="*/ 5717 w 10000"/>
                <a:gd name="connsiteY22" fmla="*/ 658 h 10031"/>
                <a:gd name="connsiteX23" fmla="*/ 5643 w 10000"/>
                <a:gd name="connsiteY23" fmla="*/ 729 h 10031"/>
                <a:gd name="connsiteX24" fmla="*/ 1961 w 10000"/>
                <a:gd name="connsiteY24" fmla="*/ 729 h 10031"/>
                <a:gd name="connsiteX25" fmla="*/ 1961 w 10000"/>
                <a:gd name="connsiteY25" fmla="*/ 2263 h 10031"/>
                <a:gd name="connsiteX26" fmla="*/ 1285 w 10000"/>
                <a:gd name="connsiteY26" fmla="*/ 2263 h 10031"/>
                <a:gd name="connsiteX27" fmla="*/ 1285 w 10000"/>
                <a:gd name="connsiteY27" fmla="*/ 2556 h 10031"/>
                <a:gd name="connsiteX28" fmla="*/ 1285 w 10000"/>
                <a:gd name="connsiteY28" fmla="*/ 5179 h 10031"/>
                <a:gd name="connsiteX29" fmla="*/ 1135 w 10000"/>
                <a:gd name="connsiteY29" fmla="*/ 5327 h 10031"/>
                <a:gd name="connsiteX30" fmla="*/ 684 w 10000"/>
                <a:gd name="connsiteY30" fmla="*/ 5621 h 10031"/>
                <a:gd name="connsiteX31" fmla="*/ 609 w 10000"/>
                <a:gd name="connsiteY31" fmla="*/ 5986 h 10031"/>
                <a:gd name="connsiteX32" fmla="*/ 384 w 10000"/>
                <a:gd name="connsiteY32" fmla="*/ 6351 h 10031"/>
                <a:gd name="connsiteX33" fmla="*/ 234 w 10000"/>
                <a:gd name="connsiteY33" fmla="*/ 6935 h 10031"/>
                <a:gd name="connsiteX34" fmla="*/ 8 w 10000"/>
                <a:gd name="connsiteY34" fmla="*/ 7593 h 10031"/>
                <a:gd name="connsiteX35" fmla="*/ 384 w 10000"/>
                <a:gd name="connsiteY35" fmla="*/ 7664 h 10031"/>
                <a:gd name="connsiteX36" fmla="*/ 458 w 10000"/>
                <a:gd name="connsiteY36" fmla="*/ 8245 h 10031"/>
                <a:gd name="connsiteX37" fmla="*/ 684 w 10000"/>
                <a:gd name="connsiteY37" fmla="*/ 8831 h 10031"/>
                <a:gd name="connsiteX38" fmla="*/ 1059 w 10000"/>
                <a:gd name="connsiteY38" fmla="*/ 10000 h 10031"/>
                <a:gd name="connsiteX39" fmla="*/ 4373 w 10000"/>
                <a:gd name="connsiteY39" fmla="*/ 9246 h 10031"/>
                <a:gd name="connsiteX40" fmla="*/ 5064 w 10000"/>
                <a:gd name="connsiteY40" fmla="*/ 9311 h 10031"/>
                <a:gd name="connsiteX41" fmla="*/ 5457 w 10000"/>
                <a:gd name="connsiteY41" fmla="*/ 8984 h 10031"/>
                <a:gd name="connsiteX42" fmla="*/ 5884 w 10000"/>
                <a:gd name="connsiteY42" fmla="*/ 8740 h 10031"/>
                <a:gd name="connsiteX43" fmla="*/ 6040 w 10000"/>
                <a:gd name="connsiteY43" fmla="*/ 8368 h 10031"/>
                <a:gd name="connsiteX44" fmla="*/ 6382 w 10000"/>
                <a:gd name="connsiteY44" fmla="*/ 7982 h 10031"/>
                <a:gd name="connsiteX45" fmla="*/ 6428 w 10000"/>
                <a:gd name="connsiteY45" fmla="*/ 8181 h 10031"/>
                <a:gd name="connsiteX46" fmla="*/ 6444 w 10000"/>
                <a:gd name="connsiteY46" fmla="*/ 8428 h 10031"/>
                <a:gd name="connsiteX47" fmla="*/ 6766 w 10000"/>
                <a:gd name="connsiteY47" fmla="*/ 9268 h 10031"/>
                <a:gd name="connsiteX0" fmla="*/ 7446 w 10000"/>
                <a:gd name="connsiteY0" fmla="*/ 9488 h 10033"/>
                <a:gd name="connsiteX1" fmla="*/ 7446 w 10000"/>
                <a:gd name="connsiteY1" fmla="*/ 8978 h 10033"/>
                <a:gd name="connsiteX2" fmla="*/ 7821 w 10000"/>
                <a:gd name="connsiteY2" fmla="*/ 8978 h 10033"/>
                <a:gd name="connsiteX3" fmla="*/ 8047 w 10000"/>
                <a:gd name="connsiteY3" fmla="*/ 8029 h 10033"/>
                <a:gd name="connsiteX4" fmla="*/ 8648 w 10000"/>
                <a:gd name="connsiteY4" fmla="*/ 7444 h 10033"/>
                <a:gd name="connsiteX5" fmla="*/ 8873 w 10000"/>
                <a:gd name="connsiteY5" fmla="*/ 6351 h 10033"/>
                <a:gd name="connsiteX6" fmla="*/ 8722 w 10000"/>
                <a:gd name="connsiteY6" fmla="*/ 5768 h 10033"/>
                <a:gd name="connsiteX7" fmla="*/ 9098 w 10000"/>
                <a:gd name="connsiteY7" fmla="*/ 4525 h 10033"/>
                <a:gd name="connsiteX8" fmla="*/ 9399 w 10000"/>
                <a:gd name="connsiteY8" fmla="*/ 4160 h 10033"/>
                <a:gd name="connsiteX9" fmla="*/ 10000 w 10000"/>
                <a:gd name="connsiteY9" fmla="*/ 3576 h 10033"/>
                <a:gd name="connsiteX10" fmla="*/ 9774 w 10000"/>
                <a:gd name="connsiteY10" fmla="*/ 3502 h 10033"/>
                <a:gd name="connsiteX11" fmla="*/ 9399 w 10000"/>
                <a:gd name="connsiteY11" fmla="*/ 3140 h 10033"/>
                <a:gd name="connsiteX12" fmla="*/ 9173 w 10000"/>
                <a:gd name="connsiteY12" fmla="*/ 2044 h 10033"/>
                <a:gd name="connsiteX13" fmla="*/ 9173 w 10000"/>
                <a:gd name="connsiteY13" fmla="*/ 1460 h 10033"/>
                <a:gd name="connsiteX14" fmla="*/ 9098 w 10000"/>
                <a:gd name="connsiteY14" fmla="*/ 729 h 10033"/>
                <a:gd name="connsiteX15" fmla="*/ 8873 w 10000"/>
                <a:gd name="connsiteY15" fmla="*/ 511 h 10033"/>
                <a:gd name="connsiteX16" fmla="*/ 8497 w 10000"/>
                <a:gd name="connsiteY16" fmla="*/ 219 h 10033"/>
                <a:gd name="connsiteX17" fmla="*/ 8272 w 10000"/>
                <a:gd name="connsiteY17" fmla="*/ 0 h 10033"/>
                <a:gd name="connsiteX18" fmla="*/ 7821 w 10000"/>
                <a:gd name="connsiteY18" fmla="*/ 293 h 10033"/>
                <a:gd name="connsiteX19" fmla="*/ 7370 w 10000"/>
                <a:gd name="connsiteY19" fmla="*/ 729 h 10033"/>
                <a:gd name="connsiteX20" fmla="*/ 6769 w 10000"/>
                <a:gd name="connsiteY20" fmla="*/ 729 h 10033"/>
                <a:gd name="connsiteX21" fmla="*/ 5717 w 10000"/>
                <a:gd name="connsiteY21" fmla="*/ 729 h 10033"/>
                <a:gd name="connsiteX22" fmla="*/ 5717 w 10000"/>
                <a:gd name="connsiteY22" fmla="*/ 658 h 10033"/>
                <a:gd name="connsiteX23" fmla="*/ 5643 w 10000"/>
                <a:gd name="connsiteY23" fmla="*/ 729 h 10033"/>
                <a:gd name="connsiteX24" fmla="*/ 1961 w 10000"/>
                <a:gd name="connsiteY24" fmla="*/ 729 h 10033"/>
                <a:gd name="connsiteX25" fmla="*/ 1961 w 10000"/>
                <a:gd name="connsiteY25" fmla="*/ 2263 h 10033"/>
                <a:gd name="connsiteX26" fmla="*/ 1285 w 10000"/>
                <a:gd name="connsiteY26" fmla="*/ 2263 h 10033"/>
                <a:gd name="connsiteX27" fmla="*/ 1285 w 10000"/>
                <a:gd name="connsiteY27" fmla="*/ 2556 h 10033"/>
                <a:gd name="connsiteX28" fmla="*/ 1285 w 10000"/>
                <a:gd name="connsiteY28" fmla="*/ 5179 h 10033"/>
                <a:gd name="connsiteX29" fmla="*/ 1135 w 10000"/>
                <a:gd name="connsiteY29" fmla="*/ 5327 h 10033"/>
                <a:gd name="connsiteX30" fmla="*/ 684 w 10000"/>
                <a:gd name="connsiteY30" fmla="*/ 5621 h 10033"/>
                <a:gd name="connsiteX31" fmla="*/ 609 w 10000"/>
                <a:gd name="connsiteY31" fmla="*/ 5986 h 10033"/>
                <a:gd name="connsiteX32" fmla="*/ 384 w 10000"/>
                <a:gd name="connsiteY32" fmla="*/ 6351 h 10033"/>
                <a:gd name="connsiteX33" fmla="*/ 234 w 10000"/>
                <a:gd name="connsiteY33" fmla="*/ 6935 h 10033"/>
                <a:gd name="connsiteX34" fmla="*/ 8 w 10000"/>
                <a:gd name="connsiteY34" fmla="*/ 7593 h 10033"/>
                <a:gd name="connsiteX35" fmla="*/ 384 w 10000"/>
                <a:gd name="connsiteY35" fmla="*/ 7664 h 10033"/>
                <a:gd name="connsiteX36" fmla="*/ 458 w 10000"/>
                <a:gd name="connsiteY36" fmla="*/ 8245 h 10033"/>
                <a:gd name="connsiteX37" fmla="*/ 684 w 10000"/>
                <a:gd name="connsiteY37" fmla="*/ 8831 h 10033"/>
                <a:gd name="connsiteX38" fmla="*/ 1059 w 10000"/>
                <a:gd name="connsiteY38" fmla="*/ 10000 h 10033"/>
                <a:gd name="connsiteX39" fmla="*/ 4373 w 10000"/>
                <a:gd name="connsiteY39" fmla="*/ 9293 h 10033"/>
                <a:gd name="connsiteX40" fmla="*/ 5064 w 10000"/>
                <a:gd name="connsiteY40" fmla="*/ 9311 h 10033"/>
                <a:gd name="connsiteX41" fmla="*/ 5457 w 10000"/>
                <a:gd name="connsiteY41" fmla="*/ 8984 h 10033"/>
                <a:gd name="connsiteX42" fmla="*/ 5884 w 10000"/>
                <a:gd name="connsiteY42" fmla="*/ 8740 h 10033"/>
                <a:gd name="connsiteX43" fmla="*/ 6040 w 10000"/>
                <a:gd name="connsiteY43" fmla="*/ 8368 h 10033"/>
                <a:gd name="connsiteX44" fmla="*/ 6382 w 10000"/>
                <a:gd name="connsiteY44" fmla="*/ 7982 h 10033"/>
                <a:gd name="connsiteX45" fmla="*/ 6428 w 10000"/>
                <a:gd name="connsiteY45" fmla="*/ 8181 h 10033"/>
                <a:gd name="connsiteX46" fmla="*/ 6444 w 10000"/>
                <a:gd name="connsiteY46" fmla="*/ 8428 h 10033"/>
                <a:gd name="connsiteX47" fmla="*/ 6766 w 10000"/>
                <a:gd name="connsiteY47" fmla="*/ 9268 h 10033"/>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3729 w 10000"/>
                <a:gd name="connsiteY39" fmla="*/ 9526 h 10015"/>
                <a:gd name="connsiteX40" fmla="*/ 4373 w 10000"/>
                <a:gd name="connsiteY40" fmla="*/ 9293 h 10015"/>
                <a:gd name="connsiteX41" fmla="*/ 5064 w 10000"/>
                <a:gd name="connsiteY41" fmla="*/ 9311 h 10015"/>
                <a:gd name="connsiteX42" fmla="*/ 5457 w 10000"/>
                <a:gd name="connsiteY42" fmla="*/ 8984 h 10015"/>
                <a:gd name="connsiteX43" fmla="*/ 5884 w 10000"/>
                <a:gd name="connsiteY43" fmla="*/ 8740 h 10015"/>
                <a:gd name="connsiteX44" fmla="*/ 6040 w 10000"/>
                <a:gd name="connsiteY44" fmla="*/ 8368 h 10015"/>
                <a:gd name="connsiteX45" fmla="*/ 6382 w 10000"/>
                <a:gd name="connsiteY45" fmla="*/ 7982 h 10015"/>
                <a:gd name="connsiteX46" fmla="*/ 6428 w 10000"/>
                <a:gd name="connsiteY46" fmla="*/ 8181 h 10015"/>
                <a:gd name="connsiteX47" fmla="*/ 6444 w 10000"/>
                <a:gd name="connsiteY47" fmla="*/ 8428 h 10015"/>
                <a:gd name="connsiteX48" fmla="*/ 6766 w 10000"/>
                <a:gd name="connsiteY48" fmla="*/ 9268 h 10015"/>
                <a:gd name="connsiteX0" fmla="*/ 7446 w 10000"/>
                <a:gd name="connsiteY0" fmla="*/ 9488 h 10020"/>
                <a:gd name="connsiteX1" fmla="*/ 7446 w 10000"/>
                <a:gd name="connsiteY1" fmla="*/ 8978 h 10020"/>
                <a:gd name="connsiteX2" fmla="*/ 7821 w 10000"/>
                <a:gd name="connsiteY2" fmla="*/ 8978 h 10020"/>
                <a:gd name="connsiteX3" fmla="*/ 8047 w 10000"/>
                <a:gd name="connsiteY3" fmla="*/ 8029 h 10020"/>
                <a:gd name="connsiteX4" fmla="*/ 8648 w 10000"/>
                <a:gd name="connsiteY4" fmla="*/ 7444 h 10020"/>
                <a:gd name="connsiteX5" fmla="*/ 8873 w 10000"/>
                <a:gd name="connsiteY5" fmla="*/ 6351 h 10020"/>
                <a:gd name="connsiteX6" fmla="*/ 8722 w 10000"/>
                <a:gd name="connsiteY6" fmla="*/ 5768 h 10020"/>
                <a:gd name="connsiteX7" fmla="*/ 9098 w 10000"/>
                <a:gd name="connsiteY7" fmla="*/ 4525 h 10020"/>
                <a:gd name="connsiteX8" fmla="*/ 9399 w 10000"/>
                <a:gd name="connsiteY8" fmla="*/ 4160 h 10020"/>
                <a:gd name="connsiteX9" fmla="*/ 10000 w 10000"/>
                <a:gd name="connsiteY9" fmla="*/ 3576 h 10020"/>
                <a:gd name="connsiteX10" fmla="*/ 9774 w 10000"/>
                <a:gd name="connsiteY10" fmla="*/ 3502 h 10020"/>
                <a:gd name="connsiteX11" fmla="*/ 9399 w 10000"/>
                <a:gd name="connsiteY11" fmla="*/ 3140 h 10020"/>
                <a:gd name="connsiteX12" fmla="*/ 9173 w 10000"/>
                <a:gd name="connsiteY12" fmla="*/ 2044 h 10020"/>
                <a:gd name="connsiteX13" fmla="*/ 9173 w 10000"/>
                <a:gd name="connsiteY13" fmla="*/ 1460 h 10020"/>
                <a:gd name="connsiteX14" fmla="*/ 9098 w 10000"/>
                <a:gd name="connsiteY14" fmla="*/ 729 h 10020"/>
                <a:gd name="connsiteX15" fmla="*/ 8873 w 10000"/>
                <a:gd name="connsiteY15" fmla="*/ 511 h 10020"/>
                <a:gd name="connsiteX16" fmla="*/ 8497 w 10000"/>
                <a:gd name="connsiteY16" fmla="*/ 219 h 10020"/>
                <a:gd name="connsiteX17" fmla="*/ 8272 w 10000"/>
                <a:gd name="connsiteY17" fmla="*/ 0 h 10020"/>
                <a:gd name="connsiteX18" fmla="*/ 7821 w 10000"/>
                <a:gd name="connsiteY18" fmla="*/ 293 h 10020"/>
                <a:gd name="connsiteX19" fmla="*/ 7370 w 10000"/>
                <a:gd name="connsiteY19" fmla="*/ 729 h 10020"/>
                <a:gd name="connsiteX20" fmla="*/ 6769 w 10000"/>
                <a:gd name="connsiteY20" fmla="*/ 729 h 10020"/>
                <a:gd name="connsiteX21" fmla="*/ 5717 w 10000"/>
                <a:gd name="connsiteY21" fmla="*/ 729 h 10020"/>
                <a:gd name="connsiteX22" fmla="*/ 5717 w 10000"/>
                <a:gd name="connsiteY22" fmla="*/ 658 h 10020"/>
                <a:gd name="connsiteX23" fmla="*/ 5643 w 10000"/>
                <a:gd name="connsiteY23" fmla="*/ 729 h 10020"/>
                <a:gd name="connsiteX24" fmla="*/ 1961 w 10000"/>
                <a:gd name="connsiteY24" fmla="*/ 729 h 10020"/>
                <a:gd name="connsiteX25" fmla="*/ 1961 w 10000"/>
                <a:gd name="connsiteY25" fmla="*/ 2263 h 10020"/>
                <a:gd name="connsiteX26" fmla="*/ 1285 w 10000"/>
                <a:gd name="connsiteY26" fmla="*/ 2263 h 10020"/>
                <a:gd name="connsiteX27" fmla="*/ 1285 w 10000"/>
                <a:gd name="connsiteY27" fmla="*/ 2556 h 10020"/>
                <a:gd name="connsiteX28" fmla="*/ 1285 w 10000"/>
                <a:gd name="connsiteY28" fmla="*/ 5179 h 10020"/>
                <a:gd name="connsiteX29" fmla="*/ 1135 w 10000"/>
                <a:gd name="connsiteY29" fmla="*/ 5327 h 10020"/>
                <a:gd name="connsiteX30" fmla="*/ 684 w 10000"/>
                <a:gd name="connsiteY30" fmla="*/ 5621 h 10020"/>
                <a:gd name="connsiteX31" fmla="*/ 609 w 10000"/>
                <a:gd name="connsiteY31" fmla="*/ 5986 h 10020"/>
                <a:gd name="connsiteX32" fmla="*/ 384 w 10000"/>
                <a:gd name="connsiteY32" fmla="*/ 6351 h 10020"/>
                <a:gd name="connsiteX33" fmla="*/ 234 w 10000"/>
                <a:gd name="connsiteY33" fmla="*/ 6935 h 10020"/>
                <a:gd name="connsiteX34" fmla="*/ 8 w 10000"/>
                <a:gd name="connsiteY34" fmla="*/ 7593 h 10020"/>
                <a:gd name="connsiteX35" fmla="*/ 384 w 10000"/>
                <a:gd name="connsiteY35" fmla="*/ 7664 h 10020"/>
                <a:gd name="connsiteX36" fmla="*/ 458 w 10000"/>
                <a:gd name="connsiteY36" fmla="*/ 8245 h 10020"/>
                <a:gd name="connsiteX37" fmla="*/ 684 w 10000"/>
                <a:gd name="connsiteY37" fmla="*/ 8831 h 10020"/>
                <a:gd name="connsiteX38" fmla="*/ 1059 w 10000"/>
                <a:gd name="connsiteY38" fmla="*/ 10000 h 10020"/>
                <a:gd name="connsiteX39" fmla="*/ 3940 w 10000"/>
                <a:gd name="connsiteY39" fmla="*/ 9647 h 10020"/>
                <a:gd name="connsiteX40" fmla="*/ 4373 w 10000"/>
                <a:gd name="connsiteY40" fmla="*/ 9293 h 10020"/>
                <a:gd name="connsiteX41" fmla="*/ 5064 w 10000"/>
                <a:gd name="connsiteY41" fmla="*/ 9311 h 10020"/>
                <a:gd name="connsiteX42" fmla="*/ 5457 w 10000"/>
                <a:gd name="connsiteY42" fmla="*/ 8984 h 10020"/>
                <a:gd name="connsiteX43" fmla="*/ 5884 w 10000"/>
                <a:gd name="connsiteY43" fmla="*/ 8740 h 10020"/>
                <a:gd name="connsiteX44" fmla="*/ 6040 w 10000"/>
                <a:gd name="connsiteY44" fmla="*/ 8368 h 10020"/>
                <a:gd name="connsiteX45" fmla="*/ 6382 w 10000"/>
                <a:gd name="connsiteY45" fmla="*/ 7982 h 10020"/>
                <a:gd name="connsiteX46" fmla="*/ 6428 w 10000"/>
                <a:gd name="connsiteY46" fmla="*/ 8181 h 10020"/>
                <a:gd name="connsiteX47" fmla="*/ 6444 w 10000"/>
                <a:gd name="connsiteY47" fmla="*/ 8428 h 10020"/>
                <a:gd name="connsiteX48" fmla="*/ 6766 w 10000"/>
                <a:gd name="connsiteY48" fmla="*/ 9268 h 10020"/>
                <a:gd name="connsiteX0" fmla="*/ 7446 w 10000"/>
                <a:gd name="connsiteY0" fmla="*/ 9488 h 10020"/>
                <a:gd name="connsiteX1" fmla="*/ 7446 w 10000"/>
                <a:gd name="connsiteY1" fmla="*/ 8978 h 10020"/>
                <a:gd name="connsiteX2" fmla="*/ 7821 w 10000"/>
                <a:gd name="connsiteY2" fmla="*/ 8978 h 10020"/>
                <a:gd name="connsiteX3" fmla="*/ 8047 w 10000"/>
                <a:gd name="connsiteY3" fmla="*/ 8029 h 10020"/>
                <a:gd name="connsiteX4" fmla="*/ 8648 w 10000"/>
                <a:gd name="connsiteY4" fmla="*/ 7444 h 10020"/>
                <a:gd name="connsiteX5" fmla="*/ 8873 w 10000"/>
                <a:gd name="connsiteY5" fmla="*/ 6351 h 10020"/>
                <a:gd name="connsiteX6" fmla="*/ 8722 w 10000"/>
                <a:gd name="connsiteY6" fmla="*/ 5768 h 10020"/>
                <a:gd name="connsiteX7" fmla="*/ 9098 w 10000"/>
                <a:gd name="connsiteY7" fmla="*/ 4525 h 10020"/>
                <a:gd name="connsiteX8" fmla="*/ 9399 w 10000"/>
                <a:gd name="connsiteY8" fmla="*/ 4160 h 10020"/>
                <a:gd name="connsiteX9" fmla="*/ 10000 w 10000"/>
                <a:gd name="connsiteY9" fmla="*/ 3576 h 10020"/>
                <a:gd name="connsiteX10" fmla="*/ 9774 w 10000"/>
                <a:gd name="connsiteY10" fmla="*/ 3502 h 10020"/>
                <a:gd name="connsiteX11" fmla="*/ 9399 w 10000"/>
                <a:gd name="connsiteY11" fmla="*/ 3140 h 10020"/>
                <a:gd name="connsiteX12" fmla="*/ 9173 w 10000"/>
                <a:gd name="connsiteY12" fmla="*/ 2044 h 10020"/>
                <a:gd name="connsiteX13" fmla="*/ 9173 w 10000"/>
                <a:gd name="connsiteY13" fmla="*/ 1460 h 10020"/>
                <a:gd name="connsiteX14" fmla="*/ 9098 w 10000"/>
                <a:gd name="connsiteY14" fmla="*/ 729 h 10020"/>
                <a:gd name="connsiteX15" fmla="*/ 8873 w 10000"/>
                <a:gd name="connsiteY15" fmla="*/ 511 h 10020"/>
                <a:gd name="connsiteX16" fmla="*/ 8497 w 10000"/>
                <a:gd name="connsiteY16" fmla="*/ 219 h 10020"/>
                <a:gd name="connsiteX17" fmla="*/ 8272 w 10000"/>
                <a:gd name="connsiteY17" fmla="*/ 0 h 10020"/>
                <a:gd name="connsiteX18" fmla="*/ 7821 w 10000"/>
                <a:gd name="connsiteY18" fmla="*/ 293 h 10020"/>
                <a:gd name="connsiteX19" fmla="*/ 7370 w 10000"/>
                <a:gd name="connsiteY19" fmla="*/ 729 h 10020"/>
                <a:gd name="connsiteX20" fmla="*/ 6769 w 10000"/>
                <a:gd name="connsiteY20" fmla="*/ 729 h 10020"/>
                <a:gd name="connsiteX21" fmla="*/ 5717 w 10000"/>
                <a:gd name="connsiteY21" fmla="*/ 729 h 10020"/>
                <a:gd name="connsiteX22" fmla="*/ 5717 w 10000"/>
                <a:gd name="connsiteY22" fmla="*/ 658 h 10020"/>
                <a:gd name="connsiteX23" fmla="*/ 5643 w 10000"/>
                <a:gd name="connsiteY23" fmla="*/ 729 h 10020"/>
                <a:gd name="connsiteX24" fmla="*/ 1961 w 10000"/>
                <a:gd name="connsiteY24" fmla="*/ 729 h 10020"/>
                <a:gd name="connsiteX25" fmla="*/ 1961 w 10000"/>
                <a:gd name="connsiteY25" fmla="*/ 2263 h 10020"/>
                <a:gd name="connsiteX26" fmla="*/ 1285 w 10000"/>
                <a:gd name="connsiteY26" fmla="*/ 2263 h 10020"/>
                <a:gd name="connsiteX27" fmla="*/ 1285 w 10000"/>
                <a:gd name="connsiteY27" fmla="*/ 2556 h 10020"/>
                <a:gd name="connsiteX28" fmla="*/ 1285 w 10000"/>
                <a:gd name="connsiteY28" fmla="*/ 5179 h 10020"/>
                <a:gd name="connsiteX29" fmla="*/ 1135 w 10000"/>
                <a:gd name="connsiteY29" fmla="*/ 5327 h 10020"/>
                <a:gd name="connsiteX30" fmla="*/ 684 w 10000"/>
                <a:gd name="connsiteY30" fmla="*/ 5621 h 10020"/>
                <a:gd name="connsiteX31" fmla="*/ 609 w 10000"/>
                <a:gd name="connsiteY31" fmla="*/ 5986 h 10020"/>
                <a:gd name="connsiteX32" fmla="*/ 384 w 10000"/>
                <a:gd name="connsiteY32" fmla="*/ 6351 h 10020"/>
                <a:gd name="connsiteX33" fmla="*/ 234 w 10000"/>
                <a:gd name="connsiteY33" fmla="*/ 6935 h 10020"/>
                <a:gd name="connsiteX34" fmla="*/ 8 w 10000"/>
                <a:gd name="connsiteY34" fmla="*/ 7593 h 10020"/>
                <a:gd name="connsiteX35" fmla="*/ 384 w 10000"/>
                <a:gd name="connsiteY35" fmla="*/ 7664 h 10020"/>
                <a:gd name="connsiteX36" fmla="*/ 458 w 10000"/>
                <a:gd name="connsiteY36" fmla="*/ 8245 h 10020"/>
                <a:gd name="connsiteX37" fmla="*/ 684 w 10000"/>
                <a:gd name="connsiteY37" fmla="*/ 8831 h 10020"/>
                <a:gd name="connsiteX38" fmla="*/ 1059 w 10000"/>
                <a:gd name="connsiteY38" fmla="*/ 10000 h 10020"/>
                <a:gd name="connsiteX39" fmla="*/ 3940 w 10000"/>
                <a:gd name="connsiteY39" fmla="*/ 9647 h 10020"/>
                <a:gd name="connsiteX40" fmla="*/ 4373 w 10000"/>
                <a:gd name="connsiteY40" fmla="*/ 9293 h 10020"/>
                <a:gd name="connsiteX41" fmla="*/ 5064 w 10000"/>
                <a:gd name="connsiteY41" fmla="*/ 9311 h 10020"/>
                <a:gd name="connsiteX42" fmla="*/ 5457 w 10000"/>
                <a:gd name="connsiteY42" fmla="*/ 8984 h 10020"/>
                <a:gd name="connsiteX43" fmla="*/ 5884 w 10000"/>
                <a:gd name="connsiteY43" fmla="*/ 8740 h 10020"/>
                <a:gd name="connsiteX44" fmla="*/ 6040 w 10000"/>
                <a:gd name="connsiteY44" fmla="*/ 8368 h 10020"/>
                <a:gd name="connsiteX45" fmla="*/ 6382 w 10000"/>
                <a:gd name="connsiteY45" fmla="*/ 7982 h 10020"/>
                <a:gd name="connsiteX46" fmla="*/ 6428 w 10000"/>
                <a:gd name="connsiteY46" fmla="*/ 8181 h 10020"/>
                <a:gd name="connsiteX47" fmla="*/ 6444 w 10000"/>
                <a:gd name="connsiteY47" fmla="*/ 8428 h 10020"/>
                <a:gd name="connsiteX48" fmla="*/ 6766 w 10000"/>
                <a:gd name="connsiteY48" fmla="*/ 9268 h 10020"/>
                <a:gd name="connsiteX0" fmla="*/ 7446 w 10000"/>
                <a:gd name="connsiteY0" fmla="*/ 9488 h 10020"/>
                <a:gd name="connsiteX1" fmla="*/ 7446 w 10000"/>
                <a:gd name="connsiteY1" fmla="*/ 8978 h 10020"/>
                <a:gd name="connsiteX2" fmla="*/ 7821 w 10000"/>
                <a:gd name="connsiteY2" fmla="*/ 8978 h 10020"/>
                <a:gd name="connsiteX3" fmla="*/ 8047 w 10000"/>
                <a:gd name="connsiteY3" fmla="*/ 8029 h 10020"/>
                <a:gd name="connsiteX4" fmla="*/ 8648 w 10000"/>
                <a:gd name="connsiteY4" fmla="*/ 7444 h 10020"/>
                <a:gd name="connsiteX5" fmla="*/ 8873 w 10000"/>
                <a:gd name="connsiteY5" fmla="*/ 6351 h 10020"/>
                <a:gd name="connsiteX6" fmla="*/ 8722 w 10000"/>
                <a:gd name="connsiteY6" fmla="*/ 5768 h 10020"/>
                <a:gd name="connsiteX7" fmla="*/ 9098 w 10000"/>
                <a:gd name="connsiteY7" fmla="*/ 4525 h 10020"/>
                <a:gd name="connsiteX8" fmla="*/ 9399 w 10000"/>
                <a:gd name="connsiteY8" fmla="*/ 4160 h 10020"/>
                <a:gd name="connsiteX9" fmla="*/ 10000 w 10000"/>
                <a:gd name="connsiteY9" fmla="*/ 3576 h 10020"/>
                <a:gd name="connsiteX10" fmla="*/ 9774 w 10000"/>
                <a:gd name="connsiteY10" fmla="*/ 3502 h 10020"/>
                <a:gd name="connsiteX11" fmla="*/ 9399 w 10000"/>
                <a:gd name="connsiteY11" fmla="*/ 3140 h 10020"/>
                <a:gd name="connsiteX12" fmla="*/ 9173 w 10000"/>
                <a:gd name="connsiteY12" fmla="*/ 2044 h 10020"/>
                <a:gd name="connsiteX13" fmla="*/ 9173 w 10000"/>
                <a:gd name="connsiteY13" fmla="*/ 1460 h 10020"/>
                <a:gd name="connsiteX14" fmla="*/ 9098 w 10000"/>
                <a:gd name="connsiteY14" fmla="*/ 729 h 10020"/>
                <a:gd name="connsiteX15" fmla="*/ 8873 w 10000"/>
                <a:gd name="connsiteY15" fmla="*/ 511 h 10020"/>
                <a:gd name="connsiteX16" fmla="*/ 8497 w 10000"/>
                <a:gd name="connsiteY16" fmla="*/ 219 h 10020"/>
                <a:gd name="connsiteX17" fmla="*/ 8272 w 10000"/>
                <a:gd name="connsiteY17" fmla="*/ 0 h 10020"/>
                <a:gd name="connsiteX18" fmla="*/ 7821 w 10000"/>
                <a:gd name="connsiteY18" fmla="*/ 293 h 10020"/>
                <a:gd name="connsiteX19" fmla="*/ 7370 w 10000"/>
                <a:gd name="connsiteY19" fmla="*/ 729 h 10020"/>
                <a:gd name="connsiteX20" fmla="*/ 6769 w 10000"/>
                <a:gd name="connsiteY20" fmla="*/ 729 h 10020"/>
                <a:gd name="connsiteX21" fmla="*/ 5717 w 10000"/>
                <a:gd name="connsiteY21" fmla="*/ 729 h 10020"/>
                <a:gd name="connsiteX22" fmla="*/ 5717 w 10000"/>
                <a:gd name="connsiteY22" fmla="*/ 658 h 10020"/>
                <a:gd name="connsiteX23" fmla="*/ 5643 w 10000"/>
                <a:gd name="connsiteY23" fmla="*/ 729 h 10020"/>
                <a:gd name="connsiteX24" fmla="*/ 1961 w 10000"/>
                <a:gd name="connsiteY24" fmla="*/ 729 h 10020"/>
                <a:gd name="connsiteX25" fmla="*/ 1961 w 10000"/>
                <a:gd name="connsiteY25" fmla="*/ 2263 h 10020"/>
                <a:gd name="connsiteX26" fmla="*/ 1285 w 10000"/>
                <a:gd name="connsiteY26" fmla="*/ 2263 h 10020"/>
                <a:gd name="connsiteX27" fmla="*/ 1285 w 10000"/>
                <a:gd name="connsiteY27" fmla="*/ 2556 h 10020"/>
                <a:gd name="connsiteX28" fmla="*/ 1285 w 10000"/>
                <a:gd name="connsiteY28" fmla="*/ 5179 h 10020"/>
                <a:gd name="connsiteX29" fmla="*/ 1135 w 10000"/>
                <a:gd name="connsiteY29" fmla="*/ 5327 h 10020"/>
                <a:gd name="connsiteX30" fmla="*/ 684 w 10000"/>
                <a:gd name="connsiteY30" fmla="*/ 5621 h 10020"/>
                <a:gd name="connsiteX31" fmla="*/ 609 w 10000"/>
                <a:gd name="connsiteY31" fmla="*/ 5986 h 10020"/>
                <a:gd name="connsiteX32" fmla="*/ 384 w 10000"/>
                <a:gd name="connsiteY32" fmla="*/ 6351 h 10020"/>
                <a:gd name="connsiteX33" fmla="*/ 234 w 10000"/>
                <a:gd name="connsiteY33" fmla="*/ 6935 h 10020"/>
                <a:gd name="connsiteX34" fmla="*/ 8 w 10000"/>
                <a:gd name="connsiteY34" fmla="*/ 7593 h 10020"/>
                <a:gd name="connsiteX35" fmla="*/ 384 w 10000"/>
                <a:gd name="connsiteY35" fmla="*/ 7664 h 10020"/>
                <a:gd name="connsiteX36" fmla="*/ 458 w 10000"/>
                <a:gd name="connsiteY36" fmla="*/ 8245 h 10020"/>
                <a:gd name="connsiteX37" fmla="*/ 684 w 10000"/>
                <a:gd name="connsiteY37" fmla="*/ 8831 h 10020"/>
                <a:gd name="connsiteX38" fmla="*/ 1059 w 10000"/>
                <a:gd name="connsiteY38" fmla="*/ 10000 h 10020"/>
                <a:gd name="connsiteX39" fmla="*/ 3940 w 10000"/>
                <a:gd name="connsiteY39" fmla="*/ 9647 h 10020"/>
                <a:gd name="connsiteX40" fmla="*/ 4209 w 10000"/>
                <a:gd name="connsiteY40" fmla="*/ 9592 h 10020"/>
                <a:gd name="connsiteX41" fmla="*/ 4373 w 10000"/>
                <a:gd name="connsiteY41" fmla="*/ 9293 h 10020"/>
                <a:gd name="connsiteX42" fmla="*/ 5064 w 10000"/>
                <a:gd name="connsiteY42" fmla="*/ 9311 h 10020"/>
                <a:gd name="connsiteX43" fmla="*/ 5457 w 10000"/>
                <a:gd name="connsiteY43" fmla="*/ 8984 h 10020"/>
                <a:gd name="connsiteX44" fmla="*/ 5884 w 10000"/>
                <a:gd name="connsiteY44" fmla="*/ 8740 h 10020"/>
                <a:gd name="connsiteX45" fmla="*/ 6040 w 10000"/>
                <a:gd name="connsiteY45" fmla="*/ 8368 h 10020"/>
                <a:gd name="connsiteX46" fmla="*/ 6382 w 10000"/>
                <a:gd name="connsiteY46" fmla="*/ 7982 h 10020"/>
                <a:gd name="connsiteX47" fmla="*/ 6428 w 10000"/>
                <a:gd name="connsiteY47" fmla="*/ 8181 h 10020"/>
                <a:gd name="connsiteX48" fmla="*/ 6444 w 10000"/>
                <a:gd name="connsiteY48" fmla="*/ 8428 h 10020"/>
                <a:gd name="connsiteX49" fmla="*/ 6766 w 10000"/>
                <a:gd name="connsiteY49" fmla="*/ 9268 h 10020"/>
                <a:gd name="connsiteX0" fmla="*/ 7446 w 10000"/>
                <a:gd name="connsiteY0" fmla="*/ 9488 h 10020"/>
                <a:gd name="connsiteX1" fmla="*/ 7446 w 10000"/>
                <a:gd name="connsiteY1" fmla="*/ 8978 h 10020"/>
                <a:gd name="connsiteX2" fmla="*/ 7821 w 10000"/>
                <a:gd name="connsiteY2" fmla="*/ 8978 h 10020"/>
                <a:gd name="connsiteX3" fmla="*/ 8047 w 10000"/>
                <a:gd name="connsiteY3" fmla="*/ 8029 h 10020"/>
                <a:gd name="connsiteX4" fmla="*/ 8648 w 10000"/>
                <a:gd name="connsiteY4" fmla="*/ 7444 h 10020"/>
                <a:gd name="connsiteX5" fmla="*/ 8873 w 10000"/>
                <a:gd name="connsiteY5" fmla="*/ 6351 h 10020"/>
                <a:gd name="connsiteX6" fmla="*/ 8722 w 10000"/>
                <a:gd name="connsiteY6" fmla="*/ 5768 h 10020"/>
                <a:gd name="connsiteX7" fmla="*/ 9098 w 10000"/>
                <a:gd name="connsiteY7" fmla="*/ 4525 h 10020"/>
                <a:gd name="connsiteX8" fmla="*/ 9399 w 10000"/>
                <a:gd name="connsiteY8" fmla="*/ 4160 h 10020"/>
                <a:gd name="connsiteX9" fmla="*/ 10000 w 10000"/>
                <a:gd name="connsiteY9" fmla="*/ 3576 h 10020"/>
                <a:gd name="connsiteX10" fmla="*/ 9774 w 10000"/>
                <a:gd name="connsiteY10" fmla="*/ 3502 h 10020"/>
                <a:gd name="connsiteX11" fmla="*/ 9399 w 10000"/>
                <a:gd name="connsiteY11" fmla="*/ 3140 h 10020"/>
                <a:gd name="connsiteX12" fmla="*/ 9173 w 10000"/>
                <a:gd name="connsiteY12" fmla="*/ 2044 h 10020"/>
                <a:gd name="connsiteX13" fmla="*/ 9173 w 10000"/>
                <a:gd name="connsiteY13" fmla="*/ 1460 h 10020"/>
                <a:gd name="connsiteX14" fmla="*/ 9098 w 10000"/>
                <a:gd name="connsiteY14" fmla="*/ 729 h 10020"/>
                <a:gd name="connsiteX15" fmla="*/ 8873 w 10000"/>
                <a:gd name="connsiteY15" fmla="*/ 511 h 10020"/>
                <a:gd name="connsiteX16" fmla="*/ 8497 w 10000"/>
                <a:gd name="connsiteY16" fmla="*/ 219 h 10020"/>
                <a:gd name="connsiteX17" fmla="*/ 8272 w 10000"/>
                <a:gd name="connsiteY17" fmla="*/ 0 h 10020"/>
                <a:gd name="connsiteX18" fmla="*/ 7821 w 10000"/>
                <a:gd name="connsiteY18" fmla="*/ 293 h 10020"/>
                <a:gd name="connsiteX19" fmla="*/ 7370 w 10000"/>
                <a:gd name="connsiteY19" fmla="*/ 729 h 10020"/>
                <a:gd name="connsiteX20" fmla="*/ 6769 w 10000"/>
                <a:gd name="connsiteY20" fmla="*/ 729 h 10020"/>
                <a:gd name="connsiteX21" fmla="*/ 5717 w 10000"/>
                <a:gd name="connsiteY21" fmla="*/ 729 h 10020"/>
                <a:gd name="connsiteX22" fmla="*/ 5717 w 10000"/>
                <a:gd name="connsiteY22" fmla="*/ 658 h 10020"/>
                <a:gd name="connsiteX23" fmla="*/ 5643 w 10000"/>
                <a:gd name="connsiteY23" fmla="*/ 729 h 10020"/>
                <a:gd name="connsiteX24" fmla="*/ 1961 w 10000"/>
                <a:gd name="connsiteY24" fmla="*/ 729 h 10020"/>
                <a:gd name="connsiteX25" fmla="*/ 1961 w 10000"/>
                <a:gd name="connsiteY25" fmla="*/ 2263 h 10020"/>
                <a:gd name="connsiteX26" fmla="*/ 1285 w 10000"/>
                <a:gd name="connsiteY26" fmla="*/ 2263 h 10020"/>
                <a:gd name="connsiteX27" fmla="*/ 1285 w 10000"/>
                <a:gd name="connsiteY27" fmla="*/ 2556 h 10020"/>
                <a:gd name="connsiteX28" fmla="*/ 1285 w 10000"/>
                <a:gd name="connsiteY28" fmla="*/ 5179 h 10020"/>
                <a:gd name="connsiteX29" fmla="*/ 1135 w 10000"/>
                <a:gd name="connsiteY29" fmla="*/ 5327 h 10020"/>
                <a:gd name="connsiteX30" fmla="*/ 684 w 10000"/>
                <a:gd name="connsiteY30" fmla="*/ 5621 h 10020"/>
                <a:gd name="connsiteX31" fmla="*/ 609 w 10000"/>
                <a:gd name="connsiteY31" fmla="*/ 5986 h 10020"/>
                <a:gd name="connsiteX32" fmla="*/ 384 w 10000"/>
                <a:gd name="connsiteY32" fmla="*/ 6351 h 10020"/>
                <a:gd name="connsiteX33" fmla="*/ 234 w 10000"/>
                <a:gd name="connsiteY33" fmla="*/ 6935 h 10020"/>
                <a:gd name="connsiteX34" fmla="*/ 8 w 10000"/>
                <a:gd name="connsiteY34" fmla="*/ 7593 h 10020"/>
                <a:gd name="connsiteX35" fmla="*/ 384 w 10000"/>
                <a:gd name="connsiteY35" fmla="*/ 7664 h 10020"/>
                <a:gd name="connsiteX36" fmla="*/ 458 w 10000"/>
                <a:gd name="connsiteY36" fmla="*/ 8245 h 10020"/>
                <a:gd name="connsiteX37" fmla="*/ 684 w 10000"/>
                <a:gd name="connsiteY37" fmla="*/ 8831 h 10020"/>
                <a:gd name="connsiteX38" fmla="*/ 1059 w 10000"/>
                <a:gd name="connsiteY38" fmla="*/ 10000 h 10020"/>
                <a:gd name="connsiteX39" fmla="*/ 3940 w 10000"/>
                <a:gd name="connsiteY39" fmla="*/ 9647 h 10020"/>
                <a:gd name="connsiteX40" fmla="*/ 4219 w 10000"/>
                <a:gd name="connsiteY40" fmla="*/ 9620 h 10020"/>
                <a:gd name="connsiteX41" fmla="*/ 4373 w 10000"/>
                <a:gd name="connsiteY41" fmla="*/ 9293 h 10020"/>
                <a:gd name="connsiteX42" fmla="*/ 5064 w 10000"/>
                <a:gd name="connsiteY42" fmla="*/ 9311 h 10020"/>
                <a:gd name="connsiteX43" fmla="*/ 5457 w 10000"/>
                <a:gd name="connsiteY43" fmla="*/ 8984 h 10020"/>
                <a:gd name="connsiteX44" fmla="*/ 5884 w 10000"/>
                <a:gd name="connsiteY44" fmla="*/ 8740 h 10020"/>
                <a:gd name="connsiteX45" fmla="*/ 6040 w 10000"/>
                <a:gd name="connsiteY45" fmla="*/ 8368 h 10020"/>
                <a:gd name="connsiteX46" fmla="*/ 6382 w 10000"/>
                <a:gd name="connsiteY46" fmla="*/ 7982 h 10020"/>
                <a:gd name="connsiteX47" fmla="*/ 6428 w 10000"/>
                <a:gd name="connsiteY47" fmla="*/ 8181 h 10020"/>
                <a:gd name="connsiteX48" fmla="*/ 6444 w 10000"/>
                <a:gd name="connsiteY48" fmla="*/ 8428 h 10020"/>
                <a:gd name="connsiteX49" fmla="*/ 6766 w 10000"/>
                <a:gd name="connsiteY49" fmla="*/ 9268 h 10020"/>
                <a:gd name="connsiteX0" fmla="*/ 7446 w 10000"/>
                <a:gd name="connsiteY0" fmla="*/ 9488 h 10031"/>
                <a:gd name="connsiteX1" fmla="*/ 7446 w 10000"/>
                <a:gd name="connsiteY1" fmla="*/ 8978 h 10031"/>
                <a:gd name="connsiteX2" fmla="*/ 7821 w 10000"/>
                <a:gd name="connsiteY2" fmla="*/ 8978 h 10031"/>
                <a:gd name="connsiteX3" fmla="*/ 8047 w 10000"/>
                <a:gd name="connsiteY3" fmla="*/ 8029 h 10031"/>
                <a:gd name="connsiteX4" fmla="*/ 8648 w 10000"/>
                <a:gd name="connsiteY4" fmla="*/ 7444 h 10031"/>
                <a:gd name="connsiteX5" fmla="*/ 8873 w 10000"/>
                <a:gd name="connsiteY5" fmla="*/ 6351 h 10031"/>
                <a:gd name="connsiteX6" fmla="*/ 8722 w 10000"/>
                <a:gd name="connsiteY6" fmla="*/ 5768 h 10031"/>
                <a:gd name="connsiteX7" fmla="*/ 9098 w 10000"/>
                <a:gd name="connsiteY7" fmla="*/ 4525 h 10031"/>
                <a:gd name="connsiteX8" fmla="*/ 9399 w 10000"/>
                <a:gd name="connsiteY8" fmla="*/ 4160 h 10031"/>
                <a:gd name="connsiteX9" fmla="*/ 10000 w 10000"/>
                <a:gd name="connsiteY9" fmla="*/ 3576 h 10031"/>
                <a:gd name="connsiteX10" fmla="*/ 9774 w 10000"/>
                <a:gd name="connsiteY10" fmla="*/ 3502 h 10031"/>
                <a:gd name="connsiteX11" fmla="*/ 9399 w 10000"/>
                <a:gd name="connsiteY11" fmla="*/ 3140 h 10031"/>
                <a:gd name="connsiteX12" fmla="*/ 9173 w 10000"/>
                <a:gd name="connsiteY12" fmla="*/ 2044 h 10031"/>
                <a:gd name="connsiteX13" fmla="*/ 9173 w 10000"/>
                <a:gd name="connsiteY13" fmla="*/ 1460 h 10031"/>
                <a:gd name="connsiteX14" fmla="*/ 9098 w 10000"/>
                <a:gd name="connsiteY14" fmla="*/ 729 h 10031"/>
                <a:gd name="connsiteX15" fmla="*/ 8873 w 10000"/>
                <a:gd name="connsiteY15" fmla="*/ 511 h 10031"/>
                <a:gd name="connsiteX16" fmla="*/ 8497 w 10000"/>
                <a:gd name="connsiteY16" fmla="*/ 219 h 10031"/>
                <a:gd name="connsiteX17" fmla="*/ 8272 w 10000"/>
                <a:gd name="connsiteY17" fmla="*/ 0 h 10031"/>
                <a:gd name="connsiteX18" fmla="*/ 7821 w 10000"/>
                <a:gd name="connsiteY18" fmla="*/ 293 h 10031"/>
                <a:gd name="connsiteX19" fmla="*/ 7370 w 10000"/>
                <a:gd name="connsiteY19" fmla="*/ 729 h 10031"/>
                <a:gd name="connsiteX20" fmla="*/ 6769 w 10000"/>
                <a:gd name="connsiteY20" fmla="*/ 729 h 10031"/>
                <a:gd name="connsiteX21" fmla="*/ 5717 w 10000"/>
                <a:gd name="connsiteY21" fmla="*/ 729 h 10031"/>
                <a:gd name="connsiteX22" fmla="*/ 5717 w 10000"/>
                <a:gd name="connsiteY22" fmla="*/ 658 h 10031"/>
                <a:gd name="connsiteX23" fmla="*/ 5643 w 10000"/>
                <a:gd name="connsiteY23" fmla="*/ 729 h 10031"/>
                <a:gd name="connsiteX24" fmla="*/ 1961 w 10000"/>
                <a:gd name="connsiteY24" fmla="*/ 729 h 10031"/>
                <a:gd name="connsiteX25" fmla="*/ 1961 w 10000"/>
                <a:gd name="connsiteY25" fmla="*/ 2263 h 10031"/>
                <a:gd name="connsiteX26" fmla="*/ 1285 w 10000"/>
                <a:gd name="connsiteY26" fmla="*/ 2263 h 10031"/>
                <a:gd name="connsiteX27" fmla="*/ 1285 w 10000"/>
                <a:gd name="connsiteY27" fmla="*/ 2556 h 10031"/>
                <a:gd name="connsiteX28" fmla="*/ 1285 w 10000"/>
                <a:gd name="connsiteY28" fmla="*/ 5179 h 10031"/>
                <a:gd name="connsiteX29" fmla="*/ 1135 w 10000"/>
                <a:gd name="connsiteY29" fmla="*/ 5327 h 10031"/>
                <a:gd name="connsiteX30" fmla="*/ 684 w 10000"/>
                <a:gd name="connsiteY30" fmla="*/ 5621 h 10031"/>
                <a:gd name="connsiteX31" fmla="*/ 609 w 10000"/>
                <a:gd name="connsiteY31" fmla="*/ 5986 h 10031"/>
                <a:gd name="connsiteX32" fmla="*/ 384 w 10000"/>
                <a:gd name="connsiteY32" fmla="*/ 6351 h 10031"/>
                <a:gd name="connsiteX33" fmla="*/ 234 w 10000"/>
                <a:gd name="connsiteY33" fmla="*/ 6935 h 10031"/>
                <a:gd name="connsiteX34" fmla="*/ 8 w 10000"/>
                <a:gd name="connsiteY34" fmla="*/ 7593 h 10031"/>
                <a:gd name="connsiteX35" fmla="*/ 384 w 10000"/>
                <a:gd name="connsiteY35" fmla="*/ 7664 h 10031"/>
                <a:gd name="connsiteX36" fmla="*/ 458 w 10000"/>
                <a:gd name="connsiteY36" fmla="*/ 8245 h 10031"/>
                <a:gd name="connsiteX37" fmla="*/ 684 w 10000"/>
                <a:gd name="connsiteY37" fmla="*/ 8831 h 10031"/>
                <a:gd name="connsiteX38" fmla="*/ 1059 w 10000"/>
                <a:gd name="connsiteY38" fmla="*/ 10000 h 10031"/>
                <a:gd name="connsiteX39" fmla="*/ 3863 w 10000"/>
                <a:gd name="connsiteY39" fmla="*/ 9806 h 10031"/>
                <a:gd name="connsiteX40" fmla="*/ 4219 w 10000"/>
                <a:gd name="connsiteY40" fmla="*/ 9620 h 10031"/>
                <a:gd name="connsiteX41" fmla="*/ 4373 w 10000"/>
                <a:gd name="connsiteY41" fmla="*/ 9293 h 10031"/>
                <a:gd name="connsiteX42" fmla="*/ 5064 w 10000"/>
                <a:gd name="connsiteY42" fmla="*/ 9311 h 10031"/>
                <a:gd name="connsiteX43" fmla="*/ 5457 w 10000"/>
                <a:gd name="connsiteY43" fmla="*/ 8984 h 10031"/>
                <a:gd name="connsiteX44" fmla="*/ 5884 w 10000"/>
                <a:gd name="connsiteY44" fmla="*/ 8740 h 10031"/>
                <a:gd name="connsiteX45" fmla="*/ 6040 w 10000"/>
                <a:gd name="connsiteY45" fmla="*/ 8368 h 10031"/>
                <a:gd name="connsiteX46" fmla="*/ 6382 w 10000"/>
                <a:gd name="connsiteY46" fmla="*/ 7982 h 10031"/>
                <a:gd name="connsiteX47" fmla="*/ 6428 w 10000"/>
                <a:gd name="connsiteY47" fmla="*/ 8181 h 10031"/>
                <a:gd name="connsiteX48" fmla="*/ 6444 w 10000"/>
                <a:gd name="connsiteY48" fmla="*/ 8428 h 10031"/>
                <a:gd name="connsiteX49" fmla="*/ 6766 w 10000"/>
                <a:gd name="connsiteY49" fmla="*/ 9268 h 10031"/>
                <a:gd name="connsiteX0" fmla="*/ 7446 w 10000"/>
                <a:gd name="connsiteY0" fmla="*/ 9488 h 10031"/>
                <a:gd name="connsiteX1" fmla="*/ 7446 w 10000"/>
                <a:gd name="connsiteY1" fmla="*/ 8978 h 10031"/>
                <a:gd name="connsiteX2" fmla="*/ 7821 w 10000"/>
                <a:gd name="connsiteY2" fmla="*/ 8978 h 10031"/>
                <a:gd name="connsiteX3" fmla="*/ 8047 w 10000"/>
                <a:gd name="connsiteY3" fmla="*/ 8029 h 10031"/>
                <a:gd name="connsiteX4" fmla="*/ 8648 w 10000"/>
                <a:gd name="connsiteY4" fmla="*/ 7444 h 10031"/>
                <a:gd name="connsiteX5" fmla="*/ 8873 w 10000"/>
                <a:gd name="connsiteY5" fmla="*/ 6351 h 10031"/>
                <a:gd name="connsiteX6" fmla="*/ 8722 w 10000"/>
                <a:gd name="connsiteY6" fmla="*/ 5768 h 10031"/>
                <a:gd name="connsiteX7" fmla="*/ 9098 w 10000"/>
                <a:gd name="connsiteY7" fmla="*/ 4525 h 10031"/>
                <a:gd name="connsiteX8" fmla="*/ 9399 w 10000"/>
                <a:gd name="connsiteY8" fmla="*/ 4160 h 10031"/>
                <a:gd name="connsiteX9" fmla="*/ 10000 w 10000"/>
                <a:gd name="connsiteY9" fmla="*/ 3576 h 10031"/>
                <a:gd name="connsiteX10" fmla="*/ 9774 w 10000"/>
                <a:gd name="connsiteY10" fmla="*/ 3502 h 10031"/>
                <a:gd name="connsiteX11" fmla="*/ 9399 w 10000"/>
                <a:gd name="connsiteY11" fmla="*/ 3140 h 10031"/>
                <a:gd name="connsiteX12" fmla="*/ 9173 w 10000"/>
                <a:gd name="connsiteY12" fmla="*/ 2044 h 10031"/>
                <a:gd name="connsiteX13" fmla="*/ 9173 w 10000"/>
                <a:gd name="connsiteY13" fmla="*/ 1460 h 10031"/>
                <a:gd name="connsiteX14" fmla="*/ 9098 w 10000"/>
                <a:gd name="connsiteY14" fmla="*/ 729 h 10031"/>
                <a:gd name="connsiteX15" fmla="*/ 8873 w 10000"/>
                <a:gd name="connsiteY15" fmla="*/ 511 h 10031"/>
                <a:gd name="connsiteX16" fmla="*/ 8497 w 10000"/>
                <a:gd name="connsiteY16" fmla="*/ 219 h 10031"/>
                <a:gd name="connsiteX17" fmla="*/ 8272 w 10000"/>
                <a:gd name="connsiteY17" fmla="*/ 0 h 10031"/>
                <a:gd name="connsiteX18" fmla="*/ 7821 w 10000"/>
                <a:gd name="connsiteY18" fmla="*/ 293 h 10031"/>
                <a:gd name="connsiteX19" fmla="*/ 7370 w 10000"/>
                <a:gd name="connsiteY19" fmla="*/ 729 h 10031"/>
                <a:gd name="connsiteX20" fmla="*/ 6769 w 10000"/>
                <a:gd name="connsiteY20" fmla="*/ 729 h 10031"/>
                <a:gd name="connsiteX21" fmla="*/ 5717 w 10000"/>
                <a:gd name="connsiteY21" fmla="*/ 729 h 10031"/>
                <a:gd name="connsiteX22" fmla="*/ 5717 w 10000"/>
                <a:gd name="connsiteY22" fmla="*/ 658 h 10031"/>
                <a:gd name="connsiteX23" fmla="*/ 5643 w 10000"/>
                <a:gd name="connsiteY23" fmla="*/ 729 h 10031"/>
                <a:gd name="connsiteX24" fmla="*/ 1961 w 10000"/>
                <a:gd name="connsiteY24" fmla="*/ 729 h 10031"/>
                <a:gd name="connsiteX25" fmla="*/ 1961 w 10000"/>
                <a:gd name="connsiteY25" fmla="*/ 2263 h 10031"/>
                <a:gd name="connsiteX26" fmla="*/ 1285 w 10000"/>
                <a:gd name="connsiteY26" fmla="*/ 2263 h 10031"/>
                <a:gd name="connsiteX27" fmla="*/ 1285 w 10000"/>
                <a:gd name="connsiteY27" fmla="*/ 2556 h 10031"/>
                <a:gd name="connsiteX28" fmla="*/ 1285 w 10000"/>
                <a:gd name="connsiteY28" fmla="*/ 5179 h 10031"/>
                <a:gd name="connsiteX29" fmla="*/ 1135 w 10000"/>
                <a:gd name="connsiteY29" fmla="*/ 5327 h 10031"/>
                <a:gd name="connsiteX30" fmla="*/ 684 w 10000"/>
                <a:gd name="connsiteY30" fmla="*/ 5621 h 10031"/>
                <a:gd name="connsiteX31" fmla="*/ 609 w 10000"/>
                <a:gd name="connsiteY31" fmla="*/ 5986 h 10031"/>
                <a:gd name="connsiteX32" fmla="*/ 384 w 10000"/>
                <a:gd name="connsiteY32" fmla="*/ 6351 h 10031"/>
                <a:gd name="connsiteX33" fmla="*/ 234 w 10000"/>
                <a:gd name="connsiteY33" fmla="*/ 6935 h 10031"/>
                <a:gd name="connsiteX34" fmla="*/ 8 w 10000"/>
                <a:gd name="connsiteY34" fmla="*/ 7593 h 10031"/>
                <a:gd name="connsiteX35" fmla="*/ 384 w 10000"/>
                <a:gd name="connsiteY35" fmla="*/ 7664 h 10031"/>
                <a:gd name="connsiteX36" fmla="*/ 458 w 10000"/>
                <a:gd name="connsiteY36" fmla="*/ 8245 h 10031"/>
                <a:gd name="connsiteX37" fmla="*/ 684 w 10000"/>
                <a:gd name="connsiteY37" fmla="*/ 8831 h 10031"/>
                <a:gd name="connsiteX38" fmla="*/ 1059 w 10000"/>
                <a:gd name="connsiteY38" fmla="*/ 10000 h 10031"/>
                <a:gd name="connsiteX39" fmla="*/ 3863 w 10000"/>
                <a:gd name="connsiteY39" fmla="*/ 9806 h 10031"/>
                <a:gd name="connsiteX40" fmla="*/ 3863 w 10000"/>
                <a:gd name="connsiteY40" fmla="*/ 9788 h 10031"/>
                <a:gd name="connsiteX41" fmla="*/ 4219 w 10000"/>
                <a:gd name="connsiteY41" fmla="*/ 9620 h 10031"/>
                <a:gd name="connsiteX42" fmla="*/ 4373 w 10000"/>
                <a:gd name="connsiteY42" fmla="*/ 9293 h 10031"/>
                <a:gd name="connsiteX43" fmla="*/ 5064 w 10000"/>
                <a:gd name="connsiteY43" fmla="*/ 9311 h 10031"/>
                <a:gd name="connsiteX44" fmla="*/ 5457 w 10000"/>
                <a:gd name="connsiteY44" fmla="*/ 8984 h 10031"/>
                <a:gd name="connsiteX45" fmla="*/ 5884 w 10000"/>
                <a:gd name="connsiteY45" fmla="*/ 8740 h 10031"/>
                <a:gd name="connsiteX46" fmla="*/ 6040 w 10000"/>
                <a:gd name="connsiteY46" fmla="*/ 8368 h 10031"/>
                <a:gd name="connsiteX47" fmla="*/ 6382 w 10000"/>
                <a:gd name="connsiteY47" fmla="*/ 7982 h 10031"/>
                <a:gd name="connsiteX48" fmla="*/ 6428 w 10000"/>
                <a:gd name="connsiteY48" fmla="*/ 8181 h 10031"/>
                <a:gd name="connsiteX49" fmla="*/ 6444 w 10000"/>
                <a:gd name="connsiteY49" fmla="*/ 8428 h 10031"/>
                <a:gd name="connsiteX50" fmla="*/ 6766 w 10000"/>
                <a:gd name="connsiteY50" fmla="*/ 9268 h 10031"/>
                <a:gd name="connsiteX0" fmla="*/ 7446 w 10000"/>
                <a:gd name="connsiteY0" fmla="*/ 9488 h 10031"/>
                <a:gd name="connsiteX1" fmla="*/ 7446 w 10000"/>
                <a:gd name="connsiteY1" fmla="*/ 8978 h 10031"/>
                <a:gd name="connsiteX2" fmla="*/ 7821 w 10000"/>
                <a:gd name="connsiteY2" fmla="*/ 8978 h 10031"/>
                <a:gd name="connsiteX3" fmla="*/ 8047 w 10000"/>
                <a:gd name="connsiteY3" fmla="*/ 8029 h 10031"/>
                <a:gd name="connsiteX4" fmla="*/ 8648 w 10000"/>
                <a:gd name="connsiteY4" fmla="*/ 7444 h 10031"/>
                <a:gd name="connsiteX5" fmla="*/ 8873 w 10000"/>
                <a:gd name="connsiteY5" fmla="*/ 6351 h 10031"/>
                <a:gd name="connsiteX6" fmla="*/ 8722 w 10000"/>
                <a:gd name="connsiteY6" fmla="*/ 5768 h 10031"/>
                <a:gd name="connsiteX7" fmla="*/ 9098 w 10000"/>
                <a:gd name="connsiteY7" fmla="*/ 4525 h 10031"/>
                <a:gd name="connsiteX8" fmla="*/ 9399 w 10000"/>
                <a:gd name="connsiteY8" fmla="*/ 4160 h 10031"/>
                <a:gd name="connsiteX9" fmla="*/ 10000 w 10000"/>
                <a:gd name="connsiteY9" fmla="*/ 3576 h 10031"/>
                <a:gd name="connsiteX10" fmla="*/ 9774 w 10000"/>
                <a:gd name="connsiteY10" fmla="*/ 3502 h 10031"/>
                <a:gd name="connsiteX11" fmla="*/ 9399 w 10000"/>
                <a:gd name="connsiteY11" fmla="*/ 3140 h 10031"/>
                <a:gd name="connsiteX12" fmla="*/ 9173 w 10000"/>
                <a:gd name="connsiteY12" fmla="*/ 2044 h 10031"/>
                <a:gd name="connsiteX13" fmla="*/ 9173 w 10000"/>
                <a:gd name="connsiteY13" fmla="*/ 1460 h 10031"/>
                <a:gd name="connsiteX14" fmla="*/ 9098 w 10000"/>
                <a:gd name="connsiteY14" fmla="*/ 729 h 10031"/>
                <a:gd name="connsiteX15" fmla="*/ 8873 w 10000"/>
                <a:gd name="connsiteY15" fmla="*/ 511 h 10031"/>
                <a:gd name="connsiteX16" fmla="*/ 8497 w 10000"/>
                <a:gd name="connsiteY16" fmla="*/ 219 h 10031"/>
                <a:gd name="connsiteX17" fmla="*/ 8272 w 10000"/>
                <a:gd name="connsiteY17" fmla="*/ 0 h 10031"/>
                <a:gd name="connsiteX18" fmla="*/ 7821 w 10000"/>
                <a:gd name="connsiteY18" fmla="*/ 293 h 10031"/>
                <a:gd name="connsiteX19" fmla="*/ 7370 w 10000"/>
                <a:gd name="connsiteY19" fmla="*/ 729 h 10031"/>
                <a:gd name="connsiteX20" fmla="*/ 6769 w 10000"/>
                <a:gd name="connsiteY20" fmla="*/ 729 h 10031"/>
                <a:gd name="connsiteX21" fmla="*/ 5717 w 10000"/>
                <a:gd name="connsiteY21" fmla="*/ 729 h 10031"/>
                <a:gd name="connsiteX22" fmla="*/ 5717 w 10000"/>
                <a:gd name="connsiteY22" fmla="*/ 658 h 10031"/>
                <a:gd name="connsiteX23" fmla="*/ 5643 w 10000"/>
                <a:gd name="connsiteY23" fmla="*/ 729 h 10031"/>
                <a:gd name="connsiteX24" fmla="*/ 1961 w 10000"/>
                <a:gd name="connsiteY24" fmla="*/ 729 h 10031"/>
                <a:gd name="connsiteX25" fmla="*/ 1961 w 10000"/>
                <a:gd name="connsiteY25" fmla="*/ 2263 h 10031"/>
                <a:gd name="connsiteX26" fmla="*/ 1285 w 10000"/>
                <a:gd name="connsiteY26" fmla="*/ 2263 h 10031"/>
                <a:gd name="connsiteX27" fmla="*/ 1285 w 10000"/>
                <a:gd name="connsiteY27" fmla="*/ 2556 h 10031"/>
                <a:gd name="connsiteX28" fmla="*/ 1285 w 10000"/>
                <a:gd name="connsiteY28" fmla="*/ 5179 h 10031"/>
                <a:gd name="connsiteX29" fmla="*/ 1135 w 10000"/>
                <a:gd name="connsiteY29" fmla="*/ 5327 h 10031"/>
                <a:gd name="connsiteX30" fmla="*/ 684 w 10000"/>
                <a:gd name="connsiteY30" fmla="*/ 5621 h 10031"/>
                <a:gd name="connsiteX31" fmla="*/ 609 w 10000"/>
                <a:gd name="connsiteY31" fmla="*/ 5986 h 10031"/>
                <a:gd name="connsiteX32" fmla="*/ 384 w 10000"/>
                <a:gd name="connsiteY32" fmla="*/ 6351 h 10031"/>
                <a:gd name="connsiteX33" fmla="*/ 234 w 10000"/>
                <a:gd name="connsiteY33" fmla="*/ 6935 h 10031"/>
                <a:gd name="connsiteX34" fmla="*/ 8 w 10000"/>
                <a:gd name="connsiteY34" fmla="*/ 7593 h 10031"/>
                <a:gd name="connsiteX35" fmla="*/ 384 w 10000"/>
                <a:gd name="connsiteY35" fmla="*/ 7664 h 10031"/>
                <a:gd name="connsiteX36" fmla="*/ 458 w 10000"/>
                <a:gd name="connsiteY36" fmla="*/ 8245 h 10031"/>
                <a:gd name="connsiteX37" fmla="*/ 684 w 10000"/>
                <a:gd name="connsiteY37" fmla="*/ 8831 h 10031"/>
                <a:gd name="connsiteX38" fmla="*/ 1059 w 10000"/>
                <a:gd name="connsiteY38" fmla="*/ 10000 h 10031"/>
                <a:gd name="connsiteX39" fmla="*/ 3863 w 10000"/>
                <a:gd name="connsiteY39" fmla="*/ 9806 h 10031"/>
                <a:gd name="connsiteX40" fmla="*/ 3479 w 10000"/>
                <a:gd name="connsiteY40" fmla="*/ 9452 h 10031"/>
                <a:gd name="connsiteX41" fmla="*/ 4219 w 10000"/>
                <a:gd name="connsiteY41" fmla="*/ 9620 h 10031"/>
                <a:gd name="connsiteX42" fmla="*/ 4373 w 10000"/>
                <a:gd name="connsiteY42" fmla="*/ 9293 h 10031"/>
                <a:gd name="connsiteX43" fmla="*/ 5064 w 10000"/>
                <a:gd name="connsiteY43" fmla="*/ 9311 h 10031"/>
                <a:gd name="connsiteX44" fmla="*/ 5457 w 10000"/>
                <a:gd name="connsiteY44" fmla="*/ 8984 h 10031"/>
                <a:gd name="connsiteX45" fmla="*/ 5884 w 10000"/>
                <a:gd name="connsiteY45" fmla="*/ 8740 h 10031"/>
                <a:gd name="connsiteX46" fmla="*/ 6040 w 10000"/>
                <a:gd name="connsiteY46" fmla="*/ 8368 h 10031"/>
                <a:gd name="connsiteX47" fmla="*/ 6382 w 10000"/>
                <a:gd name="connsiteY47" fmla="*/ 7982 h 10031"/>
                <a:gd name="connsiteX48" fmla="*/ 6428 w 10000"/>
                <a:gd name="connsiteY48" fmla="*/ 8181 h 10031"/>
                <a:gd name="connsiteX49" fmla="*/ 6444 w 10000"/>
                <a:gd name="connsiteY49" fmla="*/ 8428 h 10031"/>
                <a:gd name="connsiteX50" fmla="*/ 6766 w 10000"/>
                <a:gd name="connsiteY50" fmla="*/ 9268 h 10031"/>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479 w 10000"/>
                <a:gd name="connsiteY40" fmla="*/ 9452 h 10008"/>
                <a:gd name="connsiteX41" fmla="*/ 4219 w 10000"/>
                <a:gd name="connsiteY41" fmla="*/ 9620 h 10008"/>
                <a:gd name="connsiteX42" fmla="*/ 4373 w 10000"/>
                <a:gd name="connsiteY42" fmla="*/ 9293 h 10008"/>
                <a:gd name="connsiteX43" fmla="*/ 5064 w 10000"/>
                <a:gd name="connsiteY43" fmla="*/ 9311 h 10008"/>
                <a:gd name="connsiteX44" fmla="*/ 5457 w 10000"/>
                <a:gd name="connsiteY44" fmla="*/ 8984 h 10008"/>
                <a:gd name="connsiteX45" fmla="*/ 5884 w 10000"/>
                <a:gd name="connsiteY45" fmla="*/ 8740 h 10008"/>
                <a:gd name="connsiteX46" fmla="*/ 6040 w 10000"/>
                <a:gd name="connsiteY46" fmla="*/ 8368 h 10008"/>
                <a:gd name="connsiteX47" fmla="*/ 6382 w 10000"/>
                <a:gd name="connsiteY47" fmla="*/ 7982 h 10008"/>
                <a:gd name="connsiteX48" fmla="*/ 6428 w 10000"/>
                <a:gd name="connsiteY48" fmla="*/ 8181 h 10008"/>
                <a:gd name="connsiteX49" fmla="*/ 6444 w 10000"/>
                <a:gd name="connsiteY49" fmla="*/ 8428 h 10008"/>
                <a:gd name="connsiteX50" fmla="*/ 6766 w 10000"/>
                <a:gd name="connsiteY50"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479 w 10000"/>
                <a:gd name="connsiteY40" fmla="*/ 9452 h 10008"/>
                <a:gd name="connsiteX41" fmla="*/ 3863 w 10000"/>
                <a:gd name="connsiteY41" fmla="*/ 9778 h 10008"/>
                <a:gd name="connsiteX42" fmla="*/ 4219 w 10000"/>
                <a:gd name="connsiteY42" fmla="*/ 9620 h 10008"/>
                <a:gd name="connsiteX43" fmla="*/ 4373 w 10000"/>
                <a:gd name="connsiteY43" fmla="*/ 9293 h 10008"/>
                <a:gd name="connsiteX44" fmla="*/ 5064 w 10000"/>
                <a:gd name="connsiteY44" fmla="*/ 9311 h 10008"/>
                <a:gd name="connsiteX45" fmla="*/ 5457 w 10000"/>
                <a:gd name="connsiteY45" fmla="*/ 8984 h 10008"/>
                <a:gd name="connsiteX46" fmla="*/ 5884 w 10000"/>
                <a:gd name="connsiteY46" fmla="*/ 8740 h 10008"/>
                <a:gd name="connsiteX47" fmla="*/ 6040 w 10000"/>
                <a:gd name="connsiteY47" fmla="*/ 8368 h 10008"/>
                <a:gd name="connsiteX48" fmla="*/ 6382 w 10000"/>
                <a:gd name="connsiteY48" fmla="*/ 7982 h 10008"/>
                <a:gd name="connsiteX49" fmla="*/ 6428 w 10000"/>
                <a:gd name="connsiteY49" fmla="*/ 8181 h 10008"/>
                <a:gd name="connsiteX50" fmla="*/ 6444 w 10000"/>
                <a:gd name="connsiteY50" fmla="*/ 8428 h 10008"/>
                <a:gd name="connsiteX51" fmla="*/ 6766 w 10000"/>
                <a:gd name="connsiteY51"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479 w 10000"/>
                <a:gd name="connsiteY40" fmla="*/ 9452 h 10008"/>
                <a:gd name="connsiteX41" fmla="*/ 3863 w 10000"/>
                <a:gd name="connsiteY41" fmla="*/ 9778 h 10008"/>
                <a:gd name="connsiteX42" fmla="*/ 4219 w 10000"/>
                <a:gd name="connsiteY42" fmla="*/ 9620 h 10008"/>
                <a:gd name="connsiteX43" fmla="*/ 4373 w 10000"/>
                <a:gd name="connsiteY43" fmla="*/ 9293 h 10008"/>
                <a:gd name="connsiteX44" fmla="*/ 5064 w 10000"/>
                <a:gd name="connsiteY44" fmla="*/ 9311 h 10008"/>
                <a:gd name="connsiteX45" fmla="*/ 5457 w 10000"/>
                <a:gd name="connsiteY45" fmla="*/ 8984 h 10008"/>
                <a:gd name="connsiteX46" fmla="*/ 5884 w 10000"/>
                <a:gd name="connsiteY46" fmla="*/ 8740 h 10008"/>
                <a:gd name="connsiteX47" fmla="*/ 6040 w 10000"/>
                <a:gd name="connsiteY47" fmla="*/ 8368 h 10008"/>
                <a:gd name="connsiteX48" fmla="*/ 6382 w 10000"/>
                <a:gd name="connsiteY48" fmla="*/ 7982 h 10008"/>
                <a:gd name="connsiteX49" fmla="*/ 6428 w 10000"/>
                <a:gd name="connsiteY49" fmla="*/ 8181 h 10008"/>
                <a:gd name="connsiteX50" fmla="*/ 6444 w 10000"/>
                <a:gd name="connsiteY50" fmla="*/ 8428 h 10008"/>
                <a:gd name="connsiteX51" fmla="*/ 6766 w 10000"/>
                <a:gd name="connsiteY51"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479 w 10000"/>
                <a:gd name="connsiteY40" fmla="*/ 9452 h 10008"/>
                <a:gd name="connsiteX41" fmla="*/ 3863 w 10000"/>
                <a:gd name="connsiteY41" fmla="*/ 9778 h 10008"/>
                <a:gd name="connsiteX42" fmla="*/ 4219 w 10000"/>
                <a:gd name="connsiteY42" fmla="*/ 9620 h 10008"/>
                <a:gd name="connsiteX43" fmla="*/ 4373 w 10000"/>
                <a:gd name="connsiteY43" fmla="*/ 9293 h 10008"/>
                <a:gd name="connsiteX44" fmla="*/ 5064 w 10000"/>
                <a:gd name="connsiteY44" fmla="*/ 9311 h 10008"/>
                <a:gd name="connsiteX45" fmla="*/ 5457 w 10000"/>
                <a:gd name="connsiteY45" fmla="*/ 8984 h 10008"/>
                <a:gd name="connsiteX46" fmla="*/ 5884 w 10000"/>
                <a:gd name="connsiteY46" fmla="*/ 8740 h 10008"/>
                <a:gd name="connsiteX47" fmla="*/ 6040 w 10000"/>
                <a:gd name="connsiteY47" fmla="*/ 8368 h 10008"/>
                <a:gd name="connsiteX48" fmla="*/ 6382 w 10000"/>
                <a:gd name="connsiteY48" fmla="*/ 7982 h 10008"/>
                <a:gd name="connsiteX49" fmla="*/ 6428 w 10000"/>
                <a:gd name="connsiteY49" fmla="*/ 8181 h 10008"/>
                <a:gd name="connsiteX50" fmla="*/ 6444 w 10000"/>
                <a:gd name="connsiteY50" fmla="*/ 8428 h 10008"/>
                <a:gd name="connsiteX51" fmla="*/ 6766 w 10000"/>
                <a:gd name="connsiteY51"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786 w 10000"/>
                <a:gd name="connsiteY40" fmla="*/ 9452 h 10008"/>
                <a:gd name="connsiteX41" fmla="*/ 3863 w 10000"/>
                <a:gd name="connsiteY41" fmla="*/ 9778 h 10008"/>
                <a:gd name="connsiteX42" fmla="*/ 4219 w 10000"/>
                <a:gd name="connsiteY42" fmla="*/ 9620 h 10008"/>
                <a:gd name="connsiteX43" fmla="*/ 4373 w 10000"/>
                <a:gd name="connsiteY43" fmla="*/ 9293 h 10008"/>
                <a:gd name="connsiteX44" fmla="*/ 5064 w 10000"/>
                <a:gd name="connsiteY44" fmla="*/ 9311 h 10008"/>
                <a:gd name="connsiteX45" fmla="*/ 5457 w 10000"/>
                <a:gd name="connsiteY45" fmla="*/ 8984 h 10008"/>
                <a:gd name="connsiteX46" fmla="*/ 5884 w 10000"/>
                <a:gd name="connsiteY46" fmla="*/ 8740 h 10008"/>
                <a:gd name="connsiteX47" fmla="*/ 6040 w 10000"/>
                <a:gd name="connsiteY47" fmla="*/ 8368 h 10008"/>
                <a:gd name="connsiteX48" fmla="*/ 6382 w 10000"/>
                <a:gd name="connsiteY48" fmla="*/ 7982 h 10008"/>
                <a:gd name="connsiteX49" fmla="*/ 6428 w 10000"/>
                <a:gd name="connsiteY49" fmla="*/ 8181 h 10008"/>
                <a:gd name="connsiteX50" fmla="*/ 6444 w 10000"/>
                <a:gd name="connsiteY50" fmla="*/ 8428 h 10008"/>
                <a:gd name="connsiteX51" fmla="*/ 6766 w 10000"/>
                <a:gd name="connsiteY51"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786 w 10000"/>
                <a:gd name="connsiteY40" fmla="*/ 9452 h 10008"/>
                <a:gd name="connsiteX41" fmla="*/ 3863 w 10000"/>
                <a:gd name="connsiteY41" fmla="*/ 9778 h 10008"/>
                <a:gd name="connsiteX42" fmla="*/ 4219 w 10000"/>
                <a:gd name="connsiteY42" fmla="*/ 9620 h 10008"/>
                <a:gd name="connsiteX43" fmla="*/ 4373 w 10000"/>
                <a:gd name="connsiteY43" fmla="*/ 9293 h 10008"/>
                <a:gd name="connsiteX44" fmla="*/ 5064 w 10000"/>
                <a:gd name="connsiteY44" fmla="*/ 9311 h 10008"/>
                <a:gd name="connsiteX45" fmla="*/ 5457 w 10000"/>
                <a:gd name="connsiteY45" fmla="*/ 8984 h 10008"/>
                <a:gd name="connsiteX46" fmla="*/ 5884 w 10000"/>
                <a:gd name="connsiteY46" fmla="*/ 8740 h 10008"/>
                <a:gd name="connsiteX47" fmla="*/ 6040 w 10000"/>
                <a:gd name="connsiteY47" fmla="*/ 8368 h 10008"/>
                <a:gd name="connsiteX48" fmla="*/ 6382 w 10000"/>
                <a:gd name="connsiteY48" fmla="*/ 7982 h 10008"/>
                <a:gd name="connsiteX49" fmla="*/ 6428 w 10000"/>
                <a:gd name="connsiteY49" fmla="*/ 8181 h 10008"/>
                <a:gd name="connsiteX50" fmla="*/ 6444 w 10000"/>
                <a:gd name="connsiteY50" fmla="*/ 8428 h 10008"/>
                <a:gd name="connsiteX51" fmla="*/ 6766 w 10000"/>
                <a:gd name="connsiteY51"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008 w 10000"/>
                <a:gd name="connsiteY40" fmla="*/ 9433 h 10008"/>
                <a:gd name="connsiteX41" fmla="*/ 3786 w 10000"/>
                <a:gd name="connsiteY41" fmla="*/ 9452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008 w 10000"/>
                <a:gd name="connsiteY40" fmla="*/ 9433 h 10008"/>
                <a:gd name="connsiteX41" fmla="*/ 3786 w 10000"/>
                <a:gd name="connsiteY41" fmla="*/ 9499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2960 w 10000"/>
                <a:gd name="connsiteY40" fmla="*/ 9480 h 10008"/>
                <a:gd name="connsiteX41" fmla="*/ 3786 w 10000"/>
                <a:gd name="connsiteY41" fmla="*/ 9499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2960 w 10000"/>
                <a:gd name="connsiteY40" fmla="*/ 9480 h 10008"/>
                <a:gd name="connsiteX41" fmla="*/ 3757 w 10000"/>
                <a:gd name="connsiteY41" fmla="*/ 9508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3027 w 10000"/>
                <a:gd name="connsiteY40" fmla="*/ 9433 h 10008"/>
                <a:gd name="connsiteX41" fmla="*/ 3757 w 10000"/>
                <a:gd name="connsiteY41" fmla="*/ 9508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2893 w 10000"/>
                <a:gd name="connsiteY40" fmla="*/ 9508 h 10008"/>
                <a:gd name="connsiteX41" fmla="*/ 3757 w 10000"/>
                <a:gd name="connsiteY41" fmla="*/ 9508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2893 w 10000"/>
                <a:gd name="connsiteY40" fmla="*/ 9508 h 10008"/>
                <a:gd name="connsiteX41" fmla="*/ 3757 w 10000"/>
                <a:gd name="connsiteY41" fmla="*/ 9508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778 w 10000"/>
                <a:gd name="connsiteY39" fmla="*/ 9087 h 10008"/>
                <a:gd name="connsiteX40" fmla="*/ 2893 w 10000"/>
                <a:gd name="connsiteY40" fmla="*/ 9508 h 10008"/>
                <a:gd name="connsiteX41" fmla="*/ 3757 w 10000"/>
                <a:gd name="connsiteY41" fmla="*/ 9508 h 10008"/>
                <a:gd name="connsiteX42" fmla="*/ 3863 w 10000"/>
                <a:gd name="connsiteY42" fmla="*/ 9778 h 10008"/>
                <a:gd name="connsiteX43" fmla="*/ 4219 w 10000"/>
                <a:gd name="connsiteY43" fmla="*/ 9620 h 10008"/>
                <a:gd name="connsiteX44" fmla="*/ 4373 w 10000"/>
                <a:gd name="connsiteY44" fmla="*/ 9293 h 10008"/>
                <a:gd name="connsiteX45" fmla="*/ 5064 w 10000"/>
                <a:gd name="connsiteY45" fmla="*/ 9311 h 10008"/>
                <a:gd name="connsiteX46" fmla="*/ 5457 w 10000"/>
                <a:gd name="connsiteY46" fmla="*/ 8984 h 10008"/>
                <a:gd name="connsiteX47" fmla="*/ 5884 w 10000"/>
                <a:gd name="connsiteY47" fmla="*/ 8740 h 10008"/>
                <a:gd name="connsiteX48" fmla="*/ 6040 w 10000"/>
                <a:gd name="connsiteY48" fmla="*/ 8368 h 10008"/>
                <a:gd name="connsiteX49" fmla="*/ 6382 w 10000"/>
                <a:gd name="connsiteY49" fmla="*/ 7982 h 10008"/>
                <a:gd name="connsiteX50" fmla="*/ 6428 w 10000"/>
                <a:gd name="connsiteY50" fmla="*/ 8181 h 10008"/>
                <a:gd name="connsiteX51" fmla="*/ 6444 w 10000"/>
                <a:gd name="connsiteY51" fmla="*/ 8428 h 10008"/>
                <a:gd name="connsiteX52" fmla="*/ 6766 w 10000"/>
                <a:gd name="connsiteY52" fmla="*/ 9268 h 1000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893 w 10000"/>
                <a:gd name="connsiteY40" fmla="*/ 9508 h 10018"/>
                <a:gd name="connsiteX41" fmla="*/ 3757 w 10000"/>
                <a:gd name="connsiteY41" fmla="*/ 9508 h 10018"/>
                <a:gd name="connsiteX42" fmla="*/ 3863 w 10000"/>
                <a:gd name="connsiteY42" fmla="*/ 9778 h 10018"/>
                <a:gd name="connsiteX43" fmla="*/ 4219 w 10000"/>
                <a:gd name="connsiteY43" fmla="*/ 9620 h 10018"/>
                <a:gd name="connsiteX44" fmla="*/ 4373 w 10000"/>
                <a:gd name="connsiteY44" fmla="*/ 9293 h 10018"/>
                <a:gd name="connsiteX45" fmla="*/ 5064 w 10000"/>
                <a:gd name="connsiteY45" fmla="*/ 9311 h 10018"/>
                <a:gd name="connsiteX46" fmla="*/ 5457 w 10000"/>
                <a:gd name="connsiteY46" fmla="*/ 8984 h 10018"/>
                <a:gd name="connsiteX47" fmla="*/ 5884 w 10000"/>
                <a:gd name="connsiteY47" fmla="*/ 8740 h 10018"/>
                <a:gd name="connsiteX48" fmla="*/ 6040 w 10000"/>
                <a:gd name="connsiteY48" fmla="*/ 8368 h 10018"/>
                <a:gd name="connsiteX49" fmla="*/ 6382 w 10000"/>
                <a:gd name="connsiteY49" fmla="*/ 7982 h 10018"/>
                <a:gd name="connsiteX50" fmla="*/ 6428 w 10000"/>
                <a:gd name="connsiteY50" fmla="*/ 8181 h 10018"/>
                <a:gd name="connsiteX51" fmla="*/ 6444 w 10000"/>
                <a:gd name="connsiteY51" fmla="*/ 8428 h 10018"/>
                <a:gd name="connsiteX52" fmla="*/ 6766 w 10000"/>
                <a:gd name="connsiteY52"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893 w 10000"/>
                <a:gd name="connsiteY40" fmla="*/ 9508 h 10018"/>
                <a:gd name="connsiteX41" fmla="*/ 3757 w 10000"/>
                <a:gd name="connsiteY41" fmla="*/ 9508 h 10018"/>
                <a:gd name="connsiteX42" fmla="*/ 3863 w 10000"/>
                <a:gd name="connsiteY42" fmla="*/ 9778 h 10018"/>
                <a:gd name="connsiteX43" fmla="*/ 4219 w 10000"/>
                <a:gd name="connsiteY43" fmla="*/ 9620 h 10018"/>
                <a:gd name="connsiteX44" fmla="*/ 4373 w 10000"/>
                <a:gd name="connsiteY44" fmla="*/ 9293 h 10018"/>
                <a:gd name="connsiteX45" fmla="*/ 5064 w 10000"/>
                <a:gd name="connsiteY45" fmla="*/ 9311 h 10018"/>
                <a:gd name="connsiteX46" fmla="*/ 5457 w 10000"/>
                <a:gd name="connsiteY46" fmla="*/ 8984 h 10018"/>
                <a:gd name="connsiteX47" fmla="*/ 5884 w 10000"/>
                <a:gd name="connsiteY47" fmla="*/ 8740 h 10018"/>
                <a:gd name="connsiteX48" fmla="*/ 6040 w 10000"/>
                <a:gd name="connsiteY48" fmla="*/ 8368 h 10018"/>
                <a:gd name="connsiteX49" fmla="*/ 6382 w 10000"/>
                <a:gd name="connsiteY49" fmla="*/ 7982 h 10018"/>
                <a:gd name="connsiteX50" fmla="*/ 6428 w 10000"/>
                <a:gd name="connsiteY50" fmla="*/ 8181 h 10018"/>
                <a:gd name="connsiteX51" fmla="*/ 6444 w 10000"/>
                <a:gd name="connsiteY51" fmla="*/ 8428 h 10018"/>
                <a:gd name="connsiteX52" fmla="*/ 6766 w 10000"/>
                <a:gd name="connsiteY52"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893 w 10000"/>
                <a:gd name="connsiteY40" fmla="*/ 9508 h 10018"/>
                <a:gd name="connsiteX41" fmla="*/ 3757 w 10000"/>
                <a:gd name="connsiteY41" fmla="*/ 9508 h 10018"/>
                <a:gd name="connsiteX42" fmla="*/ 3863 w 10000"/>
                <a:gd name="connsiteY42" fmla="*/ 9778 h 10018"/>
                <a:gd name="connsiteX43" fmla="*/ 4219 w 10000"/>
                <a:gd name="connsiteY43" fmla="*/ 9620 h 10018"/>
                <a:gd name="connsiteX44" fmla="*/ 4373 w 10000"/>
                <a:gd name="connsiteY44" fmla="*/ 9293 h 10018"/>
                <a:gd name="connsiteX45" fmla="*/ 5064 w 10000"/>
                <a:gd name="connsiteY45" fmla="*/ 9311 h 10018"/>
                <a:gd name="connsiteX46" fmla="*/ 5457 w 10000"/>
                <a:gd name="connsiteY46" fmla="*/ 8984 h 10018"/>
                <a:gd name="connsiteX47" fmla="*/ 5884 w 10000"/>
                <a:gd name="connsiteY47" fmla="*/ 8740 h 10018"/>
                <a:gd name="connsiteX48" fmla="*/ 6040 w 10000"/>
                <a:gd name="connsiteY48" fmla="*/ 8368 h 10018"/>
                <a:gd name="connsiteX49" fmla="*/ 6382 w 10000"/>
                <a:gd name="connsiteY49" fmla="*/ 7982 h 10018"/>
                <a:gd name="connsiteX50" fmla="*/ 6428 w 10000"/>
                <a:gd name="connsiteY50" fmla="*/ 8181 h 10018"/>
                <a:gd name="connsiteX51" fmla="*/ 6444 w 10000"/>
                <a:gd name="connsiteY51" fmla="*/ 8428 h 10018"/>
                <a:gd name="connsiteX52" fmla="*/ 6766 w 10000"/>
                <a:gd name="connsiteY52"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538 w 10000"/>
                <a:gd name="connsiteY40" fmla="*/ 9601 h 10018"/>
                <a:gd name="connsiteX41" fmla="*/ 2893 w 10000"/>
                <a:gd name="connsiteY41" fmla="*/ 9508 h 10018"/>
                <a:gd name="connsiteX42" fmla="*/ 3757 w 10000"/>
                <a:gd name="connsiteY42" fmla="*/ 9508 h 10018"/>
                <a:gd name="connsiteX43" fmla="*/ 3863 w 10000"/>
                <a:gd name="connsiteY43" fmla="*/ 9778 h 10018"/>
                <a:gd name="connsiteX44" fmla="*/ 4219 w 10000"/>
                <a:gd name="connsiteY44" fmla="*/ 9620 h 10018"/>
                <a:gd name="connsiteX45" fmla="*/ 4373 w 10000"/>
                <a:gd name="connsiteY45" fmla="*/ 9293 h 10018"/>
                <a:gd name="connsiteX46" fmla="*/ 5064 w 10000"/>
                <a:gd name="connsiteY46" fmla="*/ 9311 h 10018"/>
                <a:gd name="connsiteX47" fmla="*/ 5457 w 10000"/>
                <a:gd name="connsiteY47" fmla="*/ 8984 h 10018"/>
                <a:gd name="connsiteX48" fmla="*/ 5884 w 10000"/>
                <a:gd name="connsiteY48" fmla="*/ 8740 h 10018"/>
                <a:gd name="connsiteX49" fmla="*/ 6040 w 10000"/>
                <a:gd name="connsiteY49" fmla="*/ 8368 h 10018"/>
                <a:gd name="connsiteX50" fmla="*/ 6382 w 10000"/>
                <a:gd name="connsiteY50" fmla="*/ 7982 h 10018"/>
                <a:gd name="connsiteX51" fmla="*/ 6428 w 10000"/>
                <a:gd name="connsiteY51" fmla="*/ 8181 h 10018"/>
                <a:gd name="connsiteX52" fmla="*/ 6444 w 10000"/>
                <a:gd name="connsiteY52" fmla="*/ 8428 h 10018"/>
                <a:gd name="connsiteX53" fmla="*/ 6766 w 10000"/>
                <a:gd name="connsiteY53"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500 w 10000"/>
                <a:gd name="connsiteY40" fmla="*/ 9227 h 10018"/>
                <a:gd name="connsiteX41" fmla="*/ 2893 w 10000"/>
                <a:gd name="connsiteY41" fmla="*/ 9508 h 10018"/>
                <a:gd name="connsiteX42" fmla="*/ 3757 w 10000"/>
                <a:gd name="connsiteY42" fmla="*/ 9508 h 10018"/>
                <a:gd name="connsiteX43" fmla="*/ 3863 w 10000"/>
                <a:gd name="connsiteY43" fmla="*/ 9778 h 10018"/>
                <a:gd name="connsiteX44" fmla="*/ 4219 w 10000"/>
                <a:gd name="connsiteY44" fmla="*/ 9620 h 10018"/>
                <a:gd name="connsiteX45" fmla="*/ 4373 w 10000"/>
                <a:gd name="connsiteY45" fmla="*/ 9293 h 10018"/>
                <a:gd name="connsiteX46" fmla="*/ 5064 w 10000"/>
                <a:gd name="connsiteY46" fmla="*/ 9311 h 10018"/>
                <a:gd name="connsiteX47" fmla="*/ 5457 w 10000"/>
                <a:gd name="connsiteY47" fmla="*/ 8984 h 10018"/>
                <a:gd name="connsiteX48" fmla="*/ 5884 w 10000"/>
                <a:gd name="connsiteY48" fmla="*/ 8740 h 10018"/>
                <a:gd name="connsiteX49" fmla="*/ 6040 w 10000"/>
                <a:gd name="connsiteY49" fmla="*/ 8368 h 10018"/>
                <a:gd name="connsiteX50" fmla="*/ 6382 w 10000"/>
                <a:gd name="connsiteY50" fmla="*/ 7982 h 10018"/>
                <a:gd name="connsiteX51" fmla="*/ 6428 w 10000"/>
                <a:gd name="connsiteY51" fmla="*/ 8181 h 10018"/>
                <a:gd name="connsiteX52" fmla="*/ 6444 w 10000"/>
                <a:gd name="connsiteY52" fmla="*/ 8428 h 10018"/>
                <a:gd name="connsiteX53" fmla="*/ 6766 w 10000"/>
                <a:gd name="connsiteY53"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740 w 10000"/>
                <a:gd name="connsiteY40" fmla="*/ 9610 h 10018"/>
                <a:gd name="connsiteX41" fmla="*/ 2893 w 10000"/>
                <a:gd name="connsiteY41" fmla="*/ 9508 h 10018"/>
                <a:gd name="connsiteX42" fmla="*/ 3757 w 10000"/>
                <a:gd name="connsiteY42" fmla="*/ 9508 h 10018"/>
                <a:gd name="connsiteX43" fmla="*/ 3863 w 10000"/>
                <a:gd name="connsiteY43" fmla="*/ 9778 h 10018"/>
                <a:gd name="connsiteX44" fmla="*/ 4219 w 10000"/>
                <a:gd name="connsiteY44" fmla="*/ 9620 h 10018"/>
                <a:gd name="connsiteX45" fmla="*/ 4373 w 10000"/>
                <a:gd name="connsiteY45" fmla="*/ 9293 h 10018"/>
                <a:gd name="connsiteX46" fmla="*/ 5064 w 10000"/>
                <a:gd name="connsiteY46" fmla="*/ 9311 h 10018"/>
                <a:gd name="connsiteX47" fmla="*/ 5457 w 10000"/>
                <a:gd name="connsiteY47" fmla="*/ 8984 h 10018"/>
                <a:gd name="connsiteX48" fmla="*/ 5884 w 10000"/>
                <a:gd name="connsiteY48" fmla="*/ 8740 h 10018"/>
                <a:gd name="connsiteX49" fmla="*/ 6040 w 10000"/>
                <a:gd name="connsiteY49" fmla="*/ 8368 h 10018"/>
                <a:gd name="connsiteX50" fmla="*/ 6382 w 10000"/>
                <a:gd name="connsiteY50" fmla="*/ 7982 h 10018"/>
                <a:gd name="connsiteX51" fmla="*/ 6428 w 10000"/>
                <a:gd name="connsiteY51" fmla="*/ 8181 h 10018"/>
                <a:gd name="connsiteX52" fmla="*/ 6444 w 10000"/>
                <a:gd name="connsiteY52" fmla="*/ 8428 h 10018"/>
                <a:gd name="connsiteX53" fmla="*/ 6766 w 10000"/>
                <a:gd name="connsiteY53"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740 w 10000"/>
                <a:gd name="connsiteY40" fmla="*/ 9610 h 10018"/>
                <a:gd name="connsiteX41" fmla="*/ 2979 w 10000"/>
                <a:gd name="connsiteY41" fmla="*/ 9527 h 10018"/>
                <a:gd name="connsiteX42" fmla="*/ 3757 w 10000"/>
                <a:gd name="connsiteY42" fmla="*/ 9508 h 10018"/>
                <a:gd name="connsiteX43" fmla="*/ 3863 w 10000"/>
                <a:gd name="connsiteY43" fmla="*/ 9778 h 10018"/>
                <a:gd name="connsiteX44" fmla="*/ 4219 w 10000"/>
                <a:gd name="connsiteY44" fmla="*/ 9620 h 10018"/>
                <a:gd name="connsiteX45" fmla="*/ 4373 w 10000"/>
                <a:gd name="connsiteY45" fmla="*/ 9293 h 10018"/>
                <a:gd name="connsiteX46" fmla="*/ 5064 w 10000"/>
                <a:gd name="connsiteY46" fmla="*/ 9311 h 10018"/>
                <a:gd name="connsiteX47" fmla="*/ 5457 w 10000"/>
                <a:gd name="connsiteY47" fmla="*/ 8984 h 10018"/>
                <a:gd name="connsiteX48" fmla="*/ 5884 w 10000"/>
                <a:gd name="connsiteY48" fmla="*/ 8740 h 10018"/>
                <a:gd name="connsiteX49" fmla="*/ 6040 w 10000"/>
                <a:gd name="connsiteY49" fmla="*/ 8368 h 10018"/>
                <a:gd name="connsiteX50" fmla="*/ 6382 w 10000"/>
                <a:gd name="connsiteY50" fmla="*/ 7982 h 10018"/>
                <a:gd name="connsiteX51" fmla="*/ 6428 w 10000"/>
                <a:gd name="connsiteY51" fmla="*/ 8181 h 10018"/>
                <a:gd name="connsiteX52" fmla="*/ 6444 w 10000"/>
                <a:gd name="connsiteY52" fmla="*/ 8428 h 10018"/>
                <a:gd name="connsiteX53" fmla="*/ 6766 w 10000"/>
                <a:gd name="connsiteY53"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740 w 10000"/>
                <a:gd name="connsiteY40" fmla="*/ 9610 h 10018"/>
                <a:gd name="connsiteX41" fmla="*/ 2979 w 10000"/>
                <a:gd name="connsiteY41" fmla="*/ 9527 h 10018"/>
                <a:gd name="connsiteX42" fmla="*/ 3757 w 10000"/>
                <a:gd name="connsiteY42" fmla="*/ 9508 h 10018"/>
                <a:gd name="connsiteX43" fmla="*/ 3863 w 10000"/>
                <a:gd name="connsiteY43" fmla="*/ 9778 h 10018"/>
                <a:gd name="connsiteX44" fmla="*/ 4219 w 10000"/>
                <a:gd name="connsiteY44" fmla="*/ 9620 h 10018"/>
                <a:gd name="connsiteX45" fmla="*/ 4373 w 10000"/>
                <a:gd name="connsiteY45" fmla="*/ 9293 h 10018"/>
                <a:gd name="connsiteX46" fmla="*/ 5064 w 10000"/>
                <a:gd name="connsiteY46" fmla="*/ 9311 h 10018"/>
                <a:gd name="connsiteX47" fmla="*/ 5457 w 10000"/>
                <a:gd name="connsiteY47" fmla="*/ 8984 h 10018"/>
                <a:gd name="connsiteX48" fmla="*/ 5884 w 10000"/>
                <a:gd name="connsiteY48" fmla="*/ 8740 h 10018"/>
                <a:gd name="connsiteX49" fmla="*/ 6040 w 10000"/>
                <a:gd name="connsiteY49" fmla="*/ 8368 h 10018"/>
                <a:gd name="connsiteX50" fmla="*/ 6382 w 10000"/>
                <a:gd name="connsiteY50" fmla="*/ 7982 h 10018"/>
                <a:gd name="connsiteX51" fmla="*/ 6428 w 10000"/>
                <a:gd name="connsiteY51" fmla="*/ 8181 h 10018"/>
                <a:gd name="connsiteX52" fmla="*/ 6444 w 10000"/>
                <a:gd name="connsiteY52" fmla="*/ 8428 h 10018"/>
                <a:gd name="connsiteX53" fmla="*/ 6766 w 10000"/>
                <a:gd name="connsiteY53" fmla="*/ 9268 h 10018"/>
                <a:gd name="connsiteX0" fmla="*/ 7446 w 10000"/>
                <a:gd name="connsiteY0" fmla="*/ 9488 h 10018"/>
                <a:gd name="connsiteX1" fmla="*/ 7446 w 10000"/>
                <a:gd name="connsiteY1" fmla="*/ 8978 h 10018"/>
                <a:gd name="connsiteX2" fmla="*/ 7821 w 10000"/>
                <a:gd name="connsiteY2" fmla="*/ 8978 h 10018"/>
                <a:gd name="connsiteX3" fmla="*/ 8047 w 10000"/>
                <a:gd name="connsiteY3" fmla="*/ 8029 h 10018"/>
                <a:gd name="connsiteX4" fmla="*/ 8648 w 10000"/>
                <a:gd name="connsiteY4" fmla="*/ 7444 h 10018"/>
                <a:gd name="connsiteX5" fmla="*/ 8873 w 10000"/>
                <a:gd name="connsiteY5" fmla="*/ 6351 h 10018"/>
                <a:gd name="connsiteX6" fmla="*/ 8722 w 10000"/>
                <a:gd name="connsiteY6" fmla="*/ 5768 h 10018"/>
                <a:gd name="connsiteX7" fmla="*/ 9098 w 10000"/>
                <a:gd name="connsiteY7" fmla="*/ 4525 h 10018"/>
                <a:gd name="connsiteX8" fmla="*/ 9399 w 10000"/>
                <a:gd name="connsiteY8" fmla="*/ 4160 h 10018"/>
                <a:gd name="connsiteX9" fmla="*/ 10000 w 10000"/>
                <a:gd name="connsiteY9" fmla="*/ 3576 h 10018"/>
                <a:gd name="connsiteX10" fmla="*/ 9774 w 10000"/>
                <a:gd name="connsiteY10" fmla="*/ 3502 h 10018"/>
                <a:gd name="connsiteX11" fmla="*/ 9399 w 10000"/>
                <a:gd name="connsiteY11" fmla="*/ 3140 h 10018"/>
                <a:gd name="connsiteX12" fmla="*/ 9173 w 10000"/>
                <a:gd name="connsiteY12" fmla="*/ 2044 h 10018"/>
                <a:gd name="connsiteX13" fmla="*/ 9173 w 10000"/>
                <a:gd name="connsiteY13" fmla="*/ 1460 h 10018"/>
                <a:gd name="connsiteX14" fmla="*/ 9098 w 10000"/>
                <a:gd name="connsiteY14" fmla="*/ 729 h 10018"/>
                <a:gd name="connsiteX15" fmla="*/ 8873 w 10000"/>
                <a:gd name="connsiteY15" fmla="*/ 511 h 10018"/>
                <a:gd name="connsiteX16" fmla="*/ 8497 w 10000"/>
                <a:gd name="connsiteY16" fmla="*/ 219 h 10018"/>
                <a:gd name="connsiteX17" fmla="*/ 8272 w 10000"/>
                <a:gd name="connsiteY17" fmla="*/ 0 h 10018"/>
                <a:gd name="connsiteX18" fmla="*/ 7821 w 10000"/>
                <a:gd name="connsiteY18" fmla="*/ 293 h 10018"/>
                <a:gd name="connsiteX19" fmla="*/ 7370 w 10000"/>
                <a:gd name="connsiteY19" fmla="*/ 729 h 10018"/>
                <a:gd name="connsiteX20" fmla="*/ 6769 w 10000"/>
                <a:gd name="connsiteY20" fmla="*/ 729 h 10018"/>
                <a:gd name="connsiteX21" fmla="*/ 5717 w 10000"/>
                <a:gd name="connsiteY21" fmla="*/ 729 h 10018"/>
                <a:gd name="connsiteX22" fmla="*/ 5717 w 10000"/>
                <a:gd name="connsiteY22" fmla="*/ 658 h 10018"/>
                <a:gd name="connsiteX23" fmla="*/ 5643 w 10000"/>
                <a:gd name="connsiteY23" fmla="*/ 729 h 10018"/>
                <a:gd name="connsiteX24" fmla="*/ 1961 w 10000"/>
                <a:gd name="connsiteY24" fmla="*/ 729 h 10018"/>
                <a:gd name="connsiteX25" fmla="*/ 1961 w 10000"/>
                <a:gd name="connsiteY25" fmla="*/ 2263 h 10018"/>
                <a:gd name="connsiteX26" fmla="*/ 1285 w 10000"/>
                <a:gd name="connsiteY26" fmla="*/ 2263 h 10018"/>
                <a:gd name="connsiteX27" fmla="*/ 1285 w 10000"/>
                <a:gd name="connsiteY27" fmla="*/ 2556 h 10018"/>
                <a:gd name="connsiteX28" fmla="*/ 1285 w 10000"/>
                <a:gd name="connsiteY28" fmla="*/ 5179 h 10018"/>
                <a:gd name="connsiteX29" fmla="*/ 1135 w 10000"/>
                <a:gd name="connsiteY29" fmla="*/ 5327 h 10018"/>
                <a:gd name="connsiteX30" fmla="*/ 684 w 10000"/>
                <a:gd name="connsiteY30" fmla="*/ 5621 h 10018"/>
                <a:gd name="connsiteX31" fmla="*/ 609 w 10000"/>
                <a:gd name="connsiteY31" fmla="*/ 5986 h 10018"/>
                <a:gd name="connsiteX32" fmla="*/ 384 w 10000"/>
                <a:gd name="connsiteY32" fmla="*/ 6351 h 10018"/>
                <a:gd name="connsiteX33" fmla="*/ 234 w 10000"/>
                <a:gd name="connsiteY33" fmla="*/ 6935 h 10018"/>
                <a:gd name="connsiteX34" fmla="*/ 8 w 10000"/>
                <a:gd name="connsiteY34" fmla="*/ 7593 h 10018"/>
                <a:gd name="connsiteX35" fmla="*/ 384 w 10000"/>
                <a:gd name="connsiteY35" fmla="*/ 7664 h 10018"/>
                <a:gd name="connsiteX36" fmla="*/ 458 w 10000"/>
                <a:gd name="connsiteY36" fmla="*/ 8245 h 10018"/>
                <a:gd name="connsiteX37" fmla="*/ 684 w 10000"/>
                <a:gd name="connsiteY37" fmla="*/ 8831 h 10018"/>
                <a:gd name="connsiteX38" fmla="*/ 1059 w 10000"/>
                <a:gd name="connsiteY38" fmla="*/ 10000 h 10018"/>
                <a:gd name="connsiteX39" fmla="*/ 2509 w 10000"/>
                <a:gd name="connsiteY39" fmla="*/ 9601 h 10018"/>
                <a:gd name="connsiteX40" fmla="*/ 2711 w 10000"/>
                <a:gd name="connsiteY40" fmla="*/ 9629 h 10018"/>
                <a:gd name="connsiteX41" fmla="*/ 2979 w 10000"/>
                <a:gd name="connsiteY41" fmla="*/ 9527 h 10018"/>
                <a:gd name="connsiteX42" fmla="*/ 3757 w 10000"/>
                <a:gd name="connsiteY42" fmla="*/ 9508 h 10018"/>
                <a:gd name="connsiteX43" fmla="*/ 3863 w 10000"/>
                <a:gd name="connsiteY43" fmla="*/ 9778 h 10018"/>
                <a:gd name="connsiteX44" fmla="*/ 4219 w 10000"/>
                <a:gd name="connsiteY44" fmla="*/ 9620 h 10018"/>
                <a:gd name="connsiteX45" fmla="*/ 4373 w 10000"/>
                <a:gd name="connsiteY45" fmla="*/ 9293 h 10018"/>
                <a:gd name="connsiteX46" fmla="*/ 5064 w 10000"/>
                <a:gd name="connsiteY46" fmla="*/ 9311 h 10018"/>
                <a:gd name="connsiteX47" fmla="*/ 5457 w 10000"/>
                <a:gd name="connsiteY47" fmla="*/ 8984 h 10018"/>
                <a:gd name="connsiteX48" fmla="*/ 5884 w 10000"/>
                <a:gd name="connsiteY48" fmla="*/ 8740 h 10018"/>
                <a:gd name="connsiteX49" fmla="*/ 6040 w 10000"/>
                <a:gd name="connsiteY49" fmla="*/ 8368 h 10018"/>
                <a:gd name="connsiteX50" fmla="*/ 6382 w 10000"/>
                <a:gd name="connsiteY50" fmla="*/ 7982 h 10018"/>
                <a:gd name="connsiteX51" fmla="*/ 6428 w 10000"/>
                <a:gd name="connsiteY51" fmla="*/ 8181 h 10018"/>
                <a:gd name="connsiteX52" fmla="*/ 6444 w 10000"/>
                <a:gd name="connsiteY52" fmla="*/ 8428 h 10018"/>
                <a:gd name="connsiteX53" fmla="*/ 6766 w 10000"/>
                <a:gd name="connsiteY53" fmla="*/ 9268 h 10018"/>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2461 w 10000"/>
                <a:gd name="connsiteY39" fmla="*/ 9330 h 10015"/>
                <a:gd name="connsiteX40" fmla="*/ 2509 w 10000"/>
                <a:gd name="connsiteY40" fmla="*/ 9601 h 10015"/>
                <a:gd name="connsiteX41" fmla="*/ 2711 w 10000"/>
                <a:gd name="connsiteY41" fmla="*/ 9629 h 10015"/>
                <a:gd name="connsiteX42" fmla="*/ 2979 w 10000"/>
                <a:gd name="connsiteY42" fmla="*/ 9527 h 10015"/>
                <a:gd name="connsiteX43" fmla="*/ 3757 w 10000"/>
                <a:gd name="connsiteY43" fmla="*/ 9508 h 10015"/>
                <a:gd name="connsiteX44" fmla="*/ 3863 w 10000"/>
                <a:gd name="connsiteY44" fmla="*/ 9778 h 10015"/>
                <a:gd name="connsiteX45" fmla="*/ 4219 w 10000"/>
                <a:gd name="connsiteY45" fmla="*/ 9620 h 10015"/>
                <a:gd name="connsiteX46" fmla="*/ 4373 w 10000"/>
                <a:gd name="connsiteY46" fmla="*/ 9293 h 10015"/>
                <a:gd name="connsiteX47" fmla="*/ 5064 w 10000"/>
                <a:gd name="connsiteY47" fmla="*/ 9311 h 10015"/>
                <a:gd name="connsiteX48" fmla="*/ 5457 w 10000"/>
                <a:gd name="connsiteY48" fmla="*/ 8984 h 10015"/>
                <a:gd name="connsiteX49" fmla="*/ 5884 w 10000"/>
                <a:gd name="connsiteY49" fmla="*/ 8740 h 10015"/>
                <a:gd name="connsiteX50" fmla="*/ 6040 w 10000"/>
                <a:gd name="connsiteY50" fmla="*/ 8368 h 10015"/>
                <a:gd name="connsiteX51" fmla="*/ 6382 w 10000"/>
                <a:gd name="connsiteY51" fmla="*/ 7982 h 10015"/>
                <a:gd name="connsiteX52" fmla="*/ 6428 w 10000"/>
                <a:gd name="connsiteY52" fmla="*/ 8181 h 10015"/>
                <a:gd name="connsiteX53" fmla="*/ 6444 w 10000"/>
                <a:gd name="connsiteY53" fmla="*/ 8428 h 10015"/>
                <a:gd name="connsiteX54" fmla="*/ 6766 w 10000"/>
                <a:gd name="connsiteY54" fmla="*/ 9268 h 10015"/>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2461 w 10000"/>
                <a:gd name="connsiteY39" fmla="*/ 9330 h 10015"/>
                <a:gd name="connsiteX40" fmla="*/ 2576 w 10000"/>
                <a:gd name="connsiteY40" fmla="*/ 9517 h 10015"/>
                <a:gd name="connsiteX41" fmla="*/ 2711 w 10000"/>
                <a:gd name="connsiteY41" fmla="*/ 9629 h 10015"/>
                <a:gd name="connsiteX42" fmla="*/ 2979 w 10000"/>
                <a:gd name="connsiteY42" fmla="*/ 9527 h 10015"/>
                <a:gd name="connsiteX43" fmla="*/ 3757 w 10000"/>
                <a:gd name="connsiteY43" fmla="*/ 9508 h 10015"/>
                <a:gd name="connsiteX44" fmla="*/ 3863 w 10000"/>
                <a:gd name="connsiteY44" fmla="*/ 9778 h 10015"/>
                <a:gd name="connsiteX45" fmla="*/ 4219 w 10000"/>
                <a:gd name="connsiteY45" fmla="*/ 9620 h 10015"/>
                <a:gd name="connsiteX46" fmla="*/ 4373 w 10000"/>
                <a:gd name="connsiteY46" fmla="*/ 9293 h 10015"/>
                <a:gd name="connsiteX47" fmla="*/ 5064 w 10000"/>
                <a:gd name="connsiteY47" fmla="*/ 9311 h 10015"/>
                <a:gd name="connsiteX48" fmla="*/ 5457 w 10000"/>
                <a:gd name="connsiteY48" fmla="*/ 8984 h 10015"/>
                <a:gd name="connsiteX49" fmla="*/ 5884 w 10000"/>
                <a:gd name="connsiteY49" fmla="*/ 8740 h 10015"/>
                <a:gd name="connsiteX50" fmla="*/ 6040 w 10000"/>
                <a:gd name="connsiteY50" fmla="*/ 8368 h 10015"/>
                <a:gd name="connsiteX51" fmla="*/ 6382 w 10000"/>
                <a:gd name="connsiteY51" fmla="*/ 7982 h 10015"/>
                <a:gd name="connsiteX52" fmla="*/ 6428 w 10000"/>
                <a:gd name="connsiteY52" fmla="*/ 8181 h 10015"/>
                <a:gd name="connsiteX53" fmla="*/ 6444 w 10000"/>
                <a:gd name="connsiteY53" fmla="*/ 8428 h 10015"/>
                <a:gd name="connsiteX54" fmla="*/ 6766 w 10000"/>
                <a:gd name="connsiteY54" fmla="*/ 9268 h 10015"/>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2461 w 10000"/>
                <a:gd name="connsiteY39" fmla="*/ 9330 h 10015"/>
                <a:gd name="connsiteX40" fmla="*/ 2576 w 10000"/>
                <a:gd name="connsiteY40" fmla="*/ 9517 h 10015"/>
                <a:gd name="connsiteX41" fmla="*/ 2711 w 10000"/>
                <a:gd name="connsiteY41" fmla="*/ 9629 h 10015"/>
                <a:gd name="connsiteX42" fmla="*/ 2979 w 10000"/>
                <a:gd name="connsiteY42" fmla="*/ 9527 h 10015"/>
                <a:gd name="connsiteX43" fmla="*/ 3757 w 10000"/>
                <a:gd name="connsiteY43" fmla="*/ 9508 h 10015"/>
                <a:gd name="connsiteX44" fmla="*/ 3863 w 10000"/>
                <a:gd name="connsiteY44" fmla="*/ 9778 h 10015"/>
                <a:gd name="connsiteX45" fmla="*/ 4219 w 10000"/>
                <a:gd name="connsiteY45" fmla="*/ 9620 h 10015"/>
                <a:gd name="connsiteX46" fmla="*/ 4373 w 10000"/>
                <a:gd name="connsiteY46" fmla="*/ 9293 h 10015"/>
                <a:gd name="connsiteX47" fmla="*/ 5064 w 10000"/>
                <a:gd name="connsiteY47" fmla="*/ 9311 h 10015"/>
                <a:gd name="connsiteX48" fmla="*/ 5457 w 10000"/>
                <a:gd name="connsiteY48" fmla="*/ 8984 h 10015"/>
                <a:gd name="connsiteX49" fmla="*/ 5884 w 10000"/>
                <a:gd name="connsiteY49" fmla="*/ 8740 h 10015"/>
                <a:gd name="connsiteX50" fmla="*/ 6040 w 10000"/>
                <a:gd name="connsiteY50" fmla="*/ 8368 h 10015"/>
                <a:gd name="connsiteX51" fmla="*/ 6382 w 10000"/>
                <a:gd name="connsiteY51" fmla="*/ 7982 h 10015"/>
                <a:gd name="connsiteX52" fmla="*/ 6428 w 10000"/>
                <a:gd name="connsiteY52" fmla="*/ 8181 h 10015"/>
                <a:gd name="connsiteX53" fmla="*/ 6444 w 10000"/>
                <a:gd name="connsiteY53" fmla="*/ 8428 h 10015"/>
                <a:gd name="connsiteX54" fmla="*/ 6766 w 10000"/>
                <a:gd name="connsiteY54" fmla="*/ 9268 h 10015"/>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2461 w 10000"/>
                <a:gd name="connsiteY39" fmla="*/ 9330 h 10015"/>
                <a:gd name="connsiteX40" fmla="*/ 2576 w 10000"/>
                <a:gd name="connsiteY40" fmla="*/ 9452 h 10015"/>
                <a:gd name="connsiteX41" fmla="*/ 2711 w 10000"/>
                <a:gd name="connsiteY41" fmla="*/ 9629 h 10015"/>
                <a:gd name="connsiteX42" fmla="*/ 2979 w 10000"/>
                <a:gd name="connsiteY42" fmla="*/ 9527 h 10015"/>
                <a:gd name="connsiteX43" fmla="*/ 3757 w 10000"/>
                <a:gd name="connsiteY43" fmla="*/ 9508 h 10015"/>
                <a:gd name="connsiteX44" fmla="*/ 3863 w 10000"/>
                <a:gd name="connsiteY44" fmla="*/ 9778 h 10015"/>
                <a:gd name="connsiteX45" fmla="*/ 4219 w 10000"/>
                <a:gd name="connsiteY45" fmla="*/ 9620 h 10015"/>
                <a:gd name="connsiteX46" fmla="*/ 4373 w 10000"/>
                <a:gd name="connsiteY46" fmla="*/ 9293 h 10015"/>
                <a:gd name="connsiteX47" fmla="*/ 5064 w 10000"/>
                <a:gd name="connsiteY47" fmla="*/ 9311 h 10015"/>
                <a:gd name="connsiteX48" fmla="*/ 5457 w 10000"/>
                <a:gd name="connsiteY48" fmla="*/ 8984 h 10015"/>
                <a:gd name="connsiteX49" fmla="*/ 5884 w 10000"/>
                <a:gd name="connsiteY49" fmla="*/ 8740 h 10015"/>
                <a:gd name="connsiteX50" fmla="*/ 6040 w 10000"/>
                <a:gd name="connsiteY50" fmla="*/ 8368 h 10015"/>
                <a:gd name="connsiteX51" fmla="*/ 6382 w 10000"/>
                <a:gd name="connsiteY51" fmla="*/ 7982 h 10015"/>
                <a:gd name="connsiteX52" fmla="*/ 6428 w 10000"/>
                <a:gd name="connsiteY52" fmla="*/ 8181 h 10015"/>
                <a:gd name="connsiteX53" fmla="*/ 6444 w 10000"/>
                <a:gd name="connsiteY53" fmla="*/ 8428 h 10015"/>
                <a:gd name="connsiteX54" fmla="*/ 6766 w 10000"/>
                <a:gd name="connsiteY54" fmla="*/ 9268 h 10015"/>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2461 w 10000"/>
                <a:gd name="connsiteY39" fmla="*/ 9330 h 10015"/>
                <a:gd name="connsiteX40" fmla="*/ 2576 w 10000"/>
                <a:gd name="connsiteY40" fmla="*/ 9452 h 10015"/>
                <a:gd name="connsiteX41" fmla="*/ 2711 w 10000"/>
                <a:gd name="connsiteY41" fmla="*/ 9853 h 10015"/>
                <a:gd name="connsiteX42" fmla="*/ 2979 w 10000"/>
                <a:gd name="connsiteY42" fmla="*/ 9527 h 10015"/>
                <a:gd name="connsiteX43" fmla="*/ 3757 w 10000"/>
                <a:gd name="connsiteY43" fmla="*/ 9508 h 10015"/>
                <a:gd name="connsiteX44" fmla="*/ 3863 w 10000"/>
                <a:gd name="connsiteY44" fmla="*/ 9778 h 10015"/>
                <a:gd name="connsiteX45" fmla="*/ 4219 w 10000"/>
                <a:gd name="connsiteY45" fmla="*/ 9620 h 10015"/>
                <a:gd name="connsiteX46" fmla="*/ 4373 w 10000"/>
                <a:gd name="connsiteY46" fmla="*/ 9293 h 10015"/>
                <a:gd name="connsiteX47" fmla="*/ 5064 w 10000"/>
                <a:gd name="connsiteY47" fmla="*/ 9311 h 10015"/>
                <a:gd name="connsiteX48" fmla="*/ 5457 w 10000"/>
                <a:gd name="connsiteY48" fmla="*/ 8984 h 10015"/>
                <a:gd name="connsiteX49" fmla="*/ 5884 w 10000"/>
                <a:gd name="connsiteY49" fmla="*/ 8740 h 10015"/>
                <a:gd name="connsiteX50" fmla="*/ 6040 w 10000"/>
                <a:gd name="connsiteY50" fmla="*/ 8368 h 10015"/>
                <a:gd name="connsiteX51" fmla="*/ 6382 w 10000"/>
                <a:gd name="connsiteY51" fmla="*/ 7982 h 10015"/>
                <a:gd name="connsiteX52" fmla="*/ 6428 w 10000"/>
                <a:gd name="connsiteY52" fmla="*/ 8181 h 10015"/>
                <a:gd name="connsiteX53" fmla="*/ 6444 w 10000"/>
                <a:gd name="connsiteY53" fmla="*/ 8428 h 10015"/>
                <a:gd name="connsiteX54" fmla="*/ 6766 w 10000"/>
                <a:gd name="connsiteY54" fmla="*/ 9268 h 10015"/>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2461 w 10000"/>
                <a:gd name="connsiteY39" fmla="*/ 9330 h 10015"/>
                <a:gd name="connsiteX40" fmla="*/ 2576 w 10000"/>
                <a:gd name="connsiteY40" fmla="*/ 9452 h 10015"/>
                <a:gd name="connsiteX41" fmla="*/ 2721 w 10000"/>
                <a:gd name="connsiteY41" fmla="*/ 9592 h 10015"/>
                <a:gd name="connsiteX42" fmla="*/ 2979 w 10000"/>
                <a:gd name="connsiteY42" fmla="*/ 9527 h 10015"/>
                <a:gd name="connsiteX43" fmla="*/ 3757 w 10000"/>
                <a:gd name="connsiteY43" fmla="*/ 9508 h 10015"/>
                <a:gd name="connsiteX44" fmla="*/ 3863 w 10000"/>
                <a:gd name="connsiteY44" fmla="*/ 9778 h 10015"/>
                <a:gd name="connsiteX45" fmla="*/ 4219 w 10000"/>
                <a:gd name="connsiteY45" fmla="*/ 9620 h 10015"/>
                <a:gd name="connsiteX46" fmla="*/ 4373 w 10000"/>
                <a:gd name="connsiteY46" fmla="*/ 9293 h 10015"/>
                <a:gd name="connsiteX47" fmla="*/ 5064 w 10000"/>
                <a:gd name="connsiteY47" fmla="*/ 9311 h 10015"/>
                <a:gd name="connsiteX48" fmla="*/ 5457 w 10000"/>
                <a:gd name="connsiteY48" fmla="*/ 8984 h 10015"/>
                <a:gd name="connsiteX49" fmla="*/ 5884 w 10000"/>
                <a:gd name="connsiteY49" fmla="*/ 8740 h 10015"/>
                <a:gd name="connsiteX50" fmla="*/ 6040 w 10000"/>
                <a:gd name="connsiteY50" fmla="*/ 8368 h 10015"/>
                <a:gd name="connsiteX51" fmla="*/ 6382 w 10000"/>
                <a:gd name="connsiteY51" fmla="*/ 7982 h 10015"/>
                <a:gd name="connsiteX52" fmla="*/ 6428 w 10000"/>
                <a:gd name="connsiteY52" fmla="*/ 8181 h 10015"/>
                <a:gd name="connsiteX53" fmla="*/ 6444 w 10000"/>
                <a:gd name="connsiteY53" fmla="*/ 8428 h 10015"/>
                <a:gd name="connsiteX54" fmla="*/ 6766 w 10000"/>
                <a:gd name="connsiteY54" fmla="*/ 9268 h 10015"/>
                <a:gd name="connsiteX0" fmla="*/ 7446 w 10000"/>
                <a:gd name="connsiteY0" fmla="*/ 9488 h 10015"/>
                <a:gd name="connsiteX1" fmla="*/ 7446 w 10000"/>
                <a:gd name="connsiteY1" fmla="*/ 8978 h 10015"/>
                <a:gd name="connsiteX2" fmla="*/ 7821 w 10000"/>
                <a:gd name="connsiteY2" fmla="*/ 8978 h 10015"/>
                <a:gd name="connsiteX3" fmla="*/ 8047 w 10000"/>
                <a:gd name="connsiteY3" fmla="*/ 8029 h 10015"/>
                <a:gd name="connsiteX4" fmla="*/ 8648 w 10000"/>
                <a:gd name="connsiteY4" fmla="*/ 7444 h 10015"/>
                <a:gd name="connsiteX5" fmla="*/ 8873 w 10000"/>
                <a:gd name="connsiteY5" fmla="*/ 6351 h 10015"/>
                <a:gd name="connsiteX6" fmla="*/ 8722 w 10000"/>
                <a:gd name="connsiteY6" fmla="*/ 5768 h 10015"/>
                <a:gd name="connsiteX7" fmla="*/ 9098 w 10000"/>
                <a:gd name="connsiteY7" fmla="*/ 4525 h 10015"/>
                <a:gd name="connsiteX8" fmla="*/ 9399 w 10000"/>
                <a:gd name="connsiteY8" fmla="*/ 4160 h 10015"/>
                <a:gd name="connsiteX9" fmla="*/ 10000 w 10000"/>
                <a:gd name="connsiteY9" fmla="*/ 3576 h 10015"/>
                <a:gd name="connsiteX10" fmla="*/ 9774 w 10000"/>
                <a:gd name="connsiteY10" fmla="*/ 3502 h 10015"/>
                <a:gd name="connsiteX11" fmla="*/ 9399 w 10000"/>
                <a:gd name="connsiteY11" fmla="*/ 3140 h 10015"/>
                <a:gd name="connsiteX12" fmla="*/ 9173 w 10000"/>
                <a:gd name="connsiteY12" fmla="*/ 2044 h 10015"/>
                <a:gd name="connsiteX13" fmla="*/ 9173 w 10000"/>
                <a:gd name="connsiteY13" fmla="*/ 1460 h 10015"/>
                <a:gd name="connsiteX14" fmla="*/ 9098 w 10000"/>
                <a:gd name="connsiteY14" fmla="*/ 729 h 10015"/>
                <a:gd name="connsiteX15" fmla="*/ 8873 w 10000"/>
                <a:gd name="connsiteY15" fmla="*/ 511 h 10015"/>
                <a:gd name="connsiteX16" fmla="*/ 8497 w 10000"/>
                <a:gd name="connsiteY16" fmla="*/ 219 h 10015"/>
                <a:gd name="connsiteX17" fmla="*/ 8272 w 10000"/>
                <a:gd name="connsiteY17" fmla="*/ 0 h 10015"/>
                <a:gd name="connsiteX18" fmla="*/ 7821 w 10000"/>
                <a:gd name="connsiteY18" fmla="*/ 293 h 10015"/>
                <a:gd name="connsiteX19" fmla="*/ 7370 w 10000"/>
                <a:gd name="connsiteY19" fmla="*/ 729 h 10015"/>
                <a:gd name="connsiteX20" fmla="*/ 6769 w 10000"/>
                <a:gd name="connsiteY20" fmla="*/ 729 h 10015"/>
                <a:gd name="connsiteX21" fmla="*/ 5717 w 10000"/>
                <a:gd name="connsiteY21" fmla="*/ 729 h 10015"/>
                <a:gd name="connsiteX22" fmla="*/ 5717 w 10000"/>
                <a:gd name="connsiteY22" fmla="*/ 658 h 10015"/>
                <a:gd name="connsiteX23" fmla="*/ 5643 w 10000"/>
                <a:gd name="connsiteY23" fmla="*/ 729 h 10015"/>
                <a:gd name="connsiteX24" fmla="*/ 1961 w 10000"/>
                <a:gd name="connsiteY24" fmla="*/ 729 h 10015"/>
                <a:gd name="connsiteX25" fmla="*/ 1961 w 10000"/>
                <a:gd name="connsiteY25" fmla="*/ 2263 h 10015"/>
                <a:gd name="connsiteX26" fmla="*/ 1285 w 10000"/>
                <a:gd name="connsiteY26" fmla="*/ 2263 h 10015"/>
                <a:gd name="connsiteX27" fmla="*/ 1285 w 10000"/>
                <a:gd name="connsiteY27" fmla="*/ 2556 h 10015"/>
                <a:gd name="connsiteX28" fmla="*/ 1285 w 10000"/>
                <a:gd name="connsiteY28" fmla="*/ 5179 h 10015"/>
                <a:gd name="connsiteX29" fmla="*/ 1135 w 10000"/>
                <a:gd name="connsiteY29" fmla="*/ 5327 h 10015"/>
                <a:gd name="connsiteX30" fmla="*/ 684 w 10000"/>
                <a:gd name="connsiteY30" fmla="*/ 5621 h 10015"/>
                <a:gd name="connsiteX31" fmla="*/ 609 w 10000"/>
                <a:gd name="connsiteY31" fmla="*/ 5986 h 10015"/>
                <a:gd name="connsiteX32" fmla="*/ 384 w 10000"/>
                <a:gd name="connsiteY32" fmla="*/ 6351 h 10015"/>
                <a:gd name="connsiteX33" fmla="*/ 234 w 10000"/>
                <a:gd name="connsiteY33" fmla="*/ 6935 h 10015"/>
                <a:gd name="connsiteX34" fmla="*/ 8 w 10000"/>
                <a:gd name="connsiteY34" fmla="*/ 7593 h 10015"/>
                <a:gd name="connsiteX35" fmla="*/ 384 w 10000"/>
                <a:gd name="connsiteY35" fmla="*/ 7664 h 10015"/>
                <a:gd name="connsiteX36" fmla="*/ 458 w 10000"/>
                <a:gd name="connsiteY36" fmla="*/ 8245 h 10015"/>
                <a:gd name="connsiteX37" fmla="*/ 684 w 10000"/>
                <a:gd name="connsiteY37" fmla="*/ 8831 h 10015"/>
                <a:gd name="connsiteX38" fmla="*/ 1059 w 10000"/>
                <a:gd name="connsiteY38" fmla="*/ 10000 h 10015"/>
                <a:gd name="connsiteX39" fmla="*/ 2461 w 10000"/>
                <a:gd name="connsiteY39" fmla="*/ 9330 h 10015"/>
                <a:gd name="connsiteX40" fmla="*/ 2566 w 10000"/>
                <a:gd name="connsiteY40" fmla="*/ 9433 h 10015"/>
                <a:gd name="connsiteX41" fmla="*/ 2721 w 10000"/>
                <a:gd name="connsiteY41" fmla="*/ 9592 h 10015"/>
                <a:gd name="connsiteX42" fmla="*/ 2979 w 10000"/>
                <a:gd name="connsiteY42" fmla="*/ 9527 h 10015"/>
                <a:gd name="connsiteX43" fmla="*/ 3757 w 10000"/>
                <a:gd name="connsiteY43" fmla="*/ 9508 h 10015"/>
                <a:gd name="connsiteX44" fmla="*/ 3863 w 10000"/>
                <a:gd name="connsiteY44" fmla="*/ 9778 h 10015"/>
                <a:gd name="connsiteX45" fmla="*/ 4219 w 10000"/>
                <a:gd name="connsiteY45" fmla="*/ 9620 h 10015"/>
                <a:gd name="connsiteX46" fmla="*/ 4373 w 10000"/>
                <a:gd name="connsiteY46" fmla="*/ 9293 h 10015"/>
                <a:gd name="connsiteX47" fmla="*/ 5064 w 10000"/>
                <a:gd name="connsiteY47" fmla="*/ 9311 h 10015"/>
                <a:gd name="connsiteX48" fmla="*/ 5457 w 10000"/>
                <a:gd name="connsiteY48" fmla="*/ 8984 h 10015"/>
                <a:gd name="connsiteX49" fmla="*/ 5884 w 10000"/>
                <a:gd name="connsiteY49" fmla="*/ 8740 h 10015"/>
                <a:gd name="connsiteX50" fmla="*/ 6040 w 10000"/>
                <a:gd name="connsiteY50" fmla="*/ 8368 h 10015"/>
                <a:gd name="connsiteX51" fmla="*/ 6382 w 10000"/>
                <a:gd name="connsiteY51" fmla="*/ 7982 h 10015"/>
                <a:gd name="connsiteX52" fmla="*/ 6428 w 10000"/>
                <a:gd name="connsiteY52" fmla="*/ 8181 h 10015"/>
                <a:gd name="connsiteX53" fmla="*/ 6444 w 10000"/>
                <a:gd name="connsiteY53" fmla="*/ 8428 h 10015"/>
                <a:gd name="connsiteX54" fmla="*/ 6766 w 10000"/>
                <a:gd name="connsiteY54" fmla="*/ 9268 h 10015"/>
                <a:gd name="connsiteX0" fmla="*/ 7446 w 10000"/>
                <a:gd name="connsiteY0" fmla="*/ 9488 h 10014"/>
                <a:gd name="connsiteX1" fmla="*/ 7446 w 10000"/>
                <a:gd name="connsiteY1" fmla="*/ 8978 h 10014"/>
                <a:gd name="connsiteX2" fmla="*/ 7821 w 10000"/>
                <a:gd name="connsiteY2" fmla="*/ 8978 h 10014"/>
                <a:gd name="connsiteX3" fmla="*/ 8047 w 10000"/>
                <a:gd name="connsiteY3" fmla="*/ 8029 h 10014"/>
                <a:gd name="connsiteX4" fmla="*/ 8648 w 10000"/>
                <a:gd name="connsiteY4" fmla="*/ 7444 h 10014"/>
                <a:gd name="connsiteX5" fmla="*/ 8873 w 10000"/>
                <a:gd name="connsiteY5" fmla="*/ 6351 h 10014"/>
                <a:gd name="connsiteX6" fmla="*/ 8722 w 10000"/>
                <a:gd name="connsiteY6" fmla="*/ 5768 h 10014"/>
                <a:gd name="connsiteX7" fmla="*/ 9098 w 10000"/>
                <a:gd name="connsiteY7" fmla="*/ 4525 h 10014"/>
                <a:gd name="connsiteX8" fmla="*/ 9399 w 10000"/>
                <a:gd name="connsiteY8" fmla="*/ 4160 h 10014"/>
                <a:gd name="connsiteX9" fmla="*/ 10000 w 10000"/>
                <a:gd name="connsiteY9" fmla="*/ 3576 h 10014"/>
                <a:gd name="connsiteX10" fmla="*/ 9774 w 10000"/>
                <a:gd name="connsiteY10" fmla="*/ 3502 h 10014"/>
                <a:gd name="connsiteX11" fmla="*/ 9399 w 10000"/>
                <a:gd name="connsiteY11" fmla="*/ 3140 h 10014"/>
                <a:gd name="connsiteX12" fmla="*/ 9173 w 10000"/>
                <a:gd name="connsiteY12" fmla="*/ 2044 h 10014"/>
                <a:gd name="connsiteX13" fmla="*/ 9173 w 10000"/>
                <a:gd name="connsiteY13" fmla="*/ 1460 h 10014"/>
                <a:gd name="connsiteX14" fmla="*/ 9098 w 10000"/>
                <a:gd name="connsiteY14" fmla="*/ 729 h 10014"/>
                <a:gd name="connsiteX15" fmla="*/ 8873 w 10000"/>
                <a:gd name="connsiteY15" fmla="*/ 511 h 10014"/>
                <a:gd name="connsiteX16" fmla="*/ 8497 w 10000"/>
                <a:gd name="connsiteY16" fmla="*/ 219 h 10014"/>
                <a:gd name="connsiteX17" fmla="*/ 8272 w 10000"/>
                <a:gd name="connsiteY17" fmla="*/ 0 h 10014"/>
                <a:gd name="connsiteX18" fmla="*/ 7821 w 10000"/>
                <a:gd name="connsiteY18" fmla="*/ 293 h 10014"/>
                <a:gd name="connsiteX19" fmla="*/ 7370 w 10000"/>
                <a:gd name="connsiteY19" fmla="*/ 729 h 10014"/>
                <a:gd name="connsiteX20" fmla="*/ 6769 w 10000"/>
                <a:gd name="connsiteY20" fmla="*/ 729 h 10014"/>
                <a:gd name="connsiteX21" fmla="*/ 5717 w 10000"/>
                <a:gd name="connsiteY21" fmla="*/ 729 h 10014"/>
                <a:gd name="connsiteX22" fmla="*/ 5717 w 10000"/>
                <a:gd name="connsiteY22" fmla="*/ 658 h 10014"/>
                <a:gd name="connsiteX23" fmla="*/ 5643 w 10000"/>
                <a:gd name="connsiteY23" fmla="*/ 729 h 10014"/>
                <a:gd name="connsiteX24" fmla="*/ 1961 w 10000"/>
                <a:gd name="connsiteY24" fmla="*/ 729 h 10014"/>
                <a:gd name="connsiteX25" fmla="*/ 1961 w 10000"/>
                <a:gd name="connsiteY25" fmla="*/ 2263 h 10014"/>
                <a:gd name="connsiteX26" fmla="*/ 1285 w 10000"/>
                <a:gd name="connsiteY26" fmla="*/ 2263 h 10014"/>
                <a:gd name="connsiteX27" fmla="*/ 1285 w 10000"/>
                <a:gd name="connsiteY27" fmla="*/ 2556 h 10014"/>
                <a:gd name="connsiteX28" fmla="*/ 1285 w 10000"/>
                <a:gd name="connsiteY28" fmla="*/ 5179 h 10014"/>
                <a:gd name="connsiteX29" fmla="*/ 1135 w 10000"/>
                <a:gd name="connsiteY29" fmla="*/ 5327 h 10014"/>
                <a:gd name="connsiteX30" fmla="*/ 684 w 10000"/>
                <a:gd name="connsiteY30" fmla="*/ 5621 h 10014"/>
                <a:gd name="connsiteX31" fmla="*/ 609 w 10000"/>
                <a:gd name="connsiteY31" fmla="*/ 5986 h 10014"/>
                <a:gd name="connsiteX32" fmla="*/ 384 w 10000"/>
                <a:gd name="connsiteY32" fmla="*/ 6351 h 10014"/>
                <a:gd name="connsiteX33" fmla="*/ 234 w 10000"/>
                <a:gd name="connsiteY33" fmla="*/ 6935 h 10014"/>
                <a:gd name="connsiteX34" fmla="*/ 8 w 10000"/>
                <a:gd name="connsiteY34" fmla="*/ 7593 h 10014"/>
                <a:gd name="connsiteX35" fmla="*/ 384 w 10000"/>
                <a:gd name="connsiteY35" fmla="*/ 7664 h 10014"/>
                <a:gd name="connsiteX36" fmla="*/ 458 w 10000"/>
                <a:gd name="connsiteY36" fmla="*/ 8245 h 10014"/>
                <a:gd name="connsiteX37" fmla="*/ 684 w 10000"/>
                <a:gd name="connsiteY37" fmla="*/ 8831 h 10014"/>
                <a:gd name="connsiteX38" fmla="*/ 1059 w 10000"/>
                <a:gd name="connsiteY38" fmla="*/ 10000 h 10014"/>
                <a:gd name="connsiteX39" fmla="*/ 2394 w 10000"/>
                <a:gd name="connsiteY39" fmla="*/ 9237 h 10014"/>
                <a:gd name="connsiteX40" fmla="*/ 2566 w 10000"/>
                <a:gd name="connsiteY40" fmla="*/ 9433 h 10014"/>
                <a:gd name="connsiteX41" fmla="*/ 2721 w 10000"/>
                <a:gd name="connsiteY41" fmla="*/ 9592 h 10014"/>
                <a:gd name="connsiteX42" fmla="*/ 2979 w 10000"/>
                <a:gd name="connsiteY42" fmla="*/ 9527 h 10014"/>
                <a:gd name="connsiteX43" fmla="*/ 3757 w 10000"/>
                <a:gd name="connsiteY43" fmla="*/ 9508 h 10014"/>
                <a:gd name="connsiteX44" fmla="*/ 3863 w 10000"/>
                <a:gd name="connsiteY44" fmla="*/ 9778 h 10014"/>
                <a:gd name="connsiteX45" fmla="*/ 4219 w 10000"/>
                <a:gd name="connsiteY45" fmla="*/ 9620 h 10014"/>
                <a:gd name="connsiteX46" fmla="*/ 4373 w 10000"/>
                <a:gd name="connsiteY46" fmla="*/ 9293 h 10014"/>
                <a:gd name="connsiteX47" fmla="*/ 5064 w 10000"/>
                <a:gd name="connsiteY47" fmla="*/ 9311 h 10014"/>
                <a:gd name="connsiteX48" fmla="*/ 5457 w 10000"/>
                <a:gd name="connsiteY48" fmla="*/ 8984 h 10014"/>
                <a:gd name="connsiteX49" fmla="*/ 5884 w 10000"/>
                <a:gd name="connsiteY49" fmla="*/ 8740 h 10014"/>
                <a:gd name="connsiteX50" fmla="*/ 6040 w 10000"/>
                <a:gd name="connsiteY50" fmla="*/ 8368 h 10014"/>
                <a:gd name="connsiteX51" fmla="*/ 6382 w 10000"/>
                <a:gd name="connsiteY51" fmla="*/ 7982 h 10014"/>
                <a:gd name="connsiteX52" fmla="*/ 6428 w 10000"/>
                <a:gd name="connsiteY52" fmla="*/ 8181 h 10014"/>
                <a:gd name="connsiteX53" fmla="*/ 6444 w 10000"/>
                <a:gd name="connsiteY53" fmla="*/ 8428 h 10014"/>
                <a:gd name="connsiteX54" fmla="*/ 6766 w 10000"/>
                <a:gd name="connsiteY54" fmla="*/ 9268 h 10014"/>
                <a:gd name="connsiteX0" fmla="*/ 7446 w 10000"/>
                <a:gd name="connsiteY0" fmla="*/ 9488 h 10009"/>
                <a:gd name="connsiteX1" fmla="*/ 7446 w 10000"/>
                <a:gd name="connsiteY1" fmla="*/ 8978 h 10009"/>
                <a:gd name="connsiteX2" fmla="*/ 7821 w 10000"/>
                <a:gd name="connsiteY2" fmla="*/ 8978 h 10009"/>
                <a:gd name="connsiteX3" fmla="*/ 8047 w 10000"/>
                <a:gd name="connsiteY3" fmla="*/ 8029 h 10009"/>
                <a:gd name="connsiteX4" fmla="*/ 8648 w 10000"/>
                <a:gd name="connsiteY4" fmla="*/ 7444 h 10009"/>
                <a:gd name="connsiteX5" fmla="*/ 8873 w 10000"/>
                <a:gd name="connsiteY5" fmla="*/ 6351 h 10009"/>
                <a:gd name="connsiteX6" fmla="*/ 8722 w 10000"/>
                <a:gd name="connsiteY6" fmla="*/ 5768 h 10009"/>
                <a:gd name="connsiteX7" fmla="*/ 9098 w 10000"/>
                <a:gd name="connsiteY7" fmla="*/ 4525 h 10009"/>
                <a:gd name="connsiteX8" fmla="*/ 9399 w 10000"/>
                <a:gd name="connsiteY8" fmla="*/ 4160 h 10009"/>
                <a:gd name="connsiteX9" fmla="*/ 10000 w 10000"/>
                <a:gd name="connsiteY9" fmla="*/ 3576 h 10009"/>
                <a:gd name="connsiteX10" fmla="*/ 9774 w 10000"/>
                <a:gd name="connsiteY10" fmla="*/ 3502 h 10009"/>
                <a:gd name="connsiteX11" fmla="*/ 9399 w 10000"/>
                <a:gd name="connsiteY11" fmla="*/ 3140 h 10009"/>
                <a:gd name="connsiteX12" fmla="*/ 9173 w 10000"/>
                <a:gd name="connsiteY12" fmla="*/ 2044 h 10009"/>
                <a:gd name="connsiteX13" fmla="*/ 9173 w 10000"/>
                <a:gd name="connsiteY13" fmla="*/ 1460 h 10009"/>
                <a:gd name="connsiteX14" fmla="*/ 9098 w 10000"/>
                <a:gd name="connsiteY14" fmla="*/ 729 h 10009"/>
                <a:gd name="connsiteX15" fmla="*/ 8873 w 10000"/>
                <a:gd name="connsiteY15" fmla="*/ 511 h 10009"/>
                <a:gd name="connsiteX16" fmla="*/ 8497 w 10000"/>
                <a:gd name="connsiteY16" fmla="*/ 219 h 10009"/>
                <a:gd name="connsiteX17" fmla="*/ 8272 w 10000"/>
                <a:gd name="connsiteY17" fmla="*/ 0 h 10009"/>
                <a:gd name="connsiteX18" fmla="*/ 7821 w 10000"/>
                <a:gd name="connsiteY18" fmla="*/ 293 h 10009"/>
                <a:gd name="connsiteX19" fmla="*/ 7370 w 10000"/>
                <a:gd name="connsiteY19" fmla="*/ 729 h 10009"/>
                <a:gd name="connsiteX20" fmla="*/ 6769 w 10000"/>
                <a:gd name="connsiteY20" fmla="*/ 729 h 10009"/>
                <a:gd name="connsiteX21" fmla="*/ 5717 w 10000"/>
                <a:gd name="connsiteY21" fmla="*/ 729 h 10009"/>
                <a:gd name="connsiteX22" fmla="*/ 5717 w 10000"/>
                <a:gd name="connsiteY22" fmla="*/ 658 h 10009"/>
                <a:gd name="connsiteX23" fmla="*/ 5643 w 10000"/>
                <a:gd name="connsiteY23" fmla="*/ 729 h 10009"/>
                <a:gd name="connsiteX24" fmla="*/ 1961 w 10000"/>
                <a:gd name="connsiteY24" fmla="*/ 729 h 10009"/>
                <a:gd name="connsiteX25" fmla="*/ 1961 w 10000"/>
                <a:gd name="connsiteY25" fmla="*/ 2263 h 10009"/>
                <a:gd name="connsiteX26" fmla="*/ 1285 w 10000"/>
                <a:gd name="connsiteY26" fmla="*/ 2263 h 10009"/>
                <a:gd name="connsiteX27" fmla="*/ 1285 w 10000"/>
                <a:gd name="connsiteY27" fmla="*/ 2556 h 10009"/>
                <a:gd name="connsiteX28" fmla="*/ 1285 w 10000"/>
                <a:gd name="connsiteY28" fmla="*/ 5179 h 10009"/>
                <a:gd name="connsiteX29" fmla="*/ 1135 w 10000"/>
                <a:gd name="connsiteY29" fmla="*/ 5327 h 10009"/>
                <a:gd name="connsiteX30" fmla="*/ 684 w 10000"/>
                <a:gd name="connsiteY30" fmla="*/ 5621 h 10009"/>
                <a:gd name="connsiteX31" fmla="*/ 609 w 10000"/>
                <a:gd name="connsiteY31" fmla="*/ 5986 h 10009"/>
                <a:gd name="connsiteX32" fmla="*/ 384 w 10000"/>
                <a:gd name="connsiteY32" fmla="*/ 6351 h 10009"/>
                <a:gd name="connsiteX33" fmla="*/ 234 w 10000"/>
                <a:gd name="connsiteY33" fmla="*/ 6935 h 10009"/>
                <a:gd name="connsiteX34" fmla="*/ 8 w 10000"/>
                <a:gd name="connsiteY34" fmla="*/ 7593 h 10009"/>
                <a:gd name="connsiteX35" fmla="*/ 384 w 10000"/>
                <a:gd name="connsiteY35" fmla="*/ 7664 h 10009"/>
                <a:gd name="connsiteX36" fmla="*/ 458 w 10000"/>
                <a:gd name="connsiteY36" fmla="*/ 8245 h 10009"/>
                <a:gd name="connsiteX37" fmla="*/ 684 w 10000"/>
                <a:gd name="connsiteY37" fmla="*/ 8831 h 10009"/>
                <a:gd name="connsiteX38" fmla="*/ 1059 w 10000"/>
                <a:gd name="connsiteY38" fmla="*/ 10000 h 10009"/>
                <a:gd name="connsiteX39" fmla="*/ 2394 w 10000"/>
                <a:gd name="connsiteY39" fmla="*/ 9237 h 10009"/>
                <a:gd name="connsiteX40" fmla="*/ 2566 w 10000"/>
                <a:gd name="connsiteY40" fmla="*/ 9433 h 10009"/>
                <a:gd name="connsiteX41" fmla="*/ 2721 w 10000"/>
                <a:gd name="connsiteY41" fmla="*/ 9592 h 10009"/>
                <a:gd name="connsiteX42" fmla="*/ 2979 w 10000"/>
                <a:gd name="connsiteY42" fmla="*/ 9527 h 10009"/>
                <a:gd name="connsiteX43" fmla="*/ 3757 w 10000"/>
                <a:gd name="connsiteY43" fmla="*/ 9508 h 10009"/>
                <a:gd name="connsiteX44" fmla="*/ 3863 w 10000"/>
                <a:gd name="connsiteY44" fmla="*/ 9778 h 10009"/>
                <a:gd name="connsiteX45" fmla="*/ 4219 w 10000"/>
                <a:gd name="connsiteY45" fmla="*/ 9620 h 10009"/>
                <a:gd name="connsiteX46" fmla="*/ 4373 w 10000"/>
                <a:gd name="connsiteY46" fmla="*/ 9293 h 10009"/>
                <a:gd name="connsiteX47" fmla="*/ 5064 w 10000"/>
                <a:gd name="connsiteY47" fmla="*/ 9311 h 10009"/>
                <a:gd name="connsiteX48" fmla="*/ 5457 w 10000"/>
                <a:gd name="connsiteY48" fmla="*/ 8984 h 10009"/>
                <a:gd name="connsiteX49" fmla="*/ 5884 w 10000"/>
                <a:gd name="connsiteY49" fmla="*/ 8740 h 10009"/>
                <a:gd name="connsiteX50" fmla="*/ 6040 w 10000"/>
                <a:gd name="connsiteY50" fmla="*/ 8368 h 10009"/>
                <a:gd name="connsiteX51" fmla="*/ 6382 w 10000"/>
                <a:gd name="connsiteY51" fmla="*/ 7982 h 10009"/>
                <a:gd name="connsiteX52" fmla="*/ 6428 w 10000"/>
                <a:gd name="connsiteY52" fmla="*/ 8181 h 10009"/>
                <a:gd name="connsiteX53" fmla="*/ 6444 w 10000"/>
                <a:gd name="connsiteY53" fmla="*/ 8428 h 10009"/>
                <a:gd name="connsiteX54" fmla="*/ 6766 w 10000"/>
                <a:gd name="connsiteY54" fmla="*/ 9268 h 10009"/>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413 w 10000"/>
                <a:gd name="connsiteY39" fmla="*/ 9209 h 10008"/>
                <a:gd name="connsiteX40" fmla="*/ 2566 w 10000"/>
                <a:gd name="connsiteY40" fmla="*/ 9433 h 10008"/>
                <a:gd name="connsiteX41" fmla="*/ 2721 w 10000"/>
                <a:gd name="connsiteY41" fmla="*/ 9592 h 10008"/>
                <a:gd name="connsiteX42" fmla="*/ 2979 w 10000"/>
                <a:gd name="connsiteY42" fmla="*/ 9527 h 10008"/>
                <a:gd name="connsiteX43" fmla="*/ 3757 w 10000"/>
                <a:gd name="connsiteY43" fmla="*/ 9508 h 10008"/>
                <a:gd name="connsiteX44" fmla="*/ 3863 w 10000"/>
                <a:gd name="connsiteY44" fmla="*/ 9778 h 10008"/>
                <a:gd name="connsiteX45" fmla="*/ 4219 w 10000"/>
                <a:gd name="connsiteY45" fmla="*/ 9620 h 10008"/>
                <a:gd name="connsiteX46" fmla="*/ 4373 w 10000"/>
                <a:gd name="connsiteY46" fmla="*/ 9293 h 10008"/>
                <a:gd name="connsiteX47" fmla="*/ 5064 w 10000"/>
                <a:gd name="connsiteY47" fmla="*/ 9311 h 10008"/>
                <a:gd name="connsiteX48" fmla="*/ 5457 w 10000"/>
                <a:gd name="connsiteY48" fmla="*/ 8984 h 10008"/>
                <a:gd name="connsiteX49" fmla="*/ 5884 w 10000"/>
                <a:gd name="connsiteY49" fmla="*/ 8740 h 10008"/>
                <a:gd name="connsiteX50" fmla="*/ 6040 w 10000"/>
                <a:gd name="connsiteY50" fmla="*/ 8368 h 10008"/>
                <a:gd name="connsiteX51" fmla="*/ 6382 w 10000"/>
                <a:gd name="connsiteY51" fmla="*/ 7982 h 10008"/>
                <a:gd name="connsiteX52" fmla="*/ 6428 w 10000"/>
                <a:gd name="connsiteY52" fmla="*/ 8181 h 10008"/>
                <a:gd name="connsiteX53" fmla="*/ 6444 w 10000"/>
                <a:gd name="connsiteY53" fmla="*/ 8428 h 10008"/>
                <a:gd name="connsiteX54" fmla="*/ 6766 w 10000"/>
                <a:gd name="connsiteY54"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413 w 10000"/>
                <a:gd name="connsiteY39" fmla="*/ 9209 h 10008"/>
                <a:gd name="connsiteX40" fmla="*/ 2566 w 10000"/>
                <a:gd name="connsiteY40" fmla="*/ 9433 h 10008"/>
                <a:gd name="connsiteX41" fmla="*/ 2721 w 10000"/>
                <a:gd name="connsiteY41" fmla="*/ 9592 h 10008"/>
                <a:gd name="connsiteX42" fmla="*/ 2979 w 10000"/>
                <a:gd name="connsiteY42" fmla="*/ 9527 h 10008"/>
                <a:gd name="connsiteX43" fmla="*/ 3757 w 10000"/>
                <a:gd name="connsiteY43" fmla="*/ 9508 h 10008"/>
                <a:gd name="connsiteX44" fmla="*/ 3863 w 10000"/>
                <a:gd name="connsiteY44" fmla="*/ 9778 h 10008"/>
                <a:gd name="connsiteX45" fmla="*/ 4219 w 10000"/>
                <a:gd name="connsiteY45" fmla="*/ 9620 h 10008"/>
                <a:gd name="connsiteX46" fmla="*/ 4373 w 10000"/>
                <a:gd name="connsiteY46" fmla="*/ 9293 h 10008"/>
                <a:gd name="connsiteX47" fmla="*/ 5064 w 10000"/>
                <a:gd name="connsiteY47" fmla="*/ 9311 h 10008"/>
                <a:gd name="connsiteX48" fmla="*/ 5457 w 10000"/>
                <a:gd name="connsiteY48" fmla="*/ 8984 h 10008"/>
                <a:gd name="connsiteX49" fmla="*/ 5884 w 10000"/>
                <a:gd name="connsiteY49" fmla="*/ 8740 h 10008"/>
                <a:gd name="connsiteX50" fmla="*/ 6040 w 10000"/>
                <a:gd name="connsiteY50" fmla="*/ 8368 h 10008"/>
                <a:gd name="connsiteX51" fmla="*/ 6382 w 10000"/>
                <a:gd name="connsiteY51" fmla="*/ 7982 h 10008"/>
                <a:gd name="connsiteX52" fmla="*/ 6428 w 10000"/>
                <a:gd name="connsiteY52" fmla="*/ 8181 h 10008"/>
                <a:gd name="connsiteX53" fmla="*/ 6444 w 10000"/>
                <a:gd name="connsiteY53" fmla="*/ 8428 h 10008"/>
                <a:gd name="connsiteX54" fmla="*/ 6766 w 10000"/>
                <a:gd name="connsiteY54"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2413 w 10000"/>
                <a:gd name="connsiteY39" fmla="*/ 9209 h 10008"/>
                <a:gd name="connsiteX40" fmla="*/ 2566 w 10000"/>
                <a:gd name="connsiteY40" fmla="*/ 9433 h 10008"/>
                <a:gd name="connsiteX41" fmla="*/ 2605 w 10000"/>
                <a:gd name="connsiteY41" fmla="*/ 9461 h 10008"/>
                <a:gd name="connsiteX42" fmla="*/ 2721 w 10000"/>
                <a:gd name="connsiteY42" fmla="*/ 9592 h 10008"/>
                <a:gd name="connsiteX43" fmla="*/ 2979 w 10000"/>
                <a:gd name="connsiteY43" fmla="*/ 9527 h 10008"/>
                <a:gd name="connsiteX44" fmla="*/ 3757 w 10000"/>
                <a:gd name="connsiteY44" fmla="*/ 9508 h 10008"/>
                <a:gd name="connsiteX45" fmla="*/ 3863 w 10000"/>
                <a:gd name="connsiteY45" fmla="*/ 9778 h 10008"/>
                <a:gd name="connsiteX46" fmla="*/ 4219 w 10000"/>
                <a:gd name="connsiteY46" fmla="*/ 9620 h 10008"/>
                <a:gd name="connsiteX47" fmla="*/ 4373 w 10000"/>
                <a:gd name="connsiteY47" fmla="*/ 9293 h 10008"/>
                <a:gd name="connsiteX48" fmla="*/ 5064 w 10000"/>
                <a:gd name="connsiteY48" fmla="*/ 9311 h 10008"/>
                <a:gd name="connsiteX49" fmla="*/ 5457 w 10000"/>
                <a:gd name="connsiteY49" fmla="*/ 8984 h 10008"/>
                <a:gd name="connsiteX50" fmla="*/ 5884 w 10000"/>
                <a:gd name="connsiteY50" fmla="*/ 8740 h 10008"/>
                <a:gd name="connsiteX51" fmla="*/ 6040 w 10000"/>
                <a:gd name="connsiteY51" fmla="*/ 8368 h 10008"/>
                <a:gd name="connsiteX52" fmla="*/ 6382 w 10000"/>
                <a:gd name="connsiteY52" fmla="*/ 7982 h 10008"/>
                <a:gd name="connsiteX53" fmla="*/ 6428 w 10000"/>
                <a:gd name="connsiteY53" fmla="*/ 8181 h 10008"/>
                <a:gd name="connsiteX54" fmla="*/ 6444 w 10000"/>
                <a:gd name="connsiteY54" fmla="*/ 8428 h 10008"/>
                <a:gd name="connsiteX55" fmla="*/ 6766 w 10000"/>
                <a:gd name="connsiteY55" fmla="*/ 9268 h 10008"/>
                <a:gd name="connsiteX0" fmla="*/ 7446 w 10000"/>
                <a:gd name="connsiteY0" fmla="*/ 9488 h 10008"/>
                <a:gd name="connsiteX1" fmla="*/ 7446 w 10000"/>
                <a:gd name="connsiteY1" fmla="*/ 8978 h 10008"/>
                <a:gd name="connsiteX2" fmla="*/ 7821 w 10000"/>
                <a:gd name="connsiteY2" fmla="*/ 8978 h 10008"/>
                <a:gd name="connsiteX3" fmla="*/ 8047 w 10000"/>
                <a:gd name="connsiteY3" fmla="*/ 8029 h 10008"/>
                <a:gd name="connsiteX4" fmla="*/ 8648 w 10000"/>
                <a:gd name="connsiteY4" fmla="*/ 7444 h 10008"/>
                <a:gd name="connsiteX5" fmla="*/ 8873 w 10000"/>
                <a:gd name="connsiteY5" fmla="*/ 6351 h 10008"/>
                <a:gd name="connsiteX6" fmla="*/ 8722 w 10000"/>
                <a:gd name="connsiteY6" fmla="*/ 5768 h 10008"/>
                <a:gd name="connsiteX7" fmla="*/ 9098 w 10000"/>
                <a:gd name="connsiteY7" fmla="*/ 4525 h 10008"/>
                <a:gd name="connsiteX8" fmla="*/ 9399 w 10000"/>
                <a:gd name="connsiteY8" fmla="*/ 4160 h 10008"/>
                <a:gd name="connsiteX9" fmla="*/ 10000 w 10000"/>
                <a:gd name="connsiteY9" fmla="*/ 3576 h 10008"/>
                <a:gd name="connsiteX10" fmla="*/ 9774 w 10000"/>
                <a:gd name="connsiteY10" fmla="*/ 3502 h 10008"/>
                <a:gd name="connsiteX11" fmla="*/ 9399 w 10000"/>
                <a:gd name="connsiteY11" fmla="*/ 3140 h 10008"/>
                <a:gd name="connsiteX12" fmla="*/ 9173 w 10000"/>
                <a:gd name="connsiteY12" fmla="*/ 2044 h 10008"/>
                <a:gd name="connsiteX13" fmla="*/ 9173 w 10000"/>
                <a:gd name="connsiteY13" fmla="*/ 1460 h 10008"/>
                <a:gd name="connsiteX14" fmla="*/ 9098 w 10000"/>
                <a:gd name="connsiteY14" fmla="*/ 729 h 10008"/>
                <a:gd name="connsiteX15" fmla="*/ 8873 w 10000"/>
                <a:gd name="connsiteY15" fmla="*/ 511 h 10008"/>
                <a:gd name="connsiteX16" fmla="*/ 8497 w 10000"/>
                <a:gd name="connsiteY16" fmla="*/ 219 h 10008"/>
                <a:gd name="connsiteX17" fmla="*/ 8272 w 10000"/>
                <a:gd name="connsiteY17" fmla="*/ 0 h 10008"/>
                <a:gd name="connsiteX18" fmla="*/ 7821 w 10000"/>
                <a:gd name="connsiteY18" fmla="*/ 293 h 10008"/>
                <a:gd name="connsiteX19" fmla="*/ 7370 w 10000"/>
                <a:gd name="connsiteY19" fmla="*/ 729 h 10008"/>
                <a:gd name="connsiteX20" fmla="*/ 6769 w 10000"/>
                <a:gd name="connsiteY20" fmla="*/ 729 h 10008"/>
                <a:gd name="connsiteX21" fmla="*/ 5717 w 10000"/>
                <a:gd name="connsiteY21" fmla="*/ 729 h 10008"/>
                <a:gd name="connsiteX22" fmla="*/ 5717 w 10000"/>
                <a:gd name="connsiteY22" fmla="*/ 658 h 10008"/>
                <a:gd name="connsiteX23" fmla="*/ 5643 w 10000"/>
                <a:gd name="connsiteY23" fmla="*/ 729 h 10008"/>
                <a:gd name="connsiteX24" fmla="*/ 1961 w 10000"/>
                <a:gd name="connsiteY24" fmla="*/ 729 h 10008"/>
                <a:gd name="connsiteX25" fmla="*/ 1961 w 10000"/>
                <a:gd name="connsiteY25" fmla="*/ 2263 h 10008"/>
                <a:gd name="connsiteX26" fmla="*/ 1285 w 10000"/>
                <a:gd name="connsiteY26" fmla="*/ 2263 h 10008"/>
                <a:gd name="connsiteX27" fmla="*/ 1285 w 10000"/>
                <a:gd name="connsiteY27" fmla="*/ 2556 h 10008"/>
                <a:gd name="connsiteX28" fmla="*/ 1285 w 10000"/>
                <a:gd name="connsiteY28" fmla="*/ 5179 h 10008"/>
                <a:gd name="connsiteX29" fmla="*/ 1135 w 10000"/>
                <a:gd name="connsiteY29" fmla="*/ 5327 h 10008"/>
                <a:gd name="connsiteX30" fmla="*/ 684 w 10000"/>
                <a:gd name="connsiteY30" fmla="*/ 5621 h 10008"/>
                <a:gd name="connsiteX31" fmla="*/ 609 w 10000"/>
                <a:gd name="connsiteY31" fmla="*/ 5986 h 10008"/>
                <a:gd name="connsiteX32" fmla="*/ 384 w 10000"/>
                <a:gd name="connsiteY32" fmla="*/ 6351 h 10008"/>
                <a:gd name="connsiteX33" fmla="*/ 234 w 10000"/>
                <a:gd name="connsiteY33" fmla="*/ 6935 h 10008"/>
                <a:gd name="connsiteX34" fmla="*/ 8 w 10000"/>
                <a:gd name="connsiteY34" fmla="*/ 7593 h 10008"/>
                <a:gd name="connsiteX35" fmla="*/ 384 w 10000"/>
                <a:gd name="connsiteY35" fmla="*/ 7664 h 10008"/>
                <a:gd name="connsiteX36" fmla="*/ 458 w 10000"/>
                <a:gd name="connsiteY36" fmla="*/ 8245 h 10008"/>
                <a:gd name="connsiteX37" fmla="*/ 684 w 10000"/>
                <a:gd name="connsiteY37" fmla="*/ 8831 h 10008"/>
                <a:gd name="connsiteX38" fmla="*/ 1059 w 10000"/>
                <a:gd name="connsiteY38" fmla="*/ 10000 h 10008"/>
                <a:gd name="connsiteX39" fmla="*/ 1817 w 10000"/>
                <a:gd name="connsiteY39" fmla="*/ 9069 h 10008"/>
                <a:gd name="connsiteX40" fmla="*/ 2566 w 10000"/>
                <a:gd name="connsiteY40" fmla="*/ 9433 h 10008"/>
                <a:gd name="connsiteX41" fmla="*/ 2605 w 10000"/>
                <a:gd name="connsiteY41" fmla="*/ 9461 h 10008"/>
                <a:gd name="connsiteX42" fmla="*/ 2721 w 10000"/>
                <a:gd name="connsiteY42" fmla="*/ 9592 h 10008"/>
                <a:gd name="connsiteX43" fmla="*/ 2979 w 10000"/>
                <a:gd name="connsiteY43" fmla="*/ 9527 h 10008"/>
                <a:gd name="connsiteX44" fmla="*/ 3757 w 10000"/>
                <a:gd name="connsiteY44" fmla="*/ 9508 h 10008"/>
                <a:gd name="connsiteX45" fmla="*/ 3863 w 10000"/>
                <a:gd name="connsiteY45" fmla="*/ 9778 h 10008"/>
                <a:gd name="connsiteX46" fmla="*/ 4219 w 10000"/>
                <a:gd name="connsiteY46" fmla="*/ 9620 h 10008"/>
                <a:gd name="connsiteX47" fmla="*/ 4373 w 10000"/>
                <a:gd name="connsiteY47" fmla="*/ 9293 h 10008"/>
                <a:gd name="connsiteX48" fmla="*/ 5064 w 10000"/>
                <a:gd name="connsiteY48" fmla="*/ 9311 h 10008"/>
                <a:gd name="connsiteX49" fmla="*/ 5457 w 10000"/>
                <a:gd name="connsiteY49" fmla="*/ 8984 h 10008"/>
                <a:gd name="connsiteX50" fmla="*/ 5884 w 10000"/>
                <a:gd name="connsiteY50" fmla="*/ 8740 h 10008"/>
                <a:gd name="connsiteX51" fmla="*/ 6040 w 10000"/>
                <a:gd name="connsiteY51" fmla="*/ 8368 h 10008"/>
                <a:gd name="connsiteX52" fmla="*/ 6382 w 10000"/>
                <a:gd name="connsiteY52" fmla="*/ 7982 h 10008"/>
                <a:gd name="connsiteX53" fmla="*/ 6428 w 10000"/>
                <a:gd name="connsiteY53" fmla="*/ 8181 h 10008"/>
                <a:gd name="connsiteX54" fmla="*/ 6444 w 10000"/>
                <a:gd name="connsiteY54" fmla="*/ 8428 h 10008"/>
                <a:gd name="connsiteX55" fmla="*/ 6766 w 10000"/>
                <a:gd name="connsiteY55" fmla="*/ 9268 h 10008"/>
                <a:gd name="connsiteX0" fmla="*/ 7446 w 10000"/>
                <a:gd name="connsiteY0" fmla="*/ 9488 h 10028"/>
                <a:gd name="connsiteX1" fmla="*/ 7446 w 10000"/>
                <a:gd name="connsiteY1" fmla="*/ 8978 h 10028"/>
                <a:gd name="connsiteX2" fmla="*/ 7821 w 10000"/>
                <a:gd name="connsiteY2" fmla="*/ 8978 h 10028"/>
                <a:gd name="connsiteX3" fmla="*/ 8047 w 10000"/>
                <a:gd name="connsiteY3" fmla="*/ 8029 h 10028"/>
                <a:gd name="connsiteX4" fmla="*/ 8648 w 10000"/>
                <a:gd name="connsiteY4" fmla="*/ 7444 h 10028"/>
                <a:gd name="connsiteX5" fmla="*/ 8873 w 10000"/>
                <a:gd name="connsiteY5" fmla="*/ 6351 h 10028"/>
                <a:gd name="connsiteX6" fmla="*/ 8722 w 10000"/>
                <a:gd name="connsiteY6" fmla="*/ 5768 h 10028"/>
                <a:gd name="connsiteX7" fmla="*/ 9098 w 10000"/>
                <a:gd name="connsiteY7" fmla="*/ 4525 h 10028"/>
                <a:gd name="connsiteX8" fmla="*/ 9399 w 10000"/>
                <a:gd name="connsiteY8" fmla="*/ 4160 h 10028"/>
                <a:gd name="connsiteX9" fmla="*/ 10000 w 10000"/>
                <a:gd name="connsiteY9" fmla="*/ 3576 h 10028"/>
                <a:gd name="connsiteX10" fmla="*/ 9774 w 10000"/>
                <a:gd name="connsiteY10" fmla="*/ 3502 h 10028"/>
                <a:gd name="connsiteX11" fmla="*/ 9399 w 10000"/>
                <a:gd name="connsiteY11" fmla="*/ 3140 h 10028"/>
                <a:gd name="connsiteX12" fmla="*/ 9173 w 10000"/>
                <a:gd name="connsiteY12" fmla="*/ 2044 h 10028"/>
                <a:gd name="connsiteX13" fmla="*/ 9173 w 10000"/>
                <a:gd name="connsiteY13" fmla="*/ 1460 h 10028"/>
                <a:gd name="connsiteX14" fmla="*/ 9098 w 10000"/>
                <a:gd name="connsiteY14" fmla="*/ 729 h 10028"/>
                <a:gd name="connsiteX15" fmla="*/ 8873 w 10000"/>
                <a:gd name="connsiteY15" fmla="*/ 511 h 10028"/>
                <a:gd name="connsiteX16" fmla="*/ 8497 w 10000"/>
                <a:gd name="connsiteY16" fmla="*/ 219 h 10028"/>
                <a:gd name="connsiteX17" fmla="*/ 8272 w 10000"/>
                <a:gd name="connsiteY17" fmla="*/ 0 h 10028"/>
                <a:gd name="connsiteX18" fmla="*/ 7821 w 10000"/>
                <a:gd name="connsiteY18" fmla="*/ 293 h 10028"/>
                <a:gd name="connsiteX19" fmla="*/ 7370 w 10000"/>
                <a:gd name="connsiteY19" fmla="*/ 729 h 10028"/>
                <a:gd name="connsiteX20" fmla="*/ 6769 w 10000"/>
                <a:gd name="connsiteY20" fmla="*/ 729 h 10028"/>
                <a:gd name="connsiteX21" fmla="*/ 5717 w 10000"/>
                <a:gd name="connsiteY21" fmla="*/ 729 h 10028"/>
                <a:gd name="connsiteX22" fmla="*/ 5717 w 10000"/>
                <a:gd name="connsiteY22" fmla="*/ 658 h 10028"/>
                <a:gd name="connsiteX23" fmla="*/ 5643 w 10000"/>
                <a:gd name="connsiteY23" fmla="*/ 729 h 10028"/>
                <a:gd name="connsiteX24" fmla="*/ 1961 w 10000"/>
                <a:gd name="connsiteY24" fmla="*/ 729 h 10028"/>
                <a:gd name="connsiteX25" fmla="*/ 1961 w 10000"/>
                <a:gd name="connsiteY25" fmla="*/ 2263 h 10028"/>
                <a:gd name="connsiteX26" fmla="*/ 1285 w 10000"/>
                <a:gd name="connsiteY26" fmla="*/ 2263 h 10028"/>
                <a:gd name="connsiteX27" fmla="*/ 1285 w 10000"/>
                <a:gd name="connsiteY27" fmla="*/ 2556 h 10028"/>
                <a:gd name="connsiteX28" fmla="*/ 1285 w 10000"/>
                <a:gd name="connsiteY28" fmla="*/ 5179 h 10028"/>
                <a:gd name="connsiteX29" fmla="*/ 1135 w 10000"/>
                <a:gd name="connsiteY29" fmla="*/ 5327 h 10028"/>
                <a:gd name="connsiteX30" fmla="*/ 684 w 10000"/>
                <a:gd name="connsiteY30" fmla="*/ 5621 h 10028"/>
                <a:gd name="connsiteX31" fmla="*/ 609 w 10000"/>
                <a:gd name="connsiteY31" fmla="*/ 5986 h 10028"/>
                <a:gd name="connsiteX32" fmla="*/ 384 w 10000"/>
                <a:gd name="connsiteY32" fmla="*/ 6351 h 10028"/>
                <a:gd name="connsiteX33" fmla="*/ 234 w 10000"/>
                <a:gd name="connsiteY33" fmla="*/ 6935 h 10028"/>
                <a:gd name="connsiteX34" fmla="*/ 8 w 10000"/>
                <a:gd name="connsiteY34" fmla="*/ 7593 h 10028"/>
                <a:gd name="connsiteX35" fmla="*/ 384 w 10000"/>
                <a:gd name="connsiteY35" fmla="*/ 7664 h 10028"/>
                <a:gd name="connsiteX36" fmla="*/ 458 w 10000"/>
                <a:gd name="connsiteY36" fmla="*/ 8245 h 10028"/>
                <a:gd name="connsiteX37" fmla="*/ 684 w 10000"/>
                <a:gd name="connsiteY37" fmla="*/ 8831 h 10028"/>
                <a:gd name="connsiteX38" fmla="*/ 1059 w 10000"/>
                <a:gd name="connsiteY38" fmla="*/ 10000 h 10028"/>
                <a:gd name="connsiteX39" fmla="*/ 1817 w 10000"/>
                <a:gd name="connsiteY39" fmla="*/ 9069 h 10028"/>
                <a:gd name="connsiteX40" fmla="*/ 2566 w 10000"/>
                <a:gd name="connsiteY40" fmla="*/ 9433 h 10028"/>
                <a:gd name="connsiteX41" fmla="*/ 2605 w 10000"/>
                <a:gd name="connsiteY41" fmla="*/ 9461 h 10028"/>
                <a:gd name="connsiteX42" fmla="*/ 2721 w 10000"/>
                <a:gd name="connsiteY42" fmla="*/ 9592 h 10028"/>
                <a:gd name="connsiteX43" fmla="*/ 2979 w 10000"/>
                <a:gd name="connsiteY43" fmla="*/ 9527 h 10028"/>
                <a:gd name="connsiteX44" fmla="*/ 3757 w 10000"/>
                <a:gd name="connsiteY44" fmla="*/ 9508 h 10028"/>
                <a:gd name="connsiteX45" fmla="*/ 3863 w 10000"/>
                <a:gd name="connsiteY45" fmla="*/ 9778 h 10028"/>
                <a:gd name="connsiteX46" fmla="*/ 4219 w 10000"/>
                <a:gd name="connsiteY46" fmla="*/ 9620 h 10028"/>
                <a:gd name="connsiteX47" fmla="*/ 4373 w 10000"/>
                <a:gd name="connsiteY47" fmla="*/ 9293 h 10028"/>
                <a:gd name="connsiteX48" fmla="*/ 5064 w 10000"/>
                <a:gd name="connsiteY48" fmla="*/ 9311 h 10028"/>
                <a:gd name="connsiteX49" fmla="*/ 5457 w 10000"/>
                <a:gd name="connsiteY49" fmla="*/ 8984 h 10028"/>
                <a:gd name="connsiteX50" fmla="*/ 5884 w 10000"/>
                <a:gd name="connsiteY50" fmla="*/ 8740 h 10028"/>
                <a:gd name="connsiteX51" fmla="*/ 6040 w 10000"/>
                <a:gd name="connsiteY51" fmla="*/ 8368 h 10028"/>
                <a:gd name="connsiteX52" fmla="*/ 6382 w 10000"/>
                <a:gd name="connsiteY52" fmla="*/ 7982 h 10028"/>
                <a:gd name="connsiteX53" fmla="*/ 6428 w 10000"/>
                <a:gd name="connsiteY53" fmla="*/ 8181 h 10028"/>
                <a:gd name="connsiteX54" fmla="*/ 6444 w 10000"/>
                <a:gd name="connsiteY54" fmla="*/ 8428 h 10028"/>
                <a:gd name="connsiteX55" fmla="*/ 6766 w 10000"/>
                <a:gd name="connsiteY55" fmla="*/ 9268 h 10028"/>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817 w 10000"/>
                <a:gd name="connsiteY39" fmla="*/ 9069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817 w 10000"/>
                <a:gd name="connsiteY39" fmla="*/ 9069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750 w 10000"/>
                <a:gd name="connsiteY39" fmla="*/ 9069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702 w 10000"/>
                <a:gd name="connsiteY39" fmla="*/ 9069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702 w 10000"/>
                <a:gd name="connsiteY39" fmla="*/ 9069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87 w 10000"/>
                <a:gd name="connsiteY39" fmla="*/ 9088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87 w 10000"/>
                <a:gd name="connsiteY39" fmla="*/ 9088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87 w 10000"/>
                <a:gd name="connsiteY39" fmla="*/ 9088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87 w 10000"/>
                <a:gd name="connsiteY39" fmla="*/ 9088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97 w 10000"/>
                <a:gd name="connsiteY39" fmla="*/ 9125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97 w 10000"/>
                <a:gd name="connsiteY39" fmla="*/ 9125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97 w 10000"/>
                <a:gd name="connsiteY39" fmla="*/ 9125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68 w 10000"/>
                <a:gd name="connsiteY39" fmla="*/ 9153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1059 w 10000"/>
                <a:gd name="connsiteY38" fmla="*/ 10000 h 10000"/>
                <a:gd name="connsiteX39" fmla="*/ 1568 w 10000"/>
                <a:gd name="connsiteY39" fmla="*/ 9153 h 10000"/>
                <a:gd name="connsiteX40" fmla="*/ 2566 w 10000"/>
                <a:gd name="connsiteY40" fmla="*/ 9433 h 10000"/>
                <a:gd name="connsiteX41" fmla="*/ 2605 w 10000"/>
                <a:gd name="connsiteY41" fmla="*/ 9461 h 10000"/>
                <a:gd name="connsiteX42" fmla="*/ 2721 w 10000"/>
                <a:gd name="connsiteY42" fmla="*/ 9592 h 10000"/>
                <a:gd name="connsiteX43" fmla="*/ 2979 w 10000"/>
                <a:gd name="connsiteY43" fmla="*/ 9527 h 10000"/>
                <a:gd name="connsiteX44" fmla="*/ 3757 w 10000"/>
                <a:gd name="connsiteY44" fmla="*/ 9508 h 10000"/>
                <a:gd name="connsiteX45" fmla="*/ 3863 w 10000"/>
                <a:gd name="connsiteY45" fmla="*/ 9778 h 10000"/>
                <a:gd name="connsiteX46" fmla="*/ 4219 w 10000"/>
                <a:gd name="connsiteY46" fmla="*/ 9620 h 10000"/>
                <a:gd name="connsiteX47" fmla="*/ 4373 w 10000"/>
                <a:gd name="connsiteY47" fmla="*/ 9293 h 10000"/>
                <a:gd name="connsiteX48" fmla="*/ 5064 w 10000"/>
                <a:gd name="connsiteY48" fmla="*/ 9311 h 10000"/>
                <a:gd name="connsiteX49" fmla="*/ 5457 w 10000"/>
                <a:gd name="connsiteY49" fmla="*/ 8984 h 10000"/>
                <a:gd name="connsiteX50" fmla="*/ 5884 w 10000"/>
                <a:gd name="connsiteY50" fmla="*/ 8740 h 10000"/>
                <a:gd name="connsiteX51" fmla="*/ 6040 w 10000"/>
                <a:gd name="connsiteY51" fmla="*/ 8368 h 10000"/>
                <a:gd name="connsiteX52" fmla="*/ 6382 w 10000"/>
                <a:gd name="connsiteY52" fmla="*/ 7982 h 10000"/>
                <a:gd name="connsiteX53" fmla="*/ 6428 w 10000"/>
                <a:gd name="connsiteY53" fmla="*/ 8181 h 10000"/>
                <a:gd name="connsiteX54" fmla="*/ 6444 w 10000"/>
                <a:gd name="connsiteY54" fmla="*/ 8428 h 10000"/>
                <a:gd name="connsiteX55" fmla="*/ 6766 w 10000"/>
                <a:gd name="connsiteY55"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68 w 10000"/>
                <a:gd name="connsiteY40" fmla="*/ 9153 h 10000"/>
                <a:gd name="connsiteX41" fmla="*/ 2566 w 10000"/>
                <a:gd name="connsiteY41" fmla="*/ 9433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68 w 10000"/>
                <a:gd name="connsiteY40" fmla="*/ 9153 h 10000"/>
                <a:gd name="connsiteX41" fmla="*/ 2566 w 10000"/>
                <a:gd name="connsiteY41" fmla="*/ 9433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68 w 10000"/>
                <a:gd name="connsiteY40" fmla="*/ 9153 h 10000"/>
                <a:gd name="connsiteX41" fmla="*/ 2566 w 10000"/>
                <a:gd name="connsiteY41" fmla="*/ 9433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68 w 10000"/>
                <a:gd name="connsiteY40" fmla="*/ 9153 h 10000"/>
                <a:gd name="connsiteX41" fmla="*/ 2566 w 10000"/>
                <a:gd name="connsiteY41" fmla="*/ 9433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566 w 10000"/>
                <a:gd name="connsiteY41" fmla="*/ 9433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566 w 10000"/>
                <a:gd name="connsiteY41" fmla="*/ 9433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547 w 10000"/>
                <a:gd name="connsiteY41" fmla="*/ 9256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201 w 10000"/>
                <a:gd name="connsiteY41" fmla="*/ 9069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268 w 10000"/>
                <a:gd name="connsiteY41" fmla="*/ 8780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268 w 10000"/>
                <a:gd name="connsiteY41" fmla="*/ 8780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153 w 10000"/>
                <a:gd name="connsiteY41" fmla="*/ 8780 h 10000"/>
                <a:gd name="connsiteX42" fmla="*/ 2605 w 10000"/>
                <a:gd name="connsiteY42" fmla="*/ 9461 h 10000"/>
                <a:gd name="connsiteX43" fmla="*/ 2721 w 10000"/>
                <a:gd name="connsiteY43" fmla="*/ 9592 h 10000"/>
                <a:gd name="connsiteX44" fmla="*/ 2979 w 10000"/>
                <a:gd name="connsiteY44" fmla="*/ 9527 h 10000"/>
                <a:gd name="connsiteX45" fmla="*/ 3757 w 10000"/>
                <a:gd name="connsiteY45" fmla="*/ 9508 h 10000"/>
                <a:gd name="connsiteX46" fmla="*/ 3863 w 10000"/>
                <a:gd name="connsiteY46" fmla="*/ 9778 h 10000"/>
                <a:gd name="connsiteX47" fmla="*/ 4219 w 10000"/>
                <a:gd name="connsiteY47" fmla="*/ 9620 h 10000"/>
                <a:gd name="connsiteX48" fmla="*/ 4373 w 10000"/>
                <a:gd name="connsiteY48" fmla="*/ 9293 h 10000"/>
                <a:gd name="connsiteX49" fmla="*/ 5064 w 10000"/>
                <a:gd name="connsiteY49" fmla="*/ 9311 h 10000"/>
                <a:gd name="connsiteX50" fmla="*/ 5457 w 10000"/>
                <a:gd name="connsiteY50" fmla="*/ 8984 h 10000"/>
                <a:gd name="connsiteX51" fmla="*/ 5884 w 10000"/>
                <a:gd name="connsiteY51" fmla="*/ 8740 h 10000"/>
                <a:gd name="connsiteX52" fmla="*/ 6040 w 10000"/>
                <a:gd name="connsiteY52" fmla="*/ 8368 h 10000"/>
                <a:gd name="connsiteX53" fmla="*/ 6382 w 10000"/>
                <a:gd name="connsiteY53" fmla="*/ 7982 h 10000"/>
                <a:gd name="connsiteX54" fmla="*/ 6428 w 10000"/>
                <a:gd name="connsiteY54" fmla="*/ 8181 h 10000"/>
                <a:gd name="connsiteX55" fmla="*/ 6444 w 10000"/>
                <a:gd name="connsiteY55" fmla="*/ 8428 h 10000"/>
                <a:gd name="connsiteX56" fmla="*/ 6766 w 10000"/>
                <a:gd name="connsiteY56"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153 w 10000"/>
                <a:gd name="connsiteY41" fmla="*/ 8780 h 10000"/>
                <a:gd name="connsiteX42" fmla="*/ 2336 w 10000"/>
                <a:gd name="connsiteY42" fmla="*/ 8985 h 10000"/>
                <a:gd name="connsiteX43" fmla="*/ 2605 w 10000"/>
                <a:gd name="connsiteY43" fmla="*/ 9461 h 10000"/>
                <a:gd name="connsiteX44" fmla="*/ 2721 w 10000"/>
                <a:gd name="connsiteY44" fmla="*/ 9592 h 10000"/>
                <a:gd name="connsiteX45" fmla="*/ 2979 w 10000"/>
                <a:gd name="connsiteY45" fmla="*/ 9527 h 10000"/>
                <a:gd name="connsiteX46" fmla="*/ 3757 w 10000"/>
                <a:gd name="connsiteY46" fmla="*/ 9508 h 10000"/>
                <a:gd name="connsiteX47" fmla="*/ 3863 w 10000"/>
                <a:gd name="connsiteY47" fmla="*/ 9778 h 10000"/>
                <a:gd name="connsiteX48" fmla="*/ 4219 w 10000"/>
                <a:gd name="connsiteY48" fmla="*/ 9620 h 10000"/>
                <a:gd name="connsiteX49" fmla="*/ 4373 w 10000"/>
                <a:gd name="connsiteY49" fmla="*/ 9293 h 10000"/>
                <a:gd name="connsiteX50" fmla="*/ 5064 w 10000"/>
                <a:gd name="connsiteY50" fmla="*/ 9311 h 10000"/>
                <a:gd name="connsiteX51" fmla="*/ 5457 w 10000"/>
                <a:gd name="connsiteY51" fmla="*/ 8984 h 10000"/>
                <a:gd name="connsiteX52" fmla="*/ 5884 w 10000"/>
                <a:gd name="connsiteY52" fmla="*/ 8740 h 10000"/>
                <a:gd name="connsiteX53" fmla="*/ 6040 w 10000"/>
                <a:gd name="connsiteY53" fmla="*/ 8368 h 10000"/>
                <a:gd name="connsiteX54" fmla="*/ 6382 w 10000"/>
                <a:gd name="connsiteY54" fmla="*/ 7982 h 10000"/>
                <a:gd name="connsiteX55" fmla="*/ 6428 w 10000"/>
                <a:gd name="connsiteY55" fmla="*/ 8181 h 10000"/>
                <a:gd name="connsiteX56" fmla="*/ 6444 w 10000"/>
                <a:gd name="connsiteY56" fmla="*/ 8428 h 10000"/>
                <a:gd name="connsiteX57" fmla="*/ 6766 w 10000"/>
                <a:gd name="connsiteY57"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076 w 10000"/>
                <a:gd name="connsiteY41" fmla="*/ 8799 h 10000"/>
                <a:gd name="connsiteX42" fmla="*/ 2336 w 10000"/>
                <a:gd name="connsiteY42" fmla="*/ 8985 h 10000"/>
                <a:gd name="connsiteX43" fmla="*/ 2605 w 10000"/>
                <a:gd name="connsiteY43" fmla="*/ 9461 h 10000"/>
                <a:gd name="connsiteX44" fmla="*/ 2721 w 10000"/>
                <a:gd name="connsiteY44" fmla="*/ 9592 h 10000"/>
                <a:gd name="connsiteX45" fmla="*/ 2979 w 10000"/>
                <a:gd name="connsiteY45" fmla="*/ 9527 h 10000"/>
                <a:gd name="connsiteX46" fmla="*/ 3757 w 10000"/>
                <a:gd name="connsiteY46" fmla="*/ 9508 h 10000"/>
                <a:gd name="connsiteX47" fmla="*/ 3863 w 10000"/>
                <a:gd name="connsiteY47" fmla="*/ 9778 h 10000"/>
                <a:gd name="connsiteX48" fmla="*/ 4219 w 10000"/>
                <a:gd name="connsiteY48" fmla="*/ 9620 h 10000"/>
                <a:gd name="connsiteX49" fmla="*/ 4373 w 10000"/>
                <a:gd name="connsiteY49" fmla="*/ 9293 h 10000"/>
                <a:gd name="connsiteX50" fmla="*/ 5064 w 10000"/>
                <a:gd name="connsiteY50" fmla="*/ 9311 h 10000"/>
                <a:gd name="connsiteX51" fmla="*/ 5457 w 10000"/>
                <a:gd name="connsiteY51" fmla="*/ 8984 h 10000"/>
                <a:gd name="connsiteX52" fmla="*/ 5884 w 10000"/>
                <a:gd name="connsiteY52" fmla="*/ 8740 h 10000"/>
                <a:gd name="connsiteX53" fmla="*/ 6040 w 10000"/>
                <a:gd name="connsiteY53" fmla="*/ 8368 h 10000"/>
                <a:gd name="connsiteX54" fmla="*/ 6382 w 10000"/>
                <a:gd name="connsiteY54" fmla="*/ 7982 h 10000"/>
                <a:gd name="connsiteX55" fmla="*/ 6428 w 10000"/>
                <a:gd name="connsiteY55" fmla="*/ 8181 h 10000"/>
                <a:gd name="connsiteX56" fmla="*/ 6444 w 10000"/>
                <a:gd name="connsiteY56" fmla="*/ 8428 h 10000"/>
                <a:gd name="connsiteX57" fmla="*/ 6766 w 10000"/>
                <a:gd name="connsiteY57"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076 w 10000"/>
                <a:gd name="connsiteY41" fmla="*/ 8799 h 10000"/>
                <a:gd name="connsiteX42" fmla="*/ 2336 w 10000"/>
                <a:gd name="connsiteY42" fmla="*/ 8985 h 10000"/>
                <a:gd name="connsiteX43" fmla="*/ 2605 w 10000"/>
                <a:gd name="connsiteY43" fmla="*/ 9461 h 10000"/>
                <a:gd name="connsiteX44" fmla="*/ 2721 w 10000"/>
                <a:gd name="connsiteY44" fmla="*/ 9592 h 10000"/>
                <a:gd name="connsiteX45" fmla="*/ 2979 w 10000"/>
                <a:gd name="connsiteY45" fmla="*/ 9527 h 10000"/>
                <a:gd name="connsiteX46" fmla="*/ 3757 w 10000"/>
                <a:gd name="connsiteY46" fmla="*/ 9508 h 10000"/>
                <a:gd name="connsiteX47" fmla="*/ 3863 w 10000"/>
                <a:gd name="connsiteY47" fmla="*/ 9778 h 10000"/>
                <a:gd name="connsiteX48" fmla="*/ 4219 w 10000"/>
                <a:gd name="connsiteY48" fmla="*/ 9620 h 10000"/>
                <a:gd name="connsiteX49" fmla="*/ 4373 w 10000"/>
                <a:gd name="connsiteY49" fmla="*/ 9293 h 10000"/>
                <a:gd name="connsiteX50" fmla="*/ 5064 w 10000"/>
                <a:gd name="connsiteY50" fmla="*/ 9311 h 10000"/>
                <a:gd name="connsiteX51" fmla="*/ 5457 w 10000"/>
                <a:gd name="connsiteY51" fmla="*/ 8984 h 10000"/>
                <a:gd name="connsiteX52" fmla="*/ 5884 w 10000"/>
                <a:gd name="connsiteY52" fmla="*/ 8740 h 10000"/>
                <a:gd name="connsiteX53" fmla="*/ 6040 w 10000"/>
                <a:gd name="connsiteY53" fmla="*/ 8368 h 10000"/>
                <a:gd name="connsiteX54" fmla="*/ 6382 w 10000"/>
                <a:gd name="connsiteY54" fmla="*/ 7982 h 10000"/>
                <a:gd name="connsiteX55" fmla="*/ 6428 w 10000"/>
                <a:gd name="connsiteY55" fmla="*/ 8181 h 10000"/>
                <a:gd name="connsiteX56" fmla="*/ 6444 w 10000"/>
                <a:gd name="connsiteY56" fmla="*/ 8428 h 10000"/>
                <a:gd name="connsiteX57" fmla="*/ 6766 w 10000"/>
                <a:gd name="connsiteY57"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076 w 10000"/>
                <a:gd name="connsiteY41" fmla="*/ 8799 h 10000"/>
                <a:gd name="connsiteX42" fmla="*/ 2250 w 10000"/>
                <a:gd name="connsiteY42" fmla="*/ 9060 h 10000"/>
                <a:gd name="connsiteX43" fmla="*/ 2605 w 10000"/>
                <a:gd name="connsiteY43" fmla="*/ 9461 h 10000"/>
                <a:gd name="connsiteX44" fmla="*/ 2721 w 10000"/>
                <a:gd name="connsiteY44" fmla="*/ 9592 h 10000"/>
                <a:gd name="connsiteX45" fmla="*/ 2979 w 10000"/>
                <a:gd name="connsiteY45" fmla="*/ 9527 h 10000"/>
                <a:gd name="connsiteX46" fmla="*/ 3757 w 10000"/>
                <a:gd name="connsiteY46" fmla="*/ 9508 h 10000"/>
                <a:gd name="connsiteX47" fmla="*/ 3863 w 10000"/>
                <a:gd name="connsiteY47" fmla="*/ 9778 h 10000"/>
                <a:gd name="connsiteX48" fmla="*/ 4219 w 10000"/>
                <a:gd name="connsiteY48" fmla="*/ 9620 h 10000"/>
                <a:gd name="connsiteX49" fmla="*/ 4373 w 10000"/>
                <a:gd name="connsiteY49" fmla="*/ 9293 h 10000"/>
                <a:gd name="connsiteX50" fmla="*/ 5064 w 10000"/>
                <a:gd name="connsiteY50" fmla="*/ 9311 h 10000"/>
                <a:gd name="connsiteX51" fmla="*/ 5457 w 10000"/>
                <a:gd name="connsiteY51" fmla="*/ 8984 h 10000"/>
                <a:gd name="connsiteX52" fmla="*/ 5884 w 10000"/>
                <a:gd name="connsiteY52" fmla="*/ 8740 h 10000"/>
                <a:gd name="connsiteX53" fmla="*/ 6040 w 10000"/>
                <a:gd name="connsiteY53" fmla="*/ 8368 h 10000"/>
                <a:gd name="connsiteX54" fmla="*/ 6382 w 10000"/>
                <a:gd name="connsiteY54" fmla="*/ 7982 h 10000"/>
                <a:gd name="connsiteX55" fmla="*/ 6428 w 10000"/>
                <a:gd name="connsiteY55" fmla="*/ 8181 h 10000"/>
                <a:gd name="connsiteX56" fmla="*/ 6444 w 10000"/>
                <a:gd name="connsiteY56" fmla="*/ 8428 h 10000"/>
                <a:gd name="connsiteX57" fmla="*/ 6766 w 10000"/>
                <a:gd name="connsiteY57"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076 w 10000"/>
                <a:gd name="connsiteY41" fmla="*/ 8799 h 10000"/>
                <a:gd name="connsiteX42" fmla="*/ 2250 w 10000"/>
                <a:gd name="connsiteY42" fmla="*/ 9060 h 10000"/>
                <a:gd name="connsiteX43" fmla="*/ 2605 w 10000"/>
                <a:gd name="connsiteY43" fmla="*/ 9461 h 10000"/>
                <a:gd name="connsiteX44" fmla="*/ 2721 w 10000"/>
                <a:gd name="connsiteY44" fmla="*/ 9592 h 10000"/>
                <a:gd name="connsiteX45" fmla="*/ 2979 w 10000"/>
                <a:gd name="connsiteY45" fmla="*/ 9527 h 10000"/>
                <a:gd name="connsiteX46" fmla="*/ 3757 w 10000"/>
                <a:gd name="connsiteY46" fmla="*/ 9508 h 10000"/>
                <a:gd name="connsiteX47" fmla="*/ 3863 w 10000"/>
                <a:gd name="connsiteY47" fmla="*/ 9778 h 10000"/>
                <a:gd name="connsiteX48" fmla="*/ 4219 w 10000"/>
                <a:gd name="connsiteY48" fmla="*/ 9620 h 10000"/>
                <a:gd name="connsiteX49" fmla="*/ 4373 w 10000"/>
                <a:gd name="connsiteY49" fmla="*/ 9293 h 10000"/>
                <a:gd name="connsiteX50" fmla="*/ 5064 w 10000"/>
                <a:gd name="connsiteY50" fmla="*/ 9311 h 10000"/>
                <a:gd name="connsiteX51" fmla="*/ 5457 w 10000"/>
                <a:gd name="connsiteY51" fmla="*/ 8984 h 10000"/>
                <a:gd name="connsiteX52" fmla="*/ 5884 w 10000"/>
                <a:gd name="connsiteY52" fmla="*/ 8740 h 10000"/>
                <a:gd name="connsiteX53" fmla="*/ 6040 w 10000"/>
                <a:gd name="connsiteY53" fmla="*/ 8368 h 10000"/>
                <a:gd name="connsiteX54" fmla="*/ 6382 w 10000"/>
                <a:gd name="connsiteY54" fmla="*/ 7982 h 10000"/>
                <a:gd name="connsiteX55" fmla="*/ 6428 w 10000"/>
                <a:gd name="connsiteY55" fmla="*/ 8181 h 10000"/>
                <a:gd name="connsiteX56" fmla="*/ 6444 w 10000"/>
                <a:gd name="connsiteY56" fmla="*/ 8428 h 10000"/>
                <a:gd name="connsiteX57" fmla="*/ 6766 w 10000"/>
                <a:gd name="connsiteY57" fmla="*/ 9268 h 10000"/>
                <a:gd name="connsiteX0" fmla="*/ 7446 w 10000"/>
                <a:gd name="connsiteY0" fmla="*/ 9488 h 10000"/>
                <a:gd name="connsiteX1" fmla="*/ 7446 w 10000"/>
                <a:gd name="connsiteY1" fmla="*/ 8978 h 10000"/>
                <a:gd name="connsiteX2" fmla="*/ 7821 w 10000"/>
                <a:gd name="connsiteY2" fmla="*/ 8978 h 10000"/>
                <a:gd name="connsiteX3" fmla="*/ 8047 w 10000"/>
                <a:gd name="connsiteY3" fmla="*/ 8029 h 10000"/>
                <a:gd name="connsiteX4" fmla="*/ 8648 w 10000"/>
                <a:gd name="connsiteY4" fmla="*/ 7444 h 10000"/>
                <a:gd name="connsiteX5" fmla="*/ 8873 w 10000"/>
                <a:gd name="connsiteY5" fmla="*/ 6351 h 10000"/>
                <a:gd name="connsiteX6" fmla="*/ 8722 w 10000"/>
                <a:gd name="connsiteY6" fmla="*/ 5768 h 10000"/>
                <a:gd name="connsiteX7" fmla="*/ 9098 w 10000"/>
                <a:gd name="connsiteY7" fmla="*/ 4525 h 10000"/>
                <a:gd name="connsiteX8" fmla="*/ 9399 w 10000"/>
                <a:gd name="connsiteY8" fmla="*/ 4160 h 10000"/>
                <a:gd name="connsiteX9" fmla="*/ 10000 w 10000"/>
                <a:gd name="connsiteY9" fmla="*/ 3576 h 10000"/>
                <a:gd name="connsiteX10" fmla="*/ 9774 w 10000"/>
                <a:gd name="connsiteY10" fmla="*/ 3502 h 10000"/>
                <a:gd name="connsiteX11" fmla="*/ 9399 w 10000"/>
                <a:gd name="connsiteY11" fmla="*/ 3140 h 10000"/>
                <a:gd name="connsiteX12" fmla="*/ 9173 w 10000"/>
                <a:gd name="connsiteY12" fmla="*/ 2044 h 10000"/>
                <a:gd name="connsiteX13" fmla="*/ 9173 w 10000"/>
                <a:gd name="connsiteY13" fmla="*/ 1460 h 10000"/>
                <a:gd name="connsiteX14" fmla="*/ 9098 w 10000"/>
                <a:gd name="connsiteY14" fmla="*/ 729 h 10000"/>
                <a:gd name="connsiteX15" fmla="*/ 8873 w 10000"/>
                <a:gd name="connsiteY15" fmla="*/ 511 h 10000"/>
                <a:gd name="connsiteX16" fmla="*/ 8497 w 10000"/>
                <a:gd name="connsiteY16" fmla="*/ 219 h 10000"/>
                <a:gd name="connsiteX17" fmla="*/ 8272 w 10000"/>
                <a:gd name="connsiteY17" fmla="*/ 0 h 10000"/>
                <a:gd name="connsiteX18" fmla="*/ 7821 w 10000"/>
                <a:gd name="connsiteY18" fmla="*/ 293 h 10000"/>
                <a:gd name="connsiteX19" fmla="*/ 7370 w 10000"/>
                <a:gd name="connsiteY19" fmla="*/ 729 h 10000"/>
                <a:gd name="connsiteX20" fmla="*/ 6769 w 10000"/>
                <a:gd name="connsiteY20" fmla="*/ 729 h 10000"/>
                <a:gd name="connsiteX21" fmla="*/ 5717 w 10000"/>
                <a:gd name="connsiteY21" fmla="*/ 729 h 10000"/>
                <a:gd name="connsiteX22" fmla="*/ 5717 w 10000"/>
                <a:gd name="connsiteY22" fmla="*/ 658 h 10000"/>
                <a:gd name="connsiteX23" fmla="*/ 5643 w 10000"/>
                <a:gd name="connsiteY23" fmla="*/ 729 h 10000"/>
                <a:gd name="connsiteX24" fmla="*/ 1961 w 10000"/>
                <a:gd name="connsiteY24" fmla="*/ 729 h 10000"/>
                <a:gd name="connsiteX25" fmla="*/ 1961 w 10000"/>
                <a:gd name="connsiteY25" fmla="*/ 2263 h 10000"/>
                <a:gd name="connsiteX26" fmla="*/ 1285 w 10000"/>
                <a:gd name="connsiteY26" fmla="*/ 2263 h 10000"/>
                <a:gd name="connsiteX27" fmla="*/ 1285 w 10000"/>
                <a:gd name="connsiteY27" fmla="*/ 2556 h 10000"/>
                <a:gd name="connsiteX28" fmla="*/ 1285 w 10000"/>
                <a:gd name="connsiteY28" fmla="*/ 5179 h 10000"/>
                <a:gd name="connsiteX29" fmla="*/ 1135 w 10000"/>
                <a:gd name="connsiteY29" fmla="*/ 5327 h 10000"/>
                <a:gd name="connsiteX30" fmla="*/ 684 w 10000"/>
                <a:gd name="connsiteY30" fmla="*/ 5621 h 10000"/>
                <a:gd name="connsiteX31" fmla="*/ 609 w 10000"/>
                <a:gd name="connsiteY31" fmla="*/ 5986 h 10000"/>
                <a:gd name="connsiteX32" fmla="*/ 384 w 10000"/>
                <a:gd name="connsiteY32" fmla="*/ 6351 h 10000"/>
                <a:gd name="connsiteX33" fmla="*/ 234 w 10000"/>
                <a:gd name="connsiteY33" fmla="*/ 6935 h 10000"/>
                <a:gd name="connsiteX34" fmla="*/ 8 w 10000"/>
                <a:gd name="connsiteY34" fmla="*/ 7593 h 10000"/>
                <a:gd name="connsiteX35" fmla="*/ 384 w 10000"/>
                <a:gd name="connsiteY35" fmla="*/ 7664 h 10000"/>
                <a:gd name="connsiteX36" fmla="*/ 458 w 10000"/>
                <a:gd name="connsiteY36" fmla="*/ 8245 h 10000"/>
                <a:gd name="connsiteX37" fmla="*/ 684 w 10000"/>
                <a:gd name="connsiteY37" fmla="*/ 8831 h 10000"/>
                <a:gd name="connsiteX38" fmla="*/ 982 w 10000"/>
                <a:gd name="connsiteY38" fmla="*/ 9237 h 10000"/>
                <a:gd name="connsiteX39" fmla="*/ 1059 w 10000"/>
                <a:gd name="connsiteY39" fmla="*/ 10000 h 10000"/>
                <a:gd name="connsiteX40" fmla="*/ 1578 w 10000"/>
                <a:gd name="connsiteY40" fmla="*/ 9153 h 10000"/>
                <a:gd name="connsiteX41" fmla="*/ 2076 w 10000"/>
                <a:gd name="connsiteY41" fmla="*/ 8799 h 10000"/>
                <a:gd name="connsiteX42" fmla="*/ 2250 w 10000"/>
                <a:gd name="connsiteY42" fmla="*/ 9060 h 10000"/>
                <a:gd name="connsiteX43" fmla="*/ 2605 w 10000"/>
                <a:gd name="connsiteY43" fmla="*/ 9461 h 10000"/>
                <a:gd name="connsiteX44" fmla="*/ 2721 w 10000"/>
                <a:gd name="connsiteY44" fmla="*/ 9592 h 10000"/>
                <a:gd name="connsiteX45" fmla="*/ 2979 w 10000"/>
                <a:gd name="connsiteY45" fmla="*/ 9527 h 10000"/>
                <a:gd name="connsiteX46" fmla="*/ 3757 w 10000"/>
                <a:gd name="connsiteY46" fmla="*/ 9508 h 10000"/>
                <a:gd name="connsiteX47" fmla="*/ 3863 w 10000"/>
                <a:gd name="connsiteY47" fmla="*/ 9778 h 10000"/>
                <a:gd name="connsiteX48" fmla="*/ 4219 w 10000"/>
                <a:gd name="connsiteY48" fmla="*/ 9620 h 10000"/>
                <a:gd name="connsiteX49" fmla="*/ 4373 w 10000"/>
                <a:gd name="connsiteY49" fmla="*/ 9293 h 10000"/>
                <a:gd name="connsiteX50" fmla="*/ 5064 w 10000"/>
                <a:gd name="connsiteY50" fmla="*/ 9311 h 10000"/>
                <a:gd name="connsiteX51" fmla="*/ 5457 w 10000"/>
                <a:gd name="connsiteY51" fmla="*/ 8984 h 10000"/>
                <a:gd name="connsiteX52" fmla="*/ 5884 w 10000"/>
                <a:gd name="connsiteY52" fmla="*/ 8740 h 10000"/>
                <a:gd name="connsiteX53" fmla="*/ 6040 w 10000"/>
                <a:gd name="connsiteY53" fmla="*/ 8368 h 10000"/>
                <a:gd name="connsiteX54" fmla="*/ 6382 w 10000"/>
                <a:gd name="connsiteY54" fmla="*/ 7982 h 10000"/>
                <a:gd name="connsiteX55" fmla="*/ 6428 w 10000"/>
                <a:gd name="connsiteY55" fmla="*/ 8181 h 10000"/>
                <a:gd name="connsiteX56" fmla="*/ 6444 w 10000"/>
                <a:gd name="connsiteY56" fmla="*/ 8428 h 10000"/>
                <a:gd name="connsiteX57" fmla="*/ 6766 w 10000"/>
                <a:gd name="connsiteY57" fmla="*/ 9268 h 1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Lst>
              <a:rect l="l" t="t" r="r" b="b"/>
              <a:pathLst>
                <a:path w="10000" h="10000">
                  <a:moveTo>
                    <a:pt x="7446" y="9488"/>
                  </a:moveTo>
                  <a:cubicBezTo>
                    <a:pt x="7596" y="9168"/>
                    <a:pt x="7370" y="9271"/>
                    <a:pt x="7446" y="8978"/>
                  </a:cubicBezTo>
                  <a:cubicBezTo>
                    <a:pt x="7671" y="8613"/>
                    <a:pt x="7671" y="9051"/>
                    <a:pt x="7821" y="8978"/>
                  </a:cubicBezTo>
                  <a:cubicBezTo>
                    <a:pt x="7896" y="8831"/>
                    <a:pt x="7821" y="8245"/>
                    <a:pt x="8047" y="8029"/>
                  </a:cubicBezTo>
                  <a:cubicBezTo>
                    <a:pt x="8272" y="7956"/>
                    <a:pt x="8197" y="7444"/>
                    <a:pt x="8648" y="7444"/>
                  </a:cubicBezTo>
                  <a:cubicBezTo>
                    <a:pt x="8497" y="7153"/>
                    <a:pt x="8722" y="7006"/>
                    <a:pt x="8873" y="6351"/>
                  </a:cubicBezTo>
                  <a:cubicBezTo>
                    <a:pt x="8873" y="6131"/>
                    <a:pt x="8648" y="5912"/>
                    <a:pt x="8722" y="5768"/>
                  </a:cubicBezTo>
                  <a:cubicBezTo>
                    <a:pt x="8873" y="5547"/>
                    <a:pt x="9098" y="5179"/>
                    <a:pt x="9098" y="4525"/>
                  </a:cubicBezTo>
                  <a:cubicBezTo>
                    <a:pt x="8948" y="4086"/>
                    <a:pt x="9173" y="4599"/>
                    <a:pt x="9399" y="4160"/>
                  </a:cubicBezTo>
                  <a:cubicBezTo>
                    <a:pt x="9549" y="3942"/>
                    <a:pt x="9774" y="4306"/>
                    <a:pt x="10000" y="3576"/>
                  </a:cubicBezTo>
                  <a:cubicBezTo>
                    <a:pt x="10000" y="3502"/>
                    <a:pt x="9850" y="3357"/>
                    <a:pt x="9774" y="3502"/>
                  </a:cubicBezTo>
                  <a:cubicBezTo>
                    <a:pt x="9624" y="3502"/>
                    <a:pt x="9624" y="3140"/>
                    <a:pt x="9399" y="3140"/>
                  </a:cubicBezTo>
                  <a:cubicBezTo>
                    <a:pt x="9323" y="3285"/>
                    <a:pt x="9098" y="2117"/>
                    <a:pt x="9173" y="2044"/>
                  </a:cubicBezTo>
                  <a:cubicBezTo>
                    <a:pt x="9323" y="1678"/>
                    <a:pt x="8948" y="1460"/>
                    <a:pt x="9173" y="1460"/>
                  </a:cubicBezTo>
                  <a:cubicBezTo>
                    <a:pt x="9399" y="1533"/>
                    <a:pt x="9098" y="1311"/>
                    <a:pt x="9098" y="729"/>
                  </a:cubicBezTo>
                  <a:cubicBezTo>
                    <a:pt x="8948" y="658"/>
                    <a:pt x="8948" y="511"/>
                    <a:pt x="8873" y="511"/>
                  </a:cubicBezTo>
                  <a:cubicBezTo>
                    <a:pt x="8648" y="511"/>
                    <a:pt x="8722" y="219"/>
                    <a:pt x="8497" y="219"/>
                  </a:cubicBezTo>
                  <a:cubicBezTo>
                    <a:pt x="8422" y="219"/>
                    <a:pt x="8272" y="74"/>
                    <a:pt x="8272" y="0"/>
                  </a:cubicBezTo>
                  <a:cubicBezTo>
                    <a:pt x="8047" y="293"/>
                    <a:pt x="7896" y="0"/>
                    <a:pt x="7821" y="293"/>
                  </a:cubicBezTo>
                  <a:cubicBezTo>
                    <a:pt x="7671" y="658"/>
                    <a:pt x="7446" y="511"/>
                    <a:pt x="7370" y="729"/>
                  </a:cubicBezTo>
                  <a:cubicBezTo>
                    <a:pt x="7220" y="1021"/>
                    <a:pt x="6995" y="1094"/>
                    <a:pt x="6769" y="729"/>
                  </a:cubicBezTo>
                  <a:lnTo>
                    <a:pt x="5717" y="729"/>
                  </a:lnTo>
                  <a:lnTo>
                    <a:pt x="5717" y="658"/>
                  </a:lnTo>
                  <a:cubicBezTo>
                    <a:pt x="5692" y="681"/>
                    <a:pt x="5668" y="707"/>
                    <a:pt x="5643" y="729"/>
                  </a:cubicBezTo>
                  <a:lnTo>
                    <a:pt x="1961" y="729"/>
                  </a:lnTo>
                  <a:lnTo>
                    <a:pt x="1961" y="2263"/>
                  </a:lnTo>
                  <a:lnTo>
                    <a:pt x="1285" y="2263"/>
                  </a:lnTo>
                  <a:lnTo>
                    <a:pt x="1285" y="2556"/>
                  </a:lnTo>
                  <a:lnTo>
                    <a:pt x="1285" y="5179"/>
                  </a:lnTo>
                  <a:lnTo>
                    <a:pt x="1135" y="5327"/>
                  </a:lnTo>
                  <a:cubicBezTo>
                    <a:pt x="909" y="5327"/>
                    <a:pt x="684" y="5327"/>
                    <a:pt x="684" y="5621"/>
                  </a:cubicBezTo>
                  <a:cubicBezTo>
                    <a:pt x="684" y="5986"/>
                    <a:pt x="458" y="5768"/>
                    <a:pt x="609" y="5986"/>
                  </a:cubicBezTo>
                  <a:cubicBezTo>
                    <a:pt x="609" y="6351"/>
                    <a:pt x="234" y="5986"/>
                    <a:pt x="384" y="6351"/>
                  </a:cubicBezTo>
                  <a:cubicBezTo>
                    <a:pt x="609" y="6642"/>
                    <a:pt x="8" y="6568"/>
                    <a:pt x="234" y="6935"/>
                  </a:cubicBezTo>
                  <a:cubicBezTo>
                    <a:pt x="458" y="7225"/>
                    <a:pt x="-67" y="7225"/>
                    <a:pt x="8" y="7593"/>
                  </a:cubicBezTo>
                  <a:cubicBezTo>
                    <a:pt x="158" y="7664"/>
                    <a:pt x="384" y="7371"/>
                    <a:pt x="384" y="7664"/>
                  </a:cubicBezTo>
                  <a:cubicBezTo>
                    <a:pt x="384" y="8029"/>
                    <a:pt x="458" y="7956"/>
                    <a:pt x="458" y="8245"/>
                  </a:cubicBezTo>
                  <a:cubicBezTo>
                    <a:pt x="458" y="8613"/>
                    <a:pt x="835" y="8392"/>
                    <a:pt x="684" y="8831"/>
                  </a:cubicBezTo>
                  <a:cubicBezTo>
                    <a:pt x="765" y="8992"/>
                    <a:pt x="920" y="9042"/>
                    <a:pt x="982" y="9237"/>
                  </a:cubicBezTo>
                  <a:cubicBezTo>
                    <a:pt x="1044" y="9432"/>
                    <a:pt x="1186" y="9449"/>
                    <a:pt x="1059" y="10000"/>
                  </a:cubicBezTo>
                  <a:cubicBezTo>
                    <a:pt x="1163" y="9440"/>
                    <a:pt x="1836" y="9946"/>
                    <a:pt x="1578" y="9153"/>
                  </a:cubicBezTo>
                  <a:cubicBezTo>
                    <a:pt x="1379" y="8778"/>
                    <a:pt x="2034" y="8798"/>
                    <a:pt x="2076" y="8799"/>
                  </a:cubicBezTo>
                  <a:cubicBezTo>
                    <a:pt x="2250" y="8835"/>
                    <a:pt x="2175" y="8947"/>
                    <a:pt x="2250" y="9060"/>
                  </a:cubicBezTo>
                  <a:cubicBezTo>
                    <a:pt x="2287" y="9201"/>
                    <a:pt x="2570" y="9088"/>
                    <a:pt x="2605" y="9461"/>
                  </a:cubicBezTo>
                  <a:cubicBezTo>
                    <a:pt x="2688" y="9582"/>
                    <a:pt x="2654" y="9583"/>
                    <a:pt x="2721" y="9592"/>
                  </a:cubicBezTo>
                  <a:cubicBezTo>
                    <a:pt x="2788" y="9601"/>
                    <a:pt x="2834" y="9598"/>
                    <a:pt x="2979" y="9527"/>
                  </a:cubicBezTo>
                  <a:cubicBezTo>
                    <a:pt x="3195" y="9495"/>
                    <a:pt x="3447" y="9466"/>
                    <a:pt x="3757" y="9508"/>
                  </a:cubicBezTo>
                  <a:cubicBezTo>
                    <a:pt x="3870" y="9662"/>
                    <a:pt x="3740" y="9750"/>
                    <a:pt x="3863" y="9778"/>
                  </a:cubicBezTo>
                  <a:cubicBezTo>
                    <a:pt x="3938" y="9834"/>
                    <a:pt x="4239" y="9749"/>
                    <a:pt x="4219" y="9620"/>
                  </a:cubicBezTo>
                  <a:cubicBezTo>
                    <a:pt x="4362" y="9594"/>
                    <a:pt x="4191" y="9348"/>
                    <a:pt x="4373" y="9293"/>
                  </a:cubicBezTo>
                  <a:cubicBezTo>
                    <a:pt x="4851" y="9186"/>
                    <a:pt x="4698" y="9336"/>
                    <a:pt x="5064" y="9311"/>
                  </a:cubicBezTo>
                  <a:cubicBezTo>
                    <a:pt x="5266" y="9314"/>
                    <a:pt x="5218" y="8965"/>
                    <a:pt x="5457" y="8984"/>
                  </a:cubicBezTo>
                  <a:cubicBezTo>
                    <a:pt x="5797" y="9049"/>
                    <a:pt x="6015" y="9089"/>
                    <a:pt x="5884" y="8740"/>
                  </a:cubicBezTo>
                  <a:cubicBezTo>
                    <a:pt x="5964" y="8593"/>
                    <a:pt x="6043" y="8363"/>
                    <a:pt x="6040" y="8368"/>
                  </a:cubicBezTo>
                  <a:cubicBezTo>
                    <a:pt x="6032" y="8083"/>
                    <a:pt x="6101" y="8080"/>
                    <a:pt x="6382" y="7982"/>
                  </a:cubicBezTo>
                  <a:cubicBezTo>
                    <a:pt x="6464" y="8031"/>
                    <a:pt x="6373" y="8102"/>
                    <a:pt x="6428" y="8181"/>
                  </a:cubicBezTo>
                  <a:cubicBezTo>
                    <a:pt x="6437" y="8304"/>
                    <a:pt x="6435" y="8305"/>
                    <a:pt x="6444" y="8428"/>
                  </a:cubicBezTo>
                  <a:cubicBezTo>
                    <a:pt x="6530" y="9042"/>
                    <a:pt x="6771" y="9273"/>
                    <a:pt x="6766" y="9268"/>
                  </a:cubicBezTo>
                </a:path>
              </a:pathLst>
            </a:custGeom>
            <a:solidFill>
              <a:schemeClr val="accent5"/>
            </a:solidFill>
            <a:ln w="3175" cmpd="sng">
              <a:solidFill>
                <a:schemeClr val="bg1"/>
              </a:solidFill>
              <a:round/>
              <a:headEnd/>
              <a:tailEnd/>
            </a:ln>
          </p:spPr>
          <p:txBody>
            <a:bodyPr/>
            <a:lstStyle/>
            <a:p>
              <a:endParaRPr lang="en-GB" sz="1633" dirty="0"/>
            </a:p>
          </p:txBody>
        </p:sp>
        <p:sp>
          <p:nvSpPr>
            <p:cNvPr id="295" name="Freeform 270"/>
            <p:cNvSpPr>
              <a:spLocks/>
            </p:cNvSpPr>
            <p:nvPr/>
          </p:nvSpPr>
          <p:spPr bwMode="auto">
            <a:xfrm>
              <a:off x="2908239" y="4095484"/>
              <a:ext cx="47475" cy="22471"/>
            </a:xfrm>
            <a:custGeom>
              <a:avLst/>
              <a:gdLst/>
              <a:ahLst/>
              <a:cxnLst>
                <a:cxn ang="0">
                  <a:pos x="0" y="2"/>
                </a:cxn>
                <a:cxn ang="0">
                  <a:pos x="6" y="2"/>
                </a:cxn>
                <a:cxn ang="0">
                  <a:pos x="0" y="2"/>
                </a:cxn>
              </a:cxnLst>
              <a:rect l="0" t="0" r="r" b="b"/>
              <a:pathLst>
                <a:path w="8" h="4">
                  <a:moveTo>
                    <a:pt x="0" y="2"/>
                  </a:moveTo>
                  <a:cubicBezTo>
                    <a:pt x="2" y="0"/>
                    <a:pt x="8" y="2"/>
                    <a:pt x="6" y="2"/>
                  </a:cubicBezTo>
                  <a:cubicBezTo>
                    <a:pt x="5" y="4"/>
                    <a:pt x="0" y="4"/>
                    <a:pt x="0" y="2"/>
                  </a:cubicBezTo>
                </a:path>
              </a:pathLst>
            </a:custGeom>
            <a:grpFill/>
            <a:ln w="6350" cmpd="sng">
              <a:solidFill>
                <a:schemeClr val="bg1"/>
              </a:solidFill>
              <a:round/>
              <a:headEnd/>
              <a:tailEnd/>
            </a:ln>
          </p:spPr>
          <p:txBody>
            <a:bodyPr/>
            <a:lstStyle/>
            <a:p>
              <a:endParaRPr lang="en-GB" sz="1633" dirty="0"/>
            </a:p>
          </p:txBody>
        </p:sp>
        <p:sp>
          <p:nvSpPr>
            <p:cNvPr id="296" name="Freeform 271"/>
            <p:cNvSpPr>
              <a:spLocks/>
            </p:cNvSpPr>
            <p:nvPr/>
          </p:nvSpPr>
          <p:spPr bwMode="auto">
            <a:xfrm>
              <a:off x="2835445" y="4037697"/>
              <a:ext cx="28484" cy="19261"/>
            </a:xfrm>
            <a:custGeom>
              <a:avLst/>
              <a:gdLst/>
              <a:ahLst/>
              <a:cxnLst>
                <a:cxn ang="0">
                  <a:pos x="0" y="2"/>
                </a:cxn>
                <a:cxn ang="0">
                  <a:pos x="3" y="2"/>
                </a:cxn>
                <a:cxn ang="0">
                  <a:pos x="0" y="2"/>
                </a:cxn>
              </a:cxnLst>
              <a:rect l="0" t="0" r="r" b="b"/>
              <a:pathLst>
                <a:path w="5" h="3">
                  <a:moveTo>
                    <a:pt x="0" y="2"/>
                  </a:moveTo>
                  <a:cubicBezTo>
                    <a:pt x="0" y="0"/>
                    <a:pt x="5" y="0"/>
                    <a:pt x="3" y="2"/>
                  </a:cubicBezTo>
                  <a:cubicBezTo>
                    <a:pt x="3" y="3"/>
                    <a:pt x="0" y="2"/>
                    <a:pt x="0" y="2"/>
                  </a:cubicBezTo>
                </a:path>
              </a:pathLst>
            </a:custGeom>
            <a:grpFill/>
            <a:ln w="6350" cmpd="sng">
              <a:solidFill>
                <a:schemeClr val="bg1"/>
              </a:solidFill>
              <a:round/>
              <a:headEnd/>
              <a:tailEnd/>
            </a:ln>
          </p:spPr>
          <p:txBody>
            <a:bodyPr/>
            <a:lstStyle/>
            <a:p>
              <a:endParaRPr lang="en-GB" sz="1633" dirty="0"/>
            </a:p>
          </p:txBody>
        </p:sp>
        <p:sp>
          <p:nvSpPr>
            <p:cNvPr id="297" name="Freeform 272"/>
            <p:cNvSpPr>
              <a:spLocks/>
            </p:cNvSpPr>
            <p:nvPr/>
          </p:nvSpPr>
          <p:spPr bwMode="auto">
            <a:xfrm>
              <a:off x="2778475" y="4044116"/>
              <a:ext cx="37979" cy="25684"/>
            </a:xfrm>
            <a:custGeom>
              <a:avLst/>
              <a:gdLst/>
              <a:ahLst/>
              <a:cxnLst>
                <a:cxn ang="0">
                  <a:pos x="0" y="2"/>
                </a:cxn>
                <a:cxn ang="0">
                  <a:pos x="4" y="4"/>
                </a:cxn>
                <a:cxn ang="0">
                  <a:pos x="0" y="2"/>
                </a:cxn>
              </a:cxnLst>
              <a:rect l="0" t="0" r="r" b="b"/>
              <a:pathLst>
                <a:path w="6" h="4">
                  <a:moveTo>
                    <a:pt x="0" y="2"/>
                  </a:moveTo>
                  <a:cubicBezTo>
                    <a:pt x="1" y="0"/>
                    <a:pt x="6" y="4"/>
                    <a:pt x="4" y="4"/>
                  </a:cubicBezTo>
                  <a:cubicBezTo>
                    <a:pt x="1" y="4"/>
                    <a:pt x="0" y="4"/>
                    <a:pt x="0" y="2"/>
                  </a:cubicBezTo>
                </a:path>
              </a:pathLst>
            </a:custGeom>
            <a:grpFill/>
            <a:ln w="6350" cmpd="sng">
              <a:solidFill>
                <a:schemeClr val="bg1"/>
              </a:solidFill>
              <a:round/>
              <a:headEnd/>
              <a:tailEnd/>
            </a:ln>
          </p:spPr>
          <p:txBody>
            <a:bodyPr/>
            <a:lstStyle/>
            <a:p>
              <a:endParaRPr lang="en-GB" sz="1633" dirty="0"/>
            </a:p>
          </p:txBody>
        </p:sp>
        <p:sp>
          <p:nvSpPr>
            <p:cNvPr id="298" name="Freeform 232"/>
            <p:cNvSpPr>
              <a:spLocks noEditPoints="1"/>
            </p:cNvSpPr>
            <p:nvPr/>
          </p:nvSpPr>
          <p:spPr bwMode="auto">
            <a:xfrm>
              <a:off x="2791746" y="5669997"/>
              <a:ext cx="218658" cy="1330769"/>
            </a:xfrm>
            <a:custGeom>
              <a:avLst/>
              <a:gdLst/>
              <a:ahLst/>
              <a:cxnLst>
                <a:cxn ang="0">
                  <a:pos x="69" y="59"/>
                </a:cxn>
                <a:cxn ang="0">
                  <a:pos x="46" y="158"/>
                </a:cxn>
                <a:cxn ang="0">
                  <a:pos x="33" y="251"/>
                </a:cxn>
                <a:cxn ang="0">
                  <a:pos x="33" y="313"/>
                </a:cxn>
                <a:cxn ang="0">
                  <a:pos x="46" y="375"/>
                </a:cxn>
                <a:cxn ang="0">
                  <a:pos x="31" y="391"/>
                </a:cxn>
                <a:cxn ang="0">
                  <a:pos x="25" y="389"/>
                </a:cxn>
                <a:cxn ang="0">
                  <a:pos x="20" y="386"/>
                </a:cxn>
                <a:cxn ang="0">
                  <a:pos x="28" y="374"/>
                </a:cxn>
                <a:cxn ang="0">
                  <a:pos x="17" y="369"/>
                </a:cxn>
                <a:cxn ang="0">
                  <a:pos x="14" y="357"/>
                </a:cxn>
                <a:cxn ang="0">
                  <a:pos x="14" y="341"/>
                </a:cxn>
                <a:cxn ang="0">
                  <a:pos x="19" y="327"/>
                </a:cxn>
                <a:cxn ang="0">
                  <a:pos x="3" y="313"/>
                </a:cxn>
                <a:cxn ang="0">
                  <a:pos x="22" y="293"/>
                </a:cxn>
                <a:cxn ang="0">
                  <a:pos x="22" y="256"/>
                </a:cxn>
                <a:cxn ang="0">
                  <a:pos x="34" y="165"/>
                </a:cxn>
                <a:cxn ang="0">
                  <a:pos x="43" y="58"/>
                </a:cxn>
                <a:cxn ang="0">
                  <a:pos x="59" y="383"/>
                </a:cxn>
                <a:cxn ang="0">
                  <a:pos x="46" y="399"/>
                </a:cxn>
                <a:cxn ang="0">
                  <a:pos x="34" y="406"/>
                </a:cxn>
                <a:cxn ang="0">
                  <a:pos x="48" y="411"/>
                </a:cxn>
                <a:cxn ang="0">
                  <a:pos x="22" y="287"/>
                </a:cxn>
                <a:cxn ang="0">
                  <a:pos x="45" y="403"/>
                </a:cxn>
                <a:cxn ang="0">
                  <a:pos x="13" y="271"/>
                </a:cxn>
                <a:cxn ang="0">
                  <a:pos x="14" y="259"/>
                </a:cxn>
                <a:cxn ang="0">
                  <a:pos x="16" y="296"/>
                </a:cxn>
                <a:cxn ang="0">
                  <a:pos x="14" y="290"/>
                </a:cxn>
                <a:cxn ang="0">
                  <a:pos x="17" y="299"/>
                </a:cxn>
                <a:cxn ang="0">
                  <a:pos x="14" y="301"/>
                </a:cxn>
                <a:cxn ang="0">
                  <a:pos x="6" y="305"/>
                </a:cxn>
                <a:cxn ang="0">
                  <a:pos x="16" y="284"/>
                </a:cxn>
                <a:cxn ang="0">
                  <a:pos x="10" y="302"/>
                </a:cxn>
                <a:cxn ang="0">
                  <a:pos x="53" y="417"/>
                </a:cxn>
                <a:cxn ang="0">
                  <a:pos x="59" y="416"/>
                </a:cxn>
                <a:cxn ang="0">
                  <a:pos x="48" y="413"/>
                </a:cxn>
                <a:cxn ang="0">
                  <a:pos x="39" y="411"/>
                </a:cxn>
                <a:cxn ang="0">
                  <a:pos x="66" y="421"/>
                </a:cxn>
                <a:cxn ang="0">
                  <a:pos x="33" y="403"/>
                </a:cxn>
                <a:cxn ang="0">
                  <a:pos x="25" y="396"/>
                </a:cxn>
                <a:cxn ang="0">
                  <a:pos x="23" y="402"/>
                </a:cxn>
                <a:cxn ang="0">
                  <a:pos x="17" y="383"/>
                </a:cxn>
                <a:cxn ang="0">
                  <a:pos x="19" y="389"/>
                </a:cxn>
                <a:cxn ang="0">
                  <a:pos x="16" y="374"/>
                </a:cxn>
                <a:cxn ang="0">
                  <a:pos x="11" y="372"/>
                </a:cxn>
                <a:cxn ang="0">
                  <a:pos x="13" y="378"/>
                </a:cxn>
                <a:cxn ang="0">
                  <a:pos x="10" y="380"/>
                </a:cxn>
                <a:cxn ang="0">
                  <a:pos x="16" y="368"/>
                </a:cxn>
                <a:cxn ang="0">
                  <a:pos x="13" y="366"/>
                </a:cxn>
                <a:cxn ang="0">
                  <a:pos x="6" y="343"/>
                </a:cxn>
                <a:cxn ang="0">
                  <a:pos x="5" y="360"/>
                </a:cxn>
                <a:cxn ang="0">
                  <a:pos x="13" y="361"/>
                </a:cxn>
                <a:cxn ang="0">
                  <a:pos x="8" y="355"/>
                </a:cxn>
                <a:cxn ang="0">
                  <a:pos x="10" y="363"/>
                </a:cxn>
                <a:cxn ang="0">
                  <a:pos x="8" y="341"/>
                </a:cxn>
                <a:cxn ang="0">
                  <a:pos x="10" y="336"/>
                </a:cxn>
                <a:cxn ang="0">
                  <a:pos x="6" y="333"/>
                </a:cxn>
                <a:cxn ang="0">
                  <a:pos x="8" y="329"/>
                </a:cxn>
                <a:cxn ang="0">
                  <a:pos x="3" y="336"/>
                </a:cxn>
                <a:cxn ang="0">
                  <a:pos x="6" y="326"/>
                </a:cxn>
                <a:cxn ang="0">
                  <a:pos x="5" y="338"/>
                </a:cxn>
              </a:cxnLst>
              <a:rect l="0" t="0" r="r" b="b"/>
              <a:pathLst>
                <a:path w="71" h="424">
                  <a:moveTo>
                    <a:pt x="51" y="0"/>
                  </a:moveTo>
                  <a:cubicBezTo>
                    <a:pt x="53" y="7"/>
                    <a:pt x="54" y="7"/>
                    <a:pt x="54" y="8"/>
                  </a:cubicBezTo>
                  <a:cubicBezTo>
                    <a:pt x="54" y="10"/>
                    <a:pt x="56" y="17"/>
                    <a:pt x="57" y="17"/>
                  </a:cubicBezTo>
                  <a:cubicBezTo>
                    <a:pt x="59" y="21"/>
                    <a:pt x="60" y="21"/>
                    <a:pt x="59" y="22"/>
                  </a:cubicBezTo>
                  <a:cubicBezTo>
                    <a:pt x="56" y="25"/>
                    <a:pt x="60" y="25"/>
                    <a:pt x="59" y="27"/>
                  </a:cubicBezTo>
                  <a:cubicBezTo>
                    <a:pt x="57" y="30"/>
                    <a:pt x="57" y="31"/>
                    <a:pt x="59" y="31"/>
                  </a:cubicBezTo>
                  <a:cubicBezTo>
                    <a:pt x="60" y="33"/>
                    <a:pt x="57" y="36"/>
                    <a:pt x="60" y="36"/>
                  </a:cubicBezTo>
                  <a:cubicBezTo>
                    <a:pt x="62" y="36"/>
                    <a:pt x="63" y="46"/>
                    <a:pt x="63" y="52"/>
                  </a:cubicBezTo>
                  <a:cubicBezTo>
                    <a:pt x="65" y="56"/>
                    <a:pt x="66" y="56"/>
                    <a:pt x="69" y="55"/>
                  </a:cubicBezTo>
                  <a:cubicBezTo>
                    <a:pt x="71" y="56"/>
                    <a:pt x="71" y="58"/>
                    <a:pt x="69" y="59"/>
                  </a:cubicBezTo>
                  <a:cubicBezTo>
                    <a:pt x="69" y="63"/>
                    <a:pt x="69" y="67"/>
                    <a:pt x="66" y="69"/>
                  </a:cubicBezTo>
                  <a:cubicBezTo>
                    <a:pt x="65" y="69"/>
                    <a:pt x="57" y="72"/>
                    <a:pt x="59" y="77"/>
                  </a:cubicBezTo>
                  <a:cubicBezTo>
                    <a:pt x="60" y="78"/>
                    <a:pt x="57" y="91"/>
                    <a:pt x="60" y="95"/>
                  </a:cubicBezTo>
                  <a:cubicBezTo>
                    <a:pt x="63" y="103"/>
                    <a:pt x="57" y="95"/>
                    <a:pt x="56" y="103"/>
                  </a:cubicBezTo>
                  <a:cubicBezTo>
                    <a:pt x="53" y="111"/>
                    <a:pt x="54" y="109"/>
                    <a:pt x="51" y="111"/>
                  </a:cubicBezTo>
                  <a:cubicBezTo>
                    <a:pt x="49" y="112"/>
                    <a:pt x="49" y="119"/>
                    <a:pt x="48" y="120"/>
                  </a:cubicBezTo>
                  <a:cubicBezTo>
                    <a:pt x="45" y="123"/>
                    <a:pt x="49" y="129"/>
                    <a:pt x="48" y="133"/>
                  </a:cubicBezTo>
                  <a:cubicBezTo>
                    <a:pt x="46" y="134"/>
                    <a:pt x="46" y="131"/>
                    <a:pt x="45" y="136"/>
                  </a:cubicBezTo>
                  <a:cubicBezTo>
                    <a:pt x="43" y="140"/>
                    <a:pt x="42" y="145"/>
                    <a:pt x="43" y="147"/>
                  </a:cubicBezTo>
                  <a:cubicBezTo>
                    <a:pt x="45" y="150"/>
                    <a:pt x="45" y="153"/>
                    <a:pt x="46" y="158"/>
                  </a:cubicBezTo>
                  <a:cubicBezTo>
                    <a:pt x="48" y="162"/>
                    <a:pt x="45" y="164"/>
                    <a:pt x="48" y="164"/>
                  </a:cubicBezTo>
                  <a:cubicBezTo>
                    <a:pt x="51" y="164"/>
                    <a:pt x="48" y="167"/>
                    <a:pt x="48" y="171"/>
                  </a:cubicBezTo>
                  <a:cubicBezTo>
                    <a:pt x="49" y="176"/>
                    <a:pt x="45" y="173"/>
                    <a:pt x="45" y="181"/>
                  </a:cubicBezTo>
                  <a:cubicBezTo>
                    <a:pt x="43" y="190"/>
                    <a:pt x="45" y="192"/>
                    <a:pt x="43" y="195"/>
                  </a:cubicBezTo>
                  <a:cubicBezTo>
                    <a:pt x="40" y="200"/>
                    <a:pt x="39" y="196"/>
                    <a:pt x="39" y="200"/>
                  </a:cubicBezTo>
                  <a:cubicBezTo>
                    <a:pt x="37" y="203"/>
                    <a:pt x="39" y="207"/>
                    <a:pt x="37" y="210"/>
                  </a:cubicBezTo>
                  <a:cubicBezTo>
                    <a:pt x="37" y="214"/>
                    <a:pt x="42" y="221"/>
                    <a:pt x="39" y="223"/>
                  </a:cubicBezTo>
                  <a:cubicBezTo>
                    <a:pt x="33" y="228"/>
                    <a:pt x="37" y="231"/>
                    <a:pt x="34" y="232"/>
                  </a:cubicBezTo>
                  <a:cubicBezTo>
                    <a:pt x="31" y="235"/>
                    <a:pt x="36" y="240"/>
                    <a:pt x="33" y="243"/>
                  </a:cubicBezTo>
                  <a:cubicBezTo>
                    <a:pt x="29" y="246"/>
                    <a:pt x="33" y="245"/>
                    <a:pt x="33" y="251"/>
                  </a:cubicBezTo>
                  <a:cubicBezTo>
                    <a:pt x="31" y="257"/>
                    <a:pt x="34" y="259"/>
                    <a:pt x="33" y="260"/>
                  </a:cubicBezTo>
                  <a:cubicBezTo>
                    <a:pt x="33" y="263"/>
                    <a:pt x="31" y="259"/>
                    <a:pt x="29" y="265"/>
                  </a:cubicBezTo>
                  <a:cubicBezTo>
                    <a:pt x="29" y="271"/>
                    <a:pt x="33" y="271"/>
                    <a:pt x="33" y="273"/>
                  </a:cubicBezTo>
                  <a:cubicBezTo>
                    <a:pt x="34" y="274"/>
                    <a:pt x="31" y="279"/>
                    <a:pt x="34" y="281"/>
                  </a:cubicBezTo>
                  <a:cubicBezTo>
                    <a:pt x="36" y="282"/>
                    <a:pt x="29" y="288"/>
                    <a:pt x="34" y="287"/>
                  </a:cubicBezTo>
                  <a:cubicBezTo>
                    <a:pt x="40" y="285"/>
                    <a:pt x="39" y="291"/>
                    <a:pt x="34" y="291"/>
                  </a:cubicBezTo>
                  <a:cubicBezTo>
                    <a:pt x="29" y="290"/>
                    <a:pt x="29" y="291"/>
                    <a:pt x="33" y="293"/>
                  </a:cubicBezTo>
                  <a:cubicBezTo>
                    <a:pt x="37" y="293"/>
                    <a:pt x="37" y="298"/>
                    <a:pt x="34" y="299"/>
                  </a:cubicBezTo>
                  <a:cubicBezTo>
                    <a:pt x="29" y="301"/>
                    <a:pt x="36" y="304"/>
                    <a:pt x="33" y="305"/>
                  </a:cubicBezTo>
                  <a:cubicBezTo>
                    <a:pt x="31" y="307"/>
                    <a:pt x="36" y="312"/>
                    <a:pt x="33" y="313"/>
                  </a:cubicBezTo>
                  <a:cubicBezTo>
                    <a:pt x="28" y="316"/>
                    <a:pt x="36" y="316"/>
                    <a:pt x="31" y="319"/>
                  </a:cubicBezTo>
                  <a:cubicBezTo>
                    <a:pt x="26" y="324"/>
                    <a:pt x="29" y="324"/>
                    <a:pt x="28" y="326"/>
                  </a:cubicBezTo>
                  <a:cubicBezTo>
                    <a:pt x="25" y="329"/>
                    <a:pt x="31" y="330"/>
                    <a:pt x="28" y="333"/>
                  </a:cubicBezTo>
                  <a:cubicBezTo>
                    <a:pt x="25" y="335"/>
                    <a:pt x="23" y="344"/>
                    <a:pt x="20" y="344"/>
                  </a:cubicBezTo>
                  <a:cubicBezTo>
                    <a:pt x="17" y="343"/>
                    <a:pt x="20" y="347"/>
                    <a:pt x="19" y="351"/>
                  </a:cubicBezTo>
                  <a:cubicBezTo>
                    <a:pt x="17" y="355"/>
                    <a:pt x="20" y="352"/>
                    <a:pt x="22" y="358"/>
                  </a:cubicBezTo>
                  <a:cubicBezTo>
                    <a:pt x="22" y="363"/>
                    <a:pt x="23" y="358"/>
                    <a:pt x="26" y="358"/>
                  </a:cubicBezTo>
                  <a:cubicBezTo>
                    <a:pt x="29" y="358"/>
                    <a:pt x="26" y="371"/>
                    <a:pt x="29" y="372"/>
                  </a:cubicBezTo>
                  <a:cubicBezTo>
                    <a:pt x="33" y="374"/>
                    <a:pt x="29" y="375"/>
                    <a:pt x="34" y="375"/>
                  </a:cubicBezTo>
                  <a:cubicBezTo>
                    <a:pt x="39" y="375"/>
                    <a:pt x="46" y="375"/>
                    <a:pt x="46" y="375"/>
                  </a:cubicBezTo>
                  <a:cubicBezTo>
                    <a:pt x="51" y="378"/>
                    <a:pt x="59" y="377"/>
                    <a:pt x="60" y="380"/>
                  </a:cubicBezTo>
                  <a:cubicBezTo>
                    <a:pt x="59" y="380"/>
                    <a:pt x="57" y="380"/>
                    <a:pt x="56" y="378"/>
                  </a:cubicBezTo>
                  <a:cubicBezTo>
                    <a:pt x="53" y="378"/>
                    <a:pt x="53" y="378"/>
                    <a:pt x="51" y="382"/>
                  </a:cubicBezTo>
                  <a:cubicBezTo>
                    <a:pt x="48" y="383"/>
                    <a:pt x="49" y="380"/>
                    <a:pt x="46" y="383"/>
                  </a:cubicBezTo>
                  <a:cubicBezTo>
                    <a:pt x="43" y="385"/>
                    <a:pt x="42" y="383"/>
                    <a:pt x="40" y="386"/>
                  </a:cubicBezTo>
                  <a:cubicBezTo>
                    <a:pt x="40" y="391"/>
                    <a:pt x="40" y="388"/>
                    <a:pt x="39" y="394"/>
                  </a:cubicBezTo>
                  <a:cubicBezTo>
                    <a:pt x="39" y="399"/>
                    <a:pt x="40" y="399"/>
                    <a:pt x="37" y="399"/>
                  </a:cubicBezTo>
                  <a:cubicBezTo>
                    <a:pt x="34" y="399"/>
                    <a:pt x="33" y="397"/>
                    <a:pt x="33" y="397"/>
                  </a:cubicBezTo>
                  <a:cubicBezTo>
                    <a:pt x="31" y="397"/>
                    <a:pt x="28" y="394"/>
                    <a:pt x="28" y="393"/>
                  </a:cubicBezTo>
                  <a:cubicBezTo>
                    <a:pt x="28" y="391"/>
                    <a:pt x="29" y="391"/>
                    <a:pt x="31" y="391"/>
                  </a:cubicBezTo>
                  <a:cubicBezTo>
                    <a:pt x="31" y="393"/>
                    <a:pt x="31" y="391"/>
                    <a:pt x="33" y="391"/>
                  </a:cubicBezTo>
                  <a:cubicBezTo>
                    <a:pt x="34" y="393"/>
                    <a:pt x="33" y="391"/>
                    <a:pt x="34" y="389"/>
                  </a:cubicBezTo>
                  <a:cubicBezTo>
                    <a:pt x="37" y="389"/>
                    <a:pt x="39" y="386"/>
                    <a:pt x="37" y="386"/>
                  </a:cubicBezTo>
                  <a:cubicBezTo>
                    <a:pt x="36" y="385"/>
                    <a:pt x="36" y="386"/>
                    <a:pt x="33" y="388"/>
                  </a:cubicBezTo>
                  <a:cubicBezTo>
                    <a:pt x="31" y="388"/>
                    <a:pt x="33" y="389"/>
                    <a:pt x="29" y="389"/>
                  </a:cubicBezTo>
                  <a:cubicBezTo>
                    <a:pt x="25" y="388"/>
                    <a:pt x="31" y="389"/>
                    <a:pt x="29" y="391"/>
                  </a:cubicBezTo>
                  <a:cubicBezTo>
                    <a:pt x="28" y="391"/>
                    <a:pt x="26" y="391"/>
                    <a:pt x="26" y="394"/>
                  </a:cubicBezTo>
                  <a:cubicBezTo>
                    <a:pt x="28" y="396"/>
                    <a:pt x="26" y="394"/>
                    <a:pt x="25" y="393"/>
                  </a:cubicBezTo>
                  <a:cubicBezTo>
                    <a:pt x="22" y="393"/>
                    <a:pt x="20" y="389"/>
                    <a:pt x="22" y="389"/>
                  </a:cubicBezTo>
                  <a:cubicBezTo>
                    <a:pt x="23" y="389"/>
                    <a:pt x="25" y="391"/>
                    <a:pt x="25" y="389"/>
                  </a:cubicBezTo>
                  <a:cubicBezTo>
                    <a:pt x="23" y="389"/>
                    <a:pt x="25" y="389"/>
                    <a:pt x="23" y="388"/>
                  </a:cubicBezTo>
                  <a:cubicBezTo>
                    <a:pt x="23" y="386"/>
                    <a:pt x="25" y="385"/>
                    <a:pt x="26" y="386"/>
                  </a:cubicBezTo>
                  <a:cubicBezTo>
                    <a:pt x="28" y="388"/>
                    <a:pt x="28" y="383"/>
                    <a:pt x="31" y="383"/>
                  </a:cubicBezTo>
                  <a:cubicBezTo>
                    <a:pt x="33" y="385"/>
                    <a:pt x="34" y="385"/>
                    <a:pt x="36" y="383"/>
                  </a:cubicBezTo>
                  <a:cubicBezTo>
                    <a:pt x="36" y="383"/>
                    <a:pt x="29" y="382"/>
                    <a:pt x="28" y="383"/>
                  </a:cubicBezTo>
                  <a:cubicBezTo>
                    <a:pt x="26" y="385"/>
                    <a:pt x="28" y="382"/>
                    <a:pt x="25" y="382"/>
                  </a:cubicBezTo>
                  <a:cubicBezTo>
                    <a:pt x="23" y="383"/>
                    <a:pt x="25" y="383"/>
                    <a:pt x="25" y="383"/>
                  </a:cubicBezTo>
                  <a:cubicBezTo>
                    <a:pt x="26" y="385"/>
                    <a:pt x="23" y="385"/>
                    <a:pt x="23" y="386"/>
                  </a:cubicBezTo>
                  <a:cubicBezTo>
                    <a:pt x="23" y="388"/>
                    <a:pt x="23" y="389"/>
                    <a:pt x="20" y="389"/>
                  </a:cubicBezTo>
                  <a:cubicBezTo>
                    <a:pt x="17" y="388"/>
                    <a:pt x="22" y="388"/>
                    <a:pt x="20" y="386"/>
                  </a:cubicBezTo>
                  <a:cubicBezTo>
                    <a:pt x="20" y="386"/>
                    <a:pt x="19" y="385"/>
                    <a:pt x="20" y="386"/>
                  </a:cubicBezTo>
                  <a:cubicBezTo>
                    <a:pt x="22" y="386"/>
                    <a:pt x="20" y="382"/>
                    <a:pt x="19" y="385"/>
                  </a:cubicBezTo>
                  <a:cubicBezTo>
                    <a:pt x="17" y="386"/>
                    <a:pt x="17" y="385"/>
                    <a:pt x="19" y="382"/>
                  </a:cubicBezTo>
                  <a:cubicBezTo>
                    <a:pt x="20" y="380"/>
                    <a:pt x="17" y="382"/>
                    <a:pt x="19" y="380"/>
                  </a:cubicBezTo>
                  <a:cubicBezTo>
                    <a:pt x="19" y="377"/>
                    <a:pt x="16" y="375"/>
                    <a:pt x="17" y="377"/>
                  </a:cubicBezTo>
                  <a:cubicBezTo>
                    <a:pt x="19" y="377"/>
                    <a:pt x="20" y="380"/>
                    <a:pt x="22" y="378"/>
                  </a:cubicBezTo>
                  <a:cubicBezTo>
                    <a:pt x="22" y="377"/>
                    <a:pt x="23" y="377"/>
                    <a:pt x="23" y="377"/>
                  </a:cubicBezTo>
                  <a:cubicBezTo>
                    <a:pt x="23" y="378"/>
                    <a:pt x="23" y="378"/>
                    <a:pt x="23" y="375"/>
                  </a:cubicBezTo>
                  <a:cubicBezTo>
                    <a:pt x="25" y="374"/>
                    <a:pt x="28" y="378"/>
                    <a:pt x="26" y="377"/>
                  </a:cubicBezTo>
                  <a:cubicBezTo>
                    <a:pt x="25" y="375"/>
                    <a:pt x="26" y="375"/>
                    <a:pt x="28" y="374"/>
                  </a:cubicBezTo>
                  <a:cubicBezTo>
                    <a:pt x="28" y="371"/>
                    <a:pt x="26" y="371"/>
                    <a:pt x="23" y="369"/>
                  </a:cubicBezTo>
                  <a:cubicBezTo>
                    <a:pt x="20" y="368"/>
                    <a:pt x="20" y="369"/>
                    <a:pt x="23" y="371"/>
                  </a:cubicBezTo>
                  <a:cubicBezTo>
                    <a:pt x="26" y="372"/>
                    <a:pt x="28" y="374"/>
                    <a:pt x="25" y="374"/>
                  </a:cubicBezTo>
                  <a:cubicBezTo>
                    <a:pt x="22" y="372"/>
                    <a:pt x="23" y="374"/>
                    <a:pt x="23" y="374"/>
                  </a:cubicBezTo>
                  <a:cubicBezTo>
                    <a:pt x="22" y="374"/>
                    <a:pt x="22" y="375"/>
                    <a:pt x="22" y="377"/>
                  </a:cubicBezTo>
                  <a:cubicBezTo>
                    <a:pt x="20" y="378"/>
                    <a:pt x="17" y="374"/>
                    <a:pt x="19" y="374"/>
                  </a:cubicBezTo>
                  <a:cubicBezTo>
                    <a:pt x="20" y="375"/>
                    <a:pt x="19" y="375"/>
                    <a:pt x="19" y="372"/>
                  </a:cubicBezTo>
                  <a:cubicBezTo>
                    <a:pt x="19" y="371"/>
                    <a:pt x="17" y="374"/>
                    <a:pt x="16" y="372"/>
                  </a:cubicBezTo>
                  <a:cubicBezTo>
                    <a:pt x="16" y="371"/>
                    <a:pt x="17" y="371"/>
                    <a:pt x="16" y="369"/>
                  </a:cubicBezTo>
                  <a:cubicBezTo>
                    <a:pt x="16" y="368"/>
                    <a:pt x="16" y="368"/>
                    <a:pt x="17" y="369"/>
                  </a:cubicBezTo>
                  <a:cubicBezTo>
                    <a:pt x="17" y="371"/>
                    <a:pt x="19" y="371"/>
                    <a:pt x="17" y="368"/>
                  </a:cubicBezTo>
                  <a:cubicBezTo>
                    <a:pt x="17" y="366"/>
                    <a:pt x="17" y="366"/>
                    <a:pt x="16" y="366"/>
                  </a:cubicBezTo>
                  <a:cubicBezTo>
                    <a:pt x="14" y="366"/>
                    <a:pt x="14" y="368"/>
                    <a:pt x="14" y="364"/>
                  </a:cubicBezTo>
                  <a:cubicBezTo>
                    <a:pt x="14" y="363"/>
                    <a:pt x="14" y="364"/>
                    <a:pt x="14" y="363"/>
                  </a:cubicBezTo>
                  <a:cubicBezTo>
                    <a:pt x="13" y="363"/>
                    <a:pt x="14" y="361"/>
                    <a:pt x="16" y="363"/>
                  </a:cubicBezTo>
                  <a:cubicBezTo>
                    <a:pt x="16" y="363"/>
                    <a:pt x="17" y="361"/>
                    <a:pt x="17" y="360"/>
                  </a:cubicBezTo>
                  <a:cubicBezTo>
                    <a:pt x="19" y="357"/>
                    <a:pt x="17" y="357"/>
                    <a:pt x="17" y="358"/>
                  </a:cubicBezTo>
                  <a:cubicBezTo>
                    <a:pt x="16" y="361"/>
                    <a:pt x="16" y="361"/>
                    <a:pt x="14" y="360"/>
                  </a:cubicBezTo>
                  <a:cubicBezTo>
                    <a:pt x="13" y="358"/>
                    <a:pt x="13" y="358"/>
                    <a:pt x="14" y="358"/>
                  </a:cubicBezTo>
                  <a:cubicBezTo>
                    <a:pt x="16" y="358"/>
                    <a:pt x="16" y="358"/>
                    <a:pt x="14" y="357"/>
                  </a:cubicBezTo>
                  <a:cubicBezTo>
                    <a:pt x="13" y="357"/>
                    <a:pt x="14" y="357"/>
                    <a:pt x="13" y="357"/>
                  </a:cubicBezTo>
                  <a:cubicBezTo>
                    <a:pt x="11" y="355"/>
                    <a:pt x="11" y="355"/>
                    <a:pt x="10" y="354"/>
                  </a:cubicBezTo>
                  <a:cubicBezTo>
                    <a:pt x="8" y="354"/>
                    <a:pt x="11" y="352"/>
                    <a:pt x="13" y="354"/>
                  </a:cubicBezTo>
                  <a:cubicBezTo>
                    <a:pt x="14" y="355"/>
                    <a:pt x="16" y="355"/>
                    <a:pt x="14" y="354"/>
                  </a:cubicBezTo>
                  <a:cubicBezTo>
                    <a:pt x="13" y="352"/>
                    <a:pt x="11" y="351"/>
                    <a:pt x="14" y="352"/>
                  </a:cubicBezTo>
                  <a:cubicBezTo>
                    <a:pt x="17" y="352"/>
                    <a:pt x="16" y="352"/>
                    <a:pt x="13" y="351"/>
                  </a:cubicBezTo>
                  <a:cubicBezTo>
                    <a:pt x="11" y="349"/>
                    <a:pt x="14" y="349"/>
                    <a:pt x="13" y="347"/>
                  </a:cubicBezTo>
                  <a:cubicBezTo>
                    <a:pt x="13" y="347"/>
                    <a:pt x="14" y="346"/>
                    <a:pt x="16" y="347"/>
                  </a:cubicBezTo>
                  <a:cubicBezTo>
                    <a:pt x="17" y="349"/>
                    <a:pt x="16" y="346"/>
                    <a:pt x="14" y="344"/>
                  </a:cubicBezTo>
                  <a:cubicBezTo>
                    <a:pt x="14" y="343"/>
                    <a:pt x="16" y="341"/>
                    <a:pt x="14" y="341"/>
                  </a:cubicBezTo>
                  <a:cubicBezTo>
                    <a:pt x="13" y="343"/>
                    <a:pt x="14" y="346"/>
                    <a:pt x="13" y="346"/>
                  </a:cubicBezTo>
                  <a:cubicBezTo>
                    <a:pt x="11" y="346"/>
                    <a:pt x="13" y="343"/>
                    <a:pt x="11" y="340"/>
                  </a:cubicBezTo>
                  <a:cubicBezTo>
                    <a:pt x="11" y="336"/>
                    <a:pt x="13" y="336"/>
                    <a:pt x="13" y="335"/>
                  </a:cubicBezTo>
                  <a:cubicBezTo>
                    <a:pt x="13" y="332"/>
                    <a:pt x="16" y="335"/>
                    <a:pt x="16" y="335"/>
                  </a:cubicBezTo>
                  <a:cubicBezTo>
                    <a:pt x="14" y="333"/>
                    <a:pt x="16" y="333"/>
                    <a:pt x="14" y="333"/>
                  </a:cubicBezTo>
                  <a:cubicBezTo>
                    <a:pt x="14" y="332"/>
                    <a:pt x="13" y="332"/>
                    <a:pt x="11" y="330"/>
                  </a:cubicBezTo>
                  <a:cubicBezTo>
                    <a:pt x="11" y="329"/>
                    <a:pt x="11" y="330"/>
                    <a:pt x="10" y="329"/>
                  </a:cubicBezTo>
                  <a:cubicBezTo>
                    <a:pt x="10" y="327"/>
                    <a:pt x="11" y="329"/>
                    <a:pt x="14" y="329"/>
                  </a:cubicBezTo>
                  <a:cubicBezTo>
                    <a:pt x="16" y="329"/>
                    <a:pt x="17" y="329"/>
                    <a:pt x="19" y="330"/>
                  </a:cubicBezTo>
                  <a:cubicBezTo>
                    <a:pt x="22" y="332"/>
                    <a:pt x="17" y="327"/>
                    <a:pt x="19" y="327"/>
                  </a:cubicBezTo>
                  <a:cubicBezTo>
                    <a:pt x="20" y="327"/>
                    <a:pt x="17" y="324"/>
                    <a:pt x="17" y="326"/>
                  </a:cubicBezTo>
                  <a:cubicBezTo>
                    <a:pt x="17" y="327"/>
                    <a:pt x="16" y="324"/>
                    <a:pt x="13" y="326"/>
                  </a:cubicBezTo>
                  <a:cubicBezTo>
                    <a:pt x="10" y="326"/>
                    <a:pt x="10" y="326"/>
                    <a:pt x="10" y="324"/>
                  </a:cubicBezTo>
                  <a:cubicBezTo>
                    <a:pt x="11" y="322"/>
                    <a:pt x="11" y="324"/>
                    <a:pt x="13" y="324"/>
                  </a:cubicBezTo>
                  <a:cubicBezTo>
                    <a:pt x="14" y="324"/>
                    <a:pt x="10" y="322"/>
                    <a:pt x="11" y="321"/>
                  </a:cubicBezTo>
                  <a:cubicBezTo>
                    <a:pt x="13" y="318"/>
                    <a:pt x="16" y="319"/>
                    <a:pt x="16" y="318"/>
                  </a:cubicBezTo>
                  <a:cubicBezTo>
                    <a:pt x="16" y="315"/>
                    <a:pt x="14" y="316"/>
                    <a:pt x="14" y="315"/>
                  </a:cubicBezTo>
                  <a:cubicBezTo>
                    <a:pt x="13" y="313"/>
                    <a:pt x="11" y="313"/>
                    <a:pt x="11" y="315"/>
                  </a:cubicBezTo>
                  <a:cubicBezTo>
                    <a:pt x="11" y="316"/>
                    <a:pt x="8" y="315"/>
                    <a:pt x="6" y="313"/>
                  </a:cubicBezTo>
                  <a:cubicBezTo>
                    <a:pt x="6" y="310"/>
                    <a:pt x="3" y="312"/>
                    <a:pt x="3" y="313"/>
                  </a:cubicBezTo>
                  <a:cubicBezTo>
                    <a:pt x="3" y="316"/>
                    <a:pt x="3" y="316"/>
                    <a:pt x="2" y="315"/>
                  </a:cubicBezTo>
                  <a:cubicBezTo>
                    <a:pt x="0" y="312"/>
                    <a:pt x="3" y="310"/>
                    <a:pt x="6" y="307"/>
                  </a:cubicBezTo>
                  <a:cubicBezTo>
                    <a:pt x="11" y="305"/>
                    <a:pt x="8" y="302"/>
                    <a:pt x="11" y="304"/>
                  </a:cubicBezTo>
                  <a:cubicBezTo>
                    <a:pt x="13" y="304"/>
                    <a:pt x="10" y="302"/>
                    <a:pt x="13" y="302"/>
                  </a:cubicBezTo>
                  <a:cubicBezTo>
                    <a:pt x="16" y="302"/>
                    <a:pt x="13" y="305"/>
                    <a:pt x="16" y="307"/>
                  </a:cubicBezTo>
                  <a:cubicBezTo>
                    <a:pt x="19" y="308"/>
                    <a:pt x="14" y="313"/>
                    <a:pt x="17" y="312"/>
                  </a:cubicBezTo>
                  <a:cubicBezTo>
                    <a:pt x="19" y="310"/>
                    <a:pt x="17" y="310"/>
                    <a:pt x="19" y="305"/>
                  </a:cubicBezTo>
                  <a:cubicBezTo>
                    <a:pt x="19" y="301"/>
                    <a:pt x="19" y="302"/>
                    <a:pt x="19" y="299"/>
                  </a:cubicBezTo>
                  <a:cubicBezTo>
                    <a:pt x="19" y="298"/>
                    <a:pt x="22" y="298"/>
                    <a:pt x="20" y="296"/>
                  </a:cubicBezTo>
                  <a:cubicBezTo>
                    <a:pt x="20" y="294"/>
                    <a:pt x="19" y="294"/>
                    <a:pt x="22" y="293"/>
                  </a:cubicBezTo>
                  <a:cubicBezTo>
                    <a:pt x="23" y="293"/>
                    <a:pt x="25" y="291"/>
                    <a:pt x="25" y="290"/>
                  </a:cubicBezTo>
                  <a:cubicBezTo>
                    <a:pt x="26" y="288"/>
                    <a:pt x="26" y="285"/>
                    <a:pt x="23" y="285"/>
                  </a:cubicBezTo>
                  <a:cubicBezTo>
                    <a:pt x="22" y="285"/>
                    <a:pt x="20" y="284"/>
                    <a:pt x="22" y="284"/>
                  </a:cubicBezTo>
                  <a:cubicBezTo>
                    <a:pt x="23" y="282"/>
                    <a:pt x="23" y="279"/>
                    <a:pt x="22" y="276"/>
                  </a:cubicBezTo>
                  <a:cubicBezTo>
                    <a:pt x="22" y="273"/>
                    <a:pt x="26" y="273"/>
                    <a:pt x="25" y="268"/>
                  </a:cubicBezTo>
                  <a:cubicBezTo>
                    <a:pt x="23" y="265"/>
                    <a:pt x="25" y="266"/>
                    <a:pt x="25" y="263"/>
                  </a:cubicBezTo>
                  <a:cubicBezTo>
                    <a:pt x="25" y="262"/>
                    <a:pt x="25" y="262"/>
                    <a:pt x="26" y="263"/>
                  </a:cubicBezTo>
                  <a:cubicBezTo>
                    <a:pt x="28" y="265"/>
                    <a:pt x="29" y="260"/>
                    <a:pt x="25" y="260"/>
                  </a:cubicBezTo>
                  <a:cubicBezTo>
                    <a:pt x="22" y="259"/>
                    <a:pt x="28" y="257"/>
                    <a:pt x="26" y="256"/>
                  </a:cubicBezTo>
                  <a:cubicBezTo>
                    <a:pt x="23" y="256"/>
                    <a:pt x="23" y="251"/>
                    <a:pt x="22" y="256"/>
                  </a:cubicBezTo>
                  <a:cubicBezTo>
                    <a:pt x="22" y="257"/>
                    <a:pt x="19" y="259"/>
                    <a:pt x="16" y="252"/>
                  </a:cubicBezTo>
                  <a:cubicBezTo>
                    <a:pt x="14" y="248"/>
                    <a:pt x="16" y="248"/>
                    <a:pt x="17" y="238"/>
                  </a:cubicBezTo>
                  <a:cubicBezTo>
                    <a:pt x="17" y="232"/>
                    <a:pt x="19" y="240"/>
                    <a:pt x="20" y="231"/>
                  </a:cubicBezTo>
                  <a:cubicBezTo>
                    <a:pt x="22" y="223"/>
                    <a:pt x="19" y="224"/>
                    <a:pt x="19" y="218"/>
                  </a:cubicBezTo>
                  <a:cubicBezTo>
                    <a:pt x="20" y="210"/>
                    <a:pt x="17" y="215"/>
                    <a:pt x="17" y="207"/>
                  </a:cubicBezTo>
                  <a:cubicBezTo>
                    <a:pt x="19" y="203"/>
                    <a:pt x="22" y="210"/>
                    <a:pt x="22" y="203"/>
                  </a:cubicBezTo>
                  <a:cubicBezTo>
                    <a:pt x="22" y="196"/>
                    <a:pt x="23" y="206"/>
                    <a:pt x="23" y="196"/>
                  </a:cubicBezTo>
                  <a:cubicBezTo>
                    <a:pt x="25" y="190"/>
                    <a:pt x="26" y="195"/>
                    <a:pt x="26" y="190"/>
                  </a:cubicBezTo>
                  <a:cubicBezTo>
                    <a:pt x="26" y="187"/>
                    <a:pt x="31" y="184"/>
                    <a:pt x="31" y="175"/>
                  </a:cubicBezTo>
                  <a:cubicBezTo>
                    <a:pt x="31" y="167"/>
                    <a:pt x="36" y="171"/>
                    <a:pt x="34" y="165"/>
                  </a:cubicBezTo>
                  <a:cubicBezTo>
                    <a:pt x="33" y="161"/>
                    <a:pt x="37" y="158"/>
                    <a:pt x="36" y="154"/>
                  </a:cubicBezTo>
                  <a:cubicBezTo>
                    <a:pt x="34" y="151"/>
                    <a:pt x="36" y="150"/>
                    <a:pt x="34" y="142"/>
                  </a:cubicBezTo>
                  <a:cubicBezTo>
                    <a:pt x="33" y="134"/>
                    <a:pt x="34" y="133"/>
                    <a:pt x="36" y="131"/>
                  </a:cubicBezTo>
                  <a:cubicBezTo>
                    <a:pt x="37" y="129"/>
                    <a:pt x="37" y="125"/>
                    <a:pt x="36" y="120"/>
                  </a:cubicBezTo>
                  <a:cubicBezTo>
                    <a:pt x="33" y="116"/>
                    <a:pt x="37" y="117"/>
                    <a:pt x="39" y="111"/>
                  </a:cubicBezTo>
                  <a:cubicBezTo>
                    <a:pt x="39" y="103"/>
                    <a:pt x="40" y="106"/>
                    <a:pt x="40" y="101"/>
                  </a:cubicBezTo>
                  <a:cubicBezTo>
                    <a:pt x="39" y="98"/>
                    <a:pt x="43" y="91"/>
                    <a:pt x="42" y="88"/>
                  </a:cubicBezTo>
                  <a:cubicBezTo>
                    <a:pt x="40" y="84"/>
                    <a:pt x="45" y="83"/>
                    <a:pt x="43" y="77"/>
                  </a:cubicBezTo>
                  <a:cubicBezTo>
                    <a:pt x="40" y="69"/>
                    <a:pt x="45" y="63"/>
                    <a:pt x="43" y="63"/>
                  </a:cubicBezTo>
                  <a:cubicBezTo>
                    <a:pt x="40" y="61"/>
                    <a:pt x="43" y="58"/>
                    <a:pt x="43" y="58"/>
                  </a:cubicBezTo>
                  <a:cubicBezTo>
                    <a:pt x="45" y="58"/>
                    <a:pt x="45" y="56"/>
                    <a:pt x="46" y="47"/>
                  </a:cubicBezTo>
                  <a:cubicBezTo>
                    <a:pt x="48" y="38"/>
                    <a:pt x="45" y="36"/>
                    <a:pt x="46" y="30"/>
                  </a:cubicBezTo>
                  <a:cubicBezTo>
                    <a:pt x="46" y="24"/>
                    <a:pt x="45" y="24"/>
                    <a:pt x="45" y="19"/>
                  </a:cubicBezTo>
                  <a:cubicBezTo>
                    <a:pt x="45" y="16"/>
                    <a:pt x="43" y="21"/>
                    <a:pt x="43" y="10"/>
                  </a:cubicBezTo>
                  <a:cubicBezTo>
                    <a:pt x="53" y="7"/>
                    <a:pt x="46" y="4"/>
                    <a:pt x="48" y="4"/>
                  </a:cubicBezTo>
                  <a:cubicBezTo>
                    <a:pt x="51" y="4"/>
                    <a:pt x="51" y="0"/>
                    <a:pt x="51" y="0"/>
                  </a:cubicBezTo>
                  <a:close/>
                  <a:moveTo>
                    <a:pt x="59" y="411"/>
                  </a:moveTo>
                  <a:cubicBezTo>
                    <a:pt x="59" y="383"/>
                    <a:pt x="59" y="383"/>
                    <a:pt x="59" y="383"/>
                  </a:cubicBezTo>
                  <a:moveTo>
                    <a:pt x="59" y="411"/>
                  </a:moveTo>
                  <a:cubicBezTo>
                    <a:pt x="59" y="383"/>
                    <a:pt x="59" y="383"/>
                    <a:pt x="59" y="383"/>
                  </a:cubicBezTo>
                  <a:cubicBezTo>
                    <a:pt x="57" y="382"/>
                    <a:pt x="56" y="385"/>
                    <a:pt x="54" y="385"/>
                  </a:cubicBezTo>
                  <a:cubicBezTo>
                    <a:pt x="53" y="385"/>
                    <a:pt x="53" y="382"/>
                    <a:pt x="51" y="382"/>
                  </a:cubicBezTo>
                  <a:cubicBezTo>
                    <a:pt x="49" y="382"/>
                    <a:pt x="49" y="385"/>
                    <a:pt x="48" y="386"/>
                  </a:cubicBezTo>
                  <a:cubicBezTo>
                    <a:pt x="46" y="386"/>
                    <a:pt x="45" y="385"/>
                    <a:pt x="45" y="385"/>
                  </a:cubicBezTo>
                  <a:cubicBezTo>
                    <a:pt x="43" y="385"/>
                    <a:pt x="45" y="385"/>
                    <a:pt x="45" y="386"/>
                  </a:cubicBezTo>
                  <a:cubicBezTo>
                    <a:pt x="45" y="388"/>
                    <a:pt x="46" y="386"/>
                    <a:pt x="46" y="388"/>
                  </a:cubicBezTo>
                  <a:cubicBezTo>
                    <a:pt x="45" y="389"/>
                    <a:pt x="45" y="389"/>
                    <a:pt x="45" y="388"/>
                  </a:cubicBezTo>
                  <a:cubicBezTo>
                    <a:pt x="43" y="386"/>
                    <a:pt x="43" y="389"/>
                    <a:pt x="45" y="393"/>
                  </a:cubicBezTo>
                  <a:cubicBezTo>
                    <a:pt x="45" y="396"/>
                    <a:pt x="51" y="391"/>
                    <a:pt x="53" y="393"/>
                  </a:cubicBezTo>
                  <a:cubicBezTo>
                    <a:pt x="54" y="396"/>
                    <a:pt x="45" y="396"/>
                    <a:pt x="46" y="399"/>
                  </a:cubicBezTo>
                  <a:cubicBezTo>
                    <a:pt x="46" y="403"/>
                    <a:pt x="56" y="405"/>
                    <a:pt x="56" y="406"/>
                  </a:cubicBezTo>
                  <a:cubicBezTo>
                    <a:pt x="49" y="405"/>
                    <a:pt x="51" y="403"/>
                    <a:pt x="51" y="405"/>
                  </a:cubicBezTo>
                  <a:cubicBezTo>
                    <a:pt x="49" y="406"/>
                    <a:pt x="48" y="403"/>
                    <a:pt x="46" y="403"/>
                  </a:cubicBezTo>
                  <a:cubicBezTo>
                    <a:pt x="45" y="405"/>
                    <a:pt x="48" y="406"/>
                    <a:pt x="45" y="405"/>
                  </a:cubicBezTo>
                  <a:cubicBezTo>
                    <a:pt x="42" y="402"/>
                    <a:pt x="39" y="400"/>
                    <a:pt x="40" y="402"/>
                  </a:cubicBezTo>
                  <a:cubicBezTo>
                    <a:pt x="40" y="405"/>
                    <a:pt x="45" y="403"/>
                    <a:pt x="42" y="405"/>
                  </a:cubicBezTo>
                  <a:cubicBezTo>
                    <a:pt x="39" y="405"/>
                    <a:pt x="40" y="406"/>
                    <a:pt x="39" y="406"/>
                  </a:cubicBezTo>
                  <a:cubicBezTo>
                    <a:pt x="36" y="405"/>
                    <a:pt x="36" y="405"/>
                    <a:pt x="36" y="405"/>
                  </a:cubicBezTo>
                  <a:cubicBezTo>
                    <a:pt x="36" y="406"/>
                    <a:pt x="34" y="405"/>
                    <a:pt x="33" y="405"/>
                  </a:cubicBezTo>
                  <a:cubicBezTo>
                    <a:pt x="31" y="405"/>
                    <a:pt x="34" y="406"/>
                    <a:pt x="34" y="406"/>
                  </a:cubicBezTo>
                  <a:cubicBezTo>
                    <a:pt x="33" y="408"/>
                    <a:pt x="31" y="405"/>
                    <a:pt x="31" y="406"/>
                  </a:cubicBezTo>
                  <a:cubicBezTo>
                    <a:pt x="31" y="408"/>
                    <a:pt x="31" y="408"/>
                    <a:pt x="31" y="408"/>
                  </a:cubicBezTo>
                  <a:cubicBezTo>
                    <a:pt x="33" y="410"/>
                    <a:pt x="34" y="408"/>
                    <a:pt x="36" y="408"/>
                  </a:cubicBezTo>
                  <a:cubicBezTo>
                    <a:pt x="36" y="410"/>
                    <a:pt x="36" y="406"/>
                    <a:pt x="37" y="406"/>
                  </a:cubicBezTo>
                  <a:cubicBezTo>
                    <a:pt x="37" y="406"/>
                    <a:pt x="36" y="408"/>
                    <a:pt x="37" y="408"/>
                  </a:cubicBezTo>
                  <a:cubicBezTo>
                    <a:pt x="37" y="410"/>
                    <a:pt x="40" y="406"/>
                    <a:pt x="39" y="408"/>
                  </a:cubicBezTo>
                  <a:cubicBezTo>
                    <a:pt x="39" y="411"/>
                    <a:pt x="39" y="410"/>
                    <a:pt x="40" y="410"/>
                  </a:cubicBezTo>
                  <a:cubicBezTo>
                    <a:pt x="40" y="410"/>
                    <a:pt x="40" y="411"/>
                    <a:pt x="42" y="410"/>
                  </a:cubicBezTo>
                  <a:cubicBezTo>
                    <a:pt x="43" y="410"/>
                    <a:pt x="45" y="411"/>
                    <a:pt x="45" y="411"/>
                  </a:cubicBezTo>
                  <a:cubicBezTo>
                    <a:pt x="46" y="410"/>
                    <a:pt x="46" y="411"/>
                    <a:pt x="48" y="411"/>
                  </a:cubicBezTo>
                  <a:cubicBezTo>
                    <a:pt x="48" y="410"/>
                    <a:pt x="49" y="411"/>
                    <a:pt x="49" y="410"/>
                  </a:cubicBezTo>
                  <a:cubicBezTo>
                    <a:pt x="49" y="408"/>
                    <a:pt x="49" y="411"/>
                    <a:pt x="51" y="411"/>
                  </a:cubicBezTo>
                  <a:cubicBezTo>
                    <a:pt x="56" y="411"/>
                    <a:pt x="57" y="413"/>
                    <a:pt x="57" y="411"/>
                  </a:cubicBezTo>
                  <a:cubicBezTo>
                    <a:pt x="57" y="410"/>
                    <a:pt x="57" y="411"/>
                    <a:pt x="59" y="411"/>
                  </a:cubicBezTo>
                  <a:close/>
                  <a:moveTo>
                    <a:pt x="20" y="291"/>
                  </a:moveTo>
                  <a:cubicBezTo>
                    <a:pt x="20" y="291"/>
                    <a:pt x="19" y="291"/>
                    <a:pt x="20" y="293"/>
                  </a:cubicBezTo>
                  <a:cubicBezTo>
                    <a:pt x="22" y="293"/>
                    <a:pt x="23" y="291"/>
                    <a:pt x="23" y="291"/>
                  </a:cubicBezTo>
                  <a:cubicBezTo>
                    <a:pt x="25" y="290"/>
                    <a:pt x="23" y="290"/>
                    <a:pt x="23" y="290"/>
                  </a:cubicBezTo>
                  <a:cubicBezTo>
                    <a:pt x="25" y="290"/>
                    <a:pt x="26" y="288"/>
                    <a:pt x="23" y="287"/>
                  </a:cubicBezTo>
                  <a:cubicBezTo>
                    <a:pt x="22" y="285"/>
                    <a:pt x="23" y="287"/>
                    <a:pt x="22" y="287"/>
                  </a:cubicBezTo>
                  <a:cubicBezTo>
                    <a:pt x="22" y="287"/>
                    <a:pt x="20" y="287"/>
                    <a:pt x="20" y="288"/>
                  </a:cubicBezTo>
                  <a:cubicBezTo>
                    <a:pt x="22" y="290"/>
                    <a:pt x="20" y="288"/>
                    <a:pt x="19" y="290"/>
                  </a:cubicBezTo>
                  <a:cubicBezTo>
                    <a:pt x="19" y="290"/>
                    <a:pt x="19" y="290"/>
                    <a:pt x="20" y="291"/>
                  </a:cubicBezTo>
                  <a:close/>
                  <a:moveTo>
                    <a:pt x="43" y="402"/>
                  </a:moveTo>
                  <a:cubicBezTo>
                    <a:pt x="42" y="400"/>
                    <a:pt x="42" y="400"/>
                    <a:pt x="43" y="400"/>
                  </a:cubicBezTo>
                  <a:cubicBezTo>
                    <a:pt x="45" y="402"/>
                    <a:pt x="45" y="402"/>
                    <a:pt x="43" y="400"/>
                  </a:cubicBezTo>
                  <a:cubicBezTo>
                    <a:pt x="43" y="399"/>
                    <a:pt x="43" y="397"/>
                    <a:pt x="43" y="396"/>
                  </a:cubicBezTo>
                  <a:cubicBezTo>
                    <a:pt x="43" y="394"/>
                    <a:pt x="42" y="396"/>
                    <a:pt x="42" y="397"/>
                  </a:cubicBezTo>
                  <a:cubicBezTo>
                    <a:pt x="42" y="399"/>
                    <a:pt x="40" y="397"/>
                    <a:pt x="40" y="399"/>
                  </a:cubicBezTo>
                  <a:cubicBezTo>
                    <a:pt x="40" y="400"/>
                    <a:pt x="42" y="402"/>
                    <a:pt x="45" y="403"/>
                  </a:cubicBezTo>
                  <a:cubicBezTo>
                    <a:pt x="46" y="405"/>
                    <a:pt x="45" y="403"/>
                    <a:pt x="43" y="402"/>
                  </a:cubicBezTo>
                  <a:close/>
                  <a:moveTo>
                    <a:pt x="39" y="402"/>
                  </a:moveTo>
                  <a:cubicBezTo>
                    <a:pt x="39" y="400"/>
                    <a:pt x="37" y="402"/>
                    <a:pt x="37" y="400"/>
                  </a:cubicBezTo>
                  <a:cubicBezTo>
                    <a:pt x="36" y="399"/>
                    <a:pt x="34" y="399"/>
                    <a:pt x="34" y="400"/>
                  </a:cubicBezTo>
                  <a:cubicBezTo>
                    <a:pt x="34" y="402"/>
                    <a:pt x="33" y="403"/>
                    <a:pt x="34" y="403"/>
                  </a:cubicBezTo>
                  <a:cubicBezTo>
                    <a:pt x="36" y="403"/>
                    <a:pt x="34" y="402"/>
                    <a:pt x="36" y="403"/>
                  </a:cubicBezTo>
                  <a:cubicBezTo>
                    <a:pt x="37" y="403"/>
                    <a:pt x="36" y="403"/>
                    <a:pt x="37" y="405"/>
                  </a:cubicBezTo>
                  <a:cubicBezTo>
                    <a:pt x="39" y="405"/>
                    <a:pt x="39" y="403"/>
                    <a:pt x="39" y="402"/>
                  </a:cubicBezTo>
                  <a:close/>
                  <a:moveTo>
                    <a:pt x="13" y="265"/>
                  </a:moveTo>
                  <a:cubicBezTo>
                    <a:pt x="13" y="266"/>
                    <a:pt x="14" y="266"/>
                    <a:pt x="13" y="271"/>
                  </a:cubicBezTo>
                  <a:cubicBezTo>
                    <a:pt x="11" y="276"/>
                    <a:pt x="13" y="274"/>
                    <a:pt x="16" y="276"/>
                  </a:cubicBezTo>
                  <a:cubicBezTo>
                    <a:pt x="20" y="276"/>
                    <a:pt x="16" y="273"/>
                    <a:pt x="17" y="273"/>
                  </a:cubicBezTo>
                  <a:cubicBezTo>
                    <a:pt x="20" y="273"/>
                    <a:pt x="17" y="270"/>
                    <a:pt x="19" y="270"/>
                  </a:cubicBezTo>
                  <a:cubicBezTo>
                    <a:pt x="20" y="270"/>
                    <a:pt x="20" y="270"/>
                    <a:pt x="17" y="266"/>
                  </a:cubicBezTo>
                  <a:cubicBezTo>
                    <a:pt x="16" y="265"/>
                    <a:pt x="19" y="266"/>
                    <a:pt x="17" y="265"/>
                  </a:cubicBezTo>
                  <a:cubicBezTo>
                    <a:pt x="17" y="263"/>
                    <a:pt x="17" y="263"/>
                    <a:pt x="19" y="263"/>
                  </a:cubicBezTo>
                  <a:cubicBezTo>
                    <a:pt x="22" y="263"/>
                    <a:pt x="20" y="262"/>
                    <a:pt x="19" y="260"/>
                  </a:cubicBezTo>
                  <a:cubicBezTo>
                    <a:pt x="19" y="259"/>
                    <a:pt x="19" y="257"/>
                    <a:pt x="17" y="259"/>
                  </a:cubicBezTo>
                  <a:cubicBezTo>
                    <a:pt x="14" y="259"/>
                    <a:pt x="17" y="257"/>
                    <a:pt x="16" y="257"/>
                  </a:cubicBezTo>
                  <a:cubicBezTo>
                    <a:pt x="14" y="257"/>
                    <a:pt x="14" y="257"/>
                    <a:pt x="14" y="259"/>
                  </a:cubicBezTo>
                  <a:cubicBezTo>
                    <a:pt x="16" y="262"/>
                    <a:pt x="14" y="262"/>
                    <a:pt x="13" y="265"/>
                  </a:cubicBezTo>
                  <a:close/>
                  <a:moveTo>
                    <a:pt x="22" y="281"/>
                  </a:moveTo>
                  <a:cubicBezTo>
                    <a:pt x="22" y="281"/>
                    <a:pt x="22" y="282"/>
                    <a:pt x="20" y="282"/>
                  </a:cubicBezTo>
                  <a:cubicBezTo>
                    <a:pt x="20" y="282"/>
                    <a:pt x="20" y="281"/>
                    <a:pt x="22" y="281"/>
                  </a:cubicBezTo>
                  <a:close/>
                  <a:moveTo>
                    <a:pt x="16" y="281"/>
                  </a:moveTo>
                  <a:cubicBezTo>
                    <a:pt x="17" y="281"/>
                    <a:pt x="17" y="281"/>
                    <a:pt x="17" y="281"/>
                  </a:cubicBezTo>
                  <a:cubicBezTo>
                    <a:pt x="16" y="279"/>
                    <a:pt x="16" y="281"/>
                    <a:pt x="14" y="281"/>
                  </a:cubicBezTo>
                  <a:cubicBezTo>
                    <a:pt x="14" y="279"/>
                    <a:pt x="13" y="281"/>
                    <a:pt x="14" y="281"/>
                  </a:cubicBezTo>
                  <a:cubicBezTo>
                    <a:pt x="16" y="282"/>
                    <a:pt x="16" y="282"/>
                    <a:pt x="16" y="281"/>
                  </a:cubicBezTo>
                  <a:close/>
                  <a:moveTo>
                    <a:pt x="16" y="296"/>
                  </a:moveTo>
                  <a:cubicBezTo>
                    <a:pt x="16" y="296"/>
                    <a:pt x="16" y="296"/>
                    <a:pt x="17" y="296"/>
                  </a:cubicBezTo>
                  <a:cubicBezTo>
                    <a:pt x="17" y="298"/>
                    <a:pt x="17" y="296"/>
                    <a:pt x="17" y="294"/>
                  </a:cubicBezTo>
                  <a:cubicBezTo>
                    <a:pt x="16" y="293"/>
                    <a:pt x="16" y="294"/>
                    <a:pt x="14" y="294"/>
                  </a:cubicBezTo>
                  <a:cubicBezTo>
                    <a:pt x="13" y="293"/>
                    <a:pt x="13" y="294"/>
                    <a:pt x="14" y="296"/>
                  </a:cubicBezTo>
                  <a:cubicBezTo>
                    <a:pt x="14" y="296"/>
                    <a:pt x="14" y="296"/>
                    <a:pt x="16" y="296"/>
                  </a:cubicBezTo>
                  <a:close/>
                  <a:moveTo>
                    <a:pt x="16" y="293"/>
                  </a:moveTo>
                  <a:cubicBezTo>
                    <a:pt x="16" y="293"/>
                    <a:pt x="16" y="293"/>
                    <a:pt x="14" y="291"/>
                  </a:cubicBezTo>
                  <a:cubicBezTo>
                    <a:pt x="13" y="291"/>
                    <a:pt x="13" y="293"/>
                    <a:pt x="13" y="293"/>
                  </a:cubicBezTo>
                  <a:cubicBezTo>
                    <a:pt x="11" y="294"/>
                    <a:pt x="13" y="293"/>
                    <a:pt x="16" y="293"/>
                  </a:cubicBezTo>
                  <a:close/>
                  <a:moveTo>
                    <a:pt x="14" y="290"/>
                  </a:moveTo>
                  <a:cubicBezTo>
                    <a:pt x="16" y="290"/>
                    <a:pt x="16" y="290"/>
                    <a:pt x="16" y="290"/>
                  </a:cubicBezTo>
                  <a:cubicBezTo>
                    <a:pt x="16" y="288"/>
                    <a:pt x="14" y="288"/>
                    <a:pt x="13" y="290"/>
                  </a:cubicBezTo>
                  <a:cubicBezTo>
                    <a:pt x="11" y="290"/>
                    <a:pt x="13" y="290"/>
                    <a:pt x="13" y="291"/>
                  </a:cubicBezTo>
                  <a:cubicBezTo>
                    <a:pt x="13" y="291"/>
                    <a:pt x="14" y="291"/>
                    <a:pt x="14" y="290"/>
                  </a:cubicBezTo>
                  <a:close/>
                  <a:moveTo>
                    <a:pt x="17" y="290"/>
                  </a:moveTo>
                  <a:cubicBezTo>
                    <a:pt x="19" y="290"/>
                    <a:pt x="19" y="288"/>
                    <a:pt x="17" y="288"/>
                  </a:cubicBezTo>
                  <a:cubicBezTo>
                    <a:pt x="16" y="288"/>
                    <a:pt x="17" y="288"/>
                    <a:pt x="17" y="290"/>
                  </a:cubicBezTo>
                  <a:cubicBezTo>
                    <a:pt x="17" y="290"/>
                    <a:pt x="17" y="290"/>
                    <a:pt x="17" y="290"/>
                  </a:cubicBezTo>
                  <a:close/>
                  <a:moveTo>
                    <a:pt x="19" y="301"/>
                  </a:moveTo>
                  <a:cubicBezTo>
                    <a:pt x="19" y="299"/>
                    <a:pt x="19" y="299"/>
                    <a:pt x="17" y="299"/>
                  </a:cubicBezTo>
                  <a:cubicBezTo>
                    <a:pt x="17" y="299"/>
                    <a:pt x="16" y="301"/>
                    <a:pt x="17" y="302"/>
                  </a:cubicBezTo>
                  <a:cubicBezTo>
                    <a:pt x="17" y="302"/>
                    <a:pt x="19" y="302"/>
                    <a:pt x="19" y="301"/>
                  </a:cubicBezTo>
                  <a:close/>
                  <a:moveTo>
                    <a:pt x="13" y="301"/>
                  </a:moveTo>
                  <a:cubicBezTo>
                    <a:pt x="14" y="301"/>
                    <a:pt x="13" y="299"/>
                    <a:pt x="13" y="299"/>
                  </a:cubicBezTo>
                  <a:cubicBezTo>
                    <a:pt x="11" y="298"/>
                    <a:pt x="11" y="299"/>
                    <a:pt x="11" y="301"/>
                  </a:cubicBezTo>
                  <a:cubicBezTo>
                    <a:pt x="13" y="301"/>
                    <a:pt x="11" y="302"/>
                    <a:pt x="13" y="302"/>
                  </a:cubicBezTo>
                  <a:cubicBezTo>
                    <a:pt x="13" y="301"/>
                    <a:pt x="13" y="301"/>
                    <a:pt x="13" y="301"/>
                  </a:cubicBezTo>
                  <a:close/>
                  <a:moveTo>
                    <a:pt x="14" y="301"/>
                  </a:moveTo>
                  <a:cubicBezTo>
                    <a:pt x="14" y="301"/>
                    <a:pt x="16" y="299"/>
                    <a:pt x="16" y="301"/>
                  </a:cubicBezTo>
                  <a:cubicBezTo>
                    <a:pt x="16" y="301"/>
                    <a:pt x="16" y="302"/>
                    <a:pt x="14" y="301"/>
                  </a:cubicBezTo>
                  <a:close/>
                  <a:moveTo>
                    <a:pt x="17" y="304"/>
                  </a:moveTo>
                  <a:cubicBezTo>
                    <a:pt x="17" y="304"/>
                    <a:pt x="17" y="304"/>
                    <a:pt x="17" y="302"/>
                  </a:cubicBezTo>
                  <a:cubicBezTo>
                    <a:pt x="17" y="302"/>
                    <a:pt x="16" y="302"/>
                    <a:pt x="16" y="304"/>
                  </a:cubicBezTo>
                  <a:cubicBezTo>
                    <a:pt x="16" y="305"/>
                    <a:pt x="16" y="305"/>
                    <a:pt x="17" y="304"/>
                  </a:cubicBezTo>
                  <a:close/>
                  <a:moveTo>
                    <a:pt x="6" y="305"/>
                  </a:moveTo>
                  <a:cubicBezTo>
                    <a:pt x="6" y="305"/>
                    <a:pt x="6" y="305"/>
                    <a:pt x="6" y="305"/>
                  </a:cubicBezTo>
                  <a:cubicBezTo>
                    <a:pt x="6" y="307"/>
                    <a:pt x="8" y="307"/>
                    <a:pt x="8" y="305"/>
                  </a:cubicBezTo>
                  <a:cubicBezTo>
                    <a:pt x="10" y="305"/>
                    <a:pt x="10" y="304"/>
                    <a:pt x="8" y="302"/>
                  </a:cubicBezTo>
                  <a:cubicBezTo>
                    <a:pt x="8" y="302"/>
                    <a:pt x="8" y="302"/>
                    <a:pt x="6" y="304"/>
                  </a:cubicBezTo>
                  <a:cubicBezTo>
                    <a:pt x="6" y="304"/>
                    <a:pt x="6" y="304"/>
                    <a:pt x="6" y="305"/>
                  </a:cubicBezTo>
                  <a:close/>
                  <a:moveTo>
                    <a:pt x="13" y="287"/>
                  </a:moveTo>
                  <a:cubicBezTo>
                    <a:pt x="13" y="287"/>
                    <a:pt x="13" y="287"/>
                    <a:pt x="11" y="287"/>
                  </a:cubicBezTo>
                  <a:cubicBezTo>
                    <a:pt x="11" y="288"/>
                    <a:pt x="11" y="288"/>
                    <a:pt x="11" y="288"/>
                  </a:cubicBezTo>
                  <a:cubicBezTo>
                    <a:pt x="13" y="288"/>
                    <a:pt x="13" y="287"/>
                    <a:pt x="13" y="287"/>
                  </a:cubicBezTo>
                  <a:close/>
                  <a:moveTo>
                    <a:pt x="14" y="288"/>
                  </a:moveTo>
                  <a:cubicBezTo>
                    <a:pt x="16" y="288"/>
                    <a:pt x="16" y="288"/>
                    <a:pt x="16" y="288"/>
                  </a:cubicBezTo>
                  <a:cubicBezTo>
                    <a:pt x="16" y="287"/>
                    <a:pt x="14" y="288"/>
                    <a:pt x="13" y="288"/>
                  </a:cubicBezTo>
                  <a:cubicBezTo>
                    <a:pt x="13" y="288"/>
                    <a:pt x="13" y="288"/>
                    <a:pt x="14" y="288"/>
                  </a:cubicBezTo>
                  <a:close/>
                  <a:moveTo>
                    <a:pt x="14" y="285"/>
                  </a:moveTo>
                  <a:cubicBezTo>
                    <a:pt x="14" y="284"/>
                    <a:pt x="14" y="284"/>
                    <a:pt x="16" y="284"/>
                  </a:cubicBezTo>
                  <a:cubicBezTo>
                    <a:pt x="16" y="285"/>
                    <a:pt x="14" y="287"/>
                    <a:pt x="14" y="285"/>
                  </a:cubicBezTo>
                  <a:close/>
                  <a:moveTo>
                    <a:pt x="19" y="284"/>
                  </a:moveTo>
                  <a:cubicBezTo>
                    <a:pt x="17" y="284"/>
                    <a:pt x="17" y="282"/>
                    <a:pt x="17" y="282"/>
                  </a:cubicBezTo>
                  <a:cubicBezTo>
                    <a:pt x="17" y="281"/>
                    <a:pt x="19" y="284"/>
                    <a:pt x="19" y="284"/>
                  </a:cubicBezTo>
                  <a:close/>
                  <a:moveTo>
                    <a:pt x="8" y="277"/>
                  </a:moveTo>
                  <a:cubicBezTo>
                    <a:pt x="8" y="277"/>
                    <a:pt x="10" y="276"/>
                    <a:pt x="10" y="277"/>
                  </a:cubicBezTo>
                  <a:cubicBezTo>
                    <a:pt x="11" y="277"/>
                    <a:pt x="8" y="279"/>
                    <a:pt x="8" y="277"/>
                  </a:cubicBezTo>
                  <a:close/>
                  <a:moveTo>
                    <a:pt x="10" y="302"/>
                  </a:moveTo>
                  <a:cubicBezTo>
                    <a:pt x="10" y="301"/>
                    <a:pt x="10" y="301"/>
                    <a:pt x="10" y="301"/>
                  </a:cubicBezTo>
                  <a:cubicBezTo>
                    <a:pt x="11" y="301"/>
                    <a:pt x="11" y="302"/>
                    <a:pt x="10" y="302"/>
                  </a:cubicBezTo>
                  <a:close/>
                  <a:moveTo>
                    <a:pt x="16" y="299"/>
                  </a:moveTo>
                  <a:cubicBezTo>
                    <a:pt x="16" y="299"/>
                    <a:pt x="14" y="298"/>
                    <a:pt x="14" y="299"/>
                  </a:cubicBezTo>
                  <a:cubicBezTo>
                    <a:pt x="14" y="299"/>
                    <a:pt x="14" y="299"/>
                    <a:pt x="16" y="299"/>
                  </a:cubicBezTo>
                  <a:cubicBezTo>
                    <a:pt x="16" y="299"/>
                    <a:pt x="17" y="299"/>
                    <a:pt x="16" y="299"/>
                  </a:cubicBezTo>
                  <a:close/>
                  <a:moveTo>
                    <a:pt x="17" y="293"/>
                  </a:moveTo>
                  <a:cubicBezTo>
                    <a:pt x="16" y="293"/>
                    <a:pt x="16" y="291"/>
                    <a:pt x="16" y="291"/>
                  </a:cubicBezTo>
                  <a:cubicBezTo>
                    <a:pt x="17" y="291"/>
                    <a:pt x="17" y="293"/>
                    <a:pt x="17" y="293"/>
                  </a:cubicBezTo>
                  <a:close/>
                  <a:moveTo>
                    <a:pt x="51" y="417"/>
                  </a:moveTo>
                  <a:cubicBezTo>
                    <a:pt x="53" y="417"/>
                    <a:pt x="53" y="419"/>
                    <a:pt x="54" y="419"/>
                  </a:cubicBezTo>
                  <a:cubicBezTo>
                    <a:pt x="56" y="419"/>
                    <a:pt x="54" y="419"/>
                    <a:pt x="53" y="417"/>
                  </a:cubicBezTo>
                  <a:cubicBezTo>
                    <a:pt x="51" y="416"/>
                    <a:pt x="53" y="416"/>
                    <a:pt x="54" y="416"/>
                  </a:cubicBezTo>
                  <a:cubicBezTo>
                    <a:pt x="56" y="416"/>
                    <a:pt x="57" y="416"/>
                    <a:pt x="56" y="416"/>
                  </a:cubicBezTo>
                  <a:cubicBezTo>
                    <a:pt x="56" y="417"/>
                    <a:pt x="56" y="417"/>
                    <a:pt x="56" y="419"/>
                  </a:cubicBezTo>
                  <a:cubicBezTo>
                    <a:pt x="57" y="421"/>
                    <a:pt x="57" y="417"/>
                    <a:pt x="59" y="419"/>
                  </a:cubicBezTo>
                  <a:cubicBezTo>
                    <a:pt x="59" y="421"/>
                    <a:pt x="60" y="419"/>
                    <a:pt x="60" y="421"/>
                  </a:cubicBezTo>
                  <a:cubicBezTo>
                    <a:pt x="62" y="422"/>
                    <a:pt x="62" y="421"/>
                    <a:pt x="62" y="422"/>
                  </a:cubicBezTo>
                  <a:cubicBezTo>
                    <a:pt x="63" y="424"/>
                    <a:pt x="63" y="421"/>
                    <a:pt x="63" y="421"/>
                  </a:cubicBezTo>
                  <a:cubicBezTo>
                    <a:pt x="62" y="419"/>
                    <a:pt x="63" y="419"/>
                    <a:pt x="60" y="417"/>
                  </a:cubicBezTo>
                  <a:cubicBezTo>
                    <a:pt x="57" y="416"/>
                    <a:pt x="62" y="417"/>
                    <a:pt x="60" y="416"/>
                  </a:cubicBezTo>
                  <a:cubicBezTo>
                    <a:pt x="60" y="416"/>
                    <a:pt x="60" y="416"/>
                    <a:pt x="59" y="416"/>
                  </a:cubicBezTo>
                  <a:cubicBezTo>
                    <a:pt x="57" y="414"/>
                    <a:pt x="57" y="414"/>
                    <a:pt x="59" y="414"/>
                  </a:cubicBezTo>
                  <a:cubicBezTo>
                    <a:pt x="60" y="414"/>
                    <a:pt x="60" y="413"/>
                    <a:pt x="60" y="413"/>
                  </a:cubicBezTo>
                  <a:cubicBezTo>
                    <a:pt x="59" y="411"/>
                    <a:pt x="56" y="413"/>
                    <a:pt x="54" y="413"/>
                  </a:cubicBezTo>
                  <a:cubicBezTo>
                    <a:pt x="53" y="413"/>
                    <a:pt x="51" y="413"/>
                    <a:pt x="48" y="414"/>
                  </a:cubicBezTo>
                  <a:cubicBezTo>
                    <a:pt x="46" y="414"/>
                    <a:pt x="48" y="414"/>
                    <a:pt x="49" y="416"/>
                  </a:cubicBezTo>
                  <a:cubicBezTo>
                    <a:pt x="51" y="417"/>
                    <a:pt x="46" y="416"/>
                    <a:pt x="51" y="417"/>
                  </a:cubicBezTo>
                  <a:close/>
                  <a:moveTo>
                    <a:pt x="51" y="413"/>
                  </a:moveTo>
                  <a:cubicBezTo>
                    <a:pt x="54" y="411"/>
                    <a:pt x="53" y="413"/>
                    <a:pt x="51" y="411"/>
                  </a:cubicBezTo>
                  <a:cubicBezTo>
                    <a:pt x="48" y="411"/>
                    <a:pt x="48" y="411"/>
                    <a:pt x="46" y="413"/>
                  </a:cubicBezTo>
                  <a:cubicBezTo>
                    <a:pt x="45" y="413"/>
                    <a:pt x="46" y="413"/>
                    <a:pt x="48" y="413"/>
                  </a:cubicBezTo>
                  <a:cubicBezTo>
                    <a:pt x="48" y="413"/>
                    <a:pt x="48" y="413"/>
                    <a:pt x="51" y="413"/>
                  </a:cubicBezTo>
                  <a:close/>
                  <a:moveTo>
                    <a:pt x="43" y="413"/>
                  </a:moveTo>
                  <a:cubicBezTo>
                    <a:pt x="43" y="413"/>
                    <a:pt x="42" y="413"/>
                    <a:pt x="43" y="413"/>
                  </a:cubicBezTo>
                  <a:cubicBezTo>
                    <a:pt x="46" y="413"/>
                    <a:pt x="45" y="411"/>
                    <a:pt x="43" y="411"/>
                  </a:cubicBezTo>
                  <a:cubicBezTo>
                    <a:pt x="42" y="411"/>
                    <a:pt x="42" y="413"/>
                    <a:pt x="40" y="413"/>
                  </a:cubicBezTo>
                  <a:cubicBezTo>
                    <a:pt x="39" y="413"/>
                    <a:pt x="39" y="413"/>
                    <a:pt x="39" y="413"/>
                  </a:cubicBezTo>
                  <a:cubicBezTo>
                    <a:pt x="39" y="414"/>
                    <a:pt x="40" y="414"/>
                    <a:pt x="42" y="414"/>
                  </a:cubicBezTo>
                  <a:cubicBezTo>
                    <a:pt x="43" y="414"/>
                    <a:pt x="42" y="416"/>
                    <a:pt x="43" y="416"/>
                  </a:cubicBezTo>
                  <a:cubicBezTo>
                    <a:pt x="45" y="414"/>
                    <a:pt x="45" y="413"/>
                    <a:pt x="43" y="413"/>
                  </a:cubicBezTo>
                  <a:close/>
                  <a:moveTo>
                    <a:pt x="39" y="411"/>
                  </a:moveTo>
                  <a:cubicBezTo>
                    <a:pt x="39" y="411"/>
                    <a:pt x="37" y="410"/>
                    <a:pt x="36" y="411"/>
                  </a:cubicBezTo>
                  <a:cubicBezTo>
                    <a:pt x="36" y="411"/>
                    <a:pt x="36" y="413"/>
                    <a:pt x="37" y="411"/>
                  </a:cubicBezTo>
                  <a:cubicBezTo>
                    <a:pt x="39" y="411"/>
                    <a:pt x="37" y="413"/>
                    <a:pt x="39" y="411"/>
                  </a:cubicBezTo>
                  <a:cubicBezTo>
                    <a:pt x="40" y="411"/>
                    <a:pt x="39" y="411"/>
                    <a:pt x="39" y="411"/>
                  </a:cubicBezTo>
                  <a:close/>
                  <a:moveTo>
                    <a:pt x="65" y="424"/>
                  </a:moveTo>
                  <a:cubicBezTo>
                    <a:pt x="63" y="422"/>
                    <a:pt x="66" y="422"/>
                    <a:pt x="66" y="422"/>
                  </a:cubicBezTo>
                  <a:cubicBezTo>
                    <a:pt x="68" y="424"/>
                    <a:pt x="65" y="424"/>
                    <a:pt x="65" y="424"/>
                  </a:cubicBezTo>
                  <a:close/>
                  <a:moveTo>
                    <a:pt x="68" y="421"/>
                  </a:moveTo>
                  <a:cubicBezTo>
                    <a:pt x="68" y="421"/>
                    <a:pt x="68" y="419"/>
                    <a:pt x="68" y="421"/>
                  </a:cubicBezTo>
                  <a:cubicBezTo>
                    <a:pt x="68" y="422"/>
                    <a:pt x="66" y="421"/>
                    <a:pt x="66" y="421"/>
                  </a:cubicBezTo>
                  <a:cubicBezTo>
                    <a:pt x="66" y="422"/>
                    <a:pt x="66" y="422"/>
                    <a:pt x="68" y="422"/>
                  </a:cubicBezTo>
                  <a:cubicBezTo>
                    <a:pt x="69" y="422"/>
                    <a:pt x="69" y="422"/>
                    <a:pt x="68" y="421"/>
                  </a:cubicBezTo>
                  <a:close/>
                  <a:moveTo>
                    <a:pt x="33" y="403"/>
                  </a:moveTo>
                  <a:cubicBezTo>
                    <a:pt x="33" y="402"/>
                    <a:pt x="34" y="402"/>
                    <a:pt x="34" y="402"/>
                  </a:cubicBezTo>
                  <a:cubicBezTo>
                    <a:pt x="33" y="400"/>
                    <a:pt x="34" y="399"/>
                    <a:pt x="33" y="399"/>
                  </a:cubicBezTo>
                  <a:cubicBezTo>
                    <a:pt x="31" y="399"/>
                    <a:pt x="31" y="399"/>
                    <a:pt x="31" y="399"/>
                  </a:cubicBezTo>
                  <a:cubicBezTo>
                    <a:pt x="31" y="400"/>
                    <a:pt x="29" y="399"/>
                    <a:pt x="29" y="399"/>
                  </a:cubicBezTo>
                  <a:cubicBezTo>
                    <a:pt x="28" y="400"/>
                    <a:pt x="29" y="400"/>
                    <a:pt x="29" y="402"/>
                  </a:cubicBezTo>
                  <a:cubicBezTo>
                    <a:pt x="31" y="402"/>
                    <a:pt x="33" y="402"/>
                    <a:pt x="31" y="403"/>
                  </a:cubicBezTo>
                  <a:cubicBezTo>
                    <a:pt x="31" y="405"/>
                    <a:pt x="33" y="405"/>
                    <a:pt x="33" y="403"/>
                  </a:cubicBezTo>
                  <a:cubicBezTo>
                    <a:pt x="33" y="403"/>
                    <a:pt x="33" y="403"/>
                    <a:pt x="33" y="403"/>
                  </a:cubicBezTo>
                  <a:close/>
                  <a:moveTo>
                    <a:pt x="22" y="377"/>
                  </a:moveTo>
                  <a:cubicBezTo>
                    <a:pt x="22" y="375"/>
                    <a:pt x="23" y="374"/>
                    <a:pt x="23" y="374"/>
                  </a:cubicBezTo>
                  <a:cubicBezTo>
                    <a:pt x="25" y="374"/>
                    <a:pt x="23" y="377"/>
                    <a:pt x="22" y="377"/>
                  </a:cubicBezTo>
                  <a:close/>
                  <a:moveTo>
                    <a:pt x="28" y="400"/>
                  </a:moveTo>
                  <a:cubicBezTo>
                    <a:pt x="28" y="402"/>
                    <a:pt x="28" y="402"/>
                    <a:pt x="28" y="400"/>
                  </a:cubicBezTo>
                  <a:cubicBezTo>
                    <a:pt x="28" y="399"/>
                    <a:pt x="31" y="399"/>
                    <a:pt x="29" y="397"/>
                  </a:cubicBezTo>
                  <a:cubicBezTo>
                    <a:pt x="29" y="397"/>
                    <a:pt x="28" y="397"/>
                    <a:pt x="28" y="396"/>
                  </a:cubicBezTo>
                  <a:cubicBezTo>
                    <a:pt x="28" y="396"/>
                    <a:pt x="26" y="394"/>
                    <a:pt x="25" y="396"/>
                  </a:cubicBezTo>
                  <a:cubicBezTo>
                    <a:pt x="25" y="396"/>
                    <a:pt x="25" y="394"/>
                    <a:pt x="25" y="396"/>
                  </a:cubicBezTo>
                  <a:cubicBezTo>
                    <a:pt x="23" y="396"/>
                    <a:pt x="25" y="394"/>
                    <a:pt x="23" y="393"/>
                  </a:cubicBezTo>
                  <a:cubicBezTo>
                    <a:pt x="22" y="393"/>
                    <a:pt x="23" y="394"/>
                    <a:pt x="20" y="394"/>
                  </a:cubicBezTo>
                  <a:cubicBezTo>
                    <a:pt x="19" y="393"/>
                    <a:pt x="22" y="396"/>
                    <a:pt x="20" y="396"/>
                  </a:cubicBezTo>
                  <a:cubicBezTo>
                    <a:pt x="19" y="396"/>
                    <a:pt x="19" y="394"/>
                    <a:pt x="19" y="396"/>
                  </a:cubicBezTo>
                  <a:cubicBezTo>
                    <a:pt x="17" y="397"/>
                    <a:pt x="19" y="396"/>
                    <a:pt x="19" y="397"/>
                  </a:cubicBezTo>
                  <a:cubicBezTo>
                    <a:pt x="19" y="399"/>
                    <a:pt x="20" y="396"/>
                    <a:pt x="20" y="397"/>
                  </a:cubicBezTo>
                  <a:cubicBezTo>
                    <a:pt x="22" y="399"/>
                    <a:pt x="20" y="400"/>
                    <a:pt x="22" y="400"/>
                  </a:cubicBezTo>
                  <a:cubicBezTo>
                    <a:pt x="23" y="402"/>
                    <a:pt x="22" y="397"/>
                    <a:pt x="23" y="399"/>
                  </a:cubicBezTo>
                  <a:cubicBezTo>
                    <a:pt x="23" y="400"/>
                    <a:pt x="25" y="397"/>
                    <a:pt x="25" y="399"/>
                  </a:cubicBezTo>
                  <a:cubicBezTo>
                    <a:pt x="25" y="402"/>
                    <a:pt x="22" y="402"/>
                    <a:pt x="23" y="402"/>
                  </a:cubicBezTo>
                  <a:cubicBezTo>
                    <a:pt x="25" y="402"/>
                    <a:pt x="25" y="400"/>
                    <a:pt x="26" y="402"/>
                  </a:cubicBezTo>
                  <a:cubicBezTo>
                    <a:pt x="26" y="402"/>
                    <a:pt x="26" y="400"/>
                    <a:pt x="28" y="400"/>
                  </a:cubicBezTo>
                  <a:close/>
                  <a:moveTo>
                    <a:pt x="29" y="403"/>
                  </a:moveTo>
                  <a:cubicBezTo>
                    <a:pt x="29" y="402"/>
                    <a:pt x="29" y="400"/>
                    <a:pt x="28" y="402"/>
                  </a:cubicBezTo>
                  <a:cubicBezTo>
                    <a:pt x="28" y="403"/>
                    <a:pt x="26" y="402"/>
                    <a:pt x="28" y="403"/>
                  </a:cubicBezTo>
                  <a:cubicBezTo>
                    <a:pt x="28" y="403"/>
                    <a:pt x="28" y="403"/>
                    <a:pt x="29" y="403"/>
                  </a:cubicBezTo>
                  <a:close/>
                  <a:moveTo>
                    <a:pt x="14" y="391"/>
                  </a:moveTo>
                  <a:cubicBezTo>
                    <a:pt x="16" y="391"/>
                    <a:pt x="14" y="393"/>
                    <a:pt x="13" y="393"/>
                  </a:cubicBezTo>
                  <a:cubicBezTo>
                    <a:pt x="13" y="391"/>
                    <a:pt x="14" y="391"/>
                    <a:pt x="14" y="391"/>
                  </a:cubicBezTo>
                  <a:close/>
                  <a:moveTo>
                    <a:pt x="17" y="383"/>
                  </a:moveTo>
                  <a:cubicBezTo>
                    <a:pt x="17" y="382"/>
                    <a:pt x="17" y="382"/>
                    <a:pt x="17" y="382"/>
                  </a:cubicBezTo>
                  <a:cubicBezTo>
                    <a:pt x="17" y="380"/>
                    <a:pt x="17" y="382"/>
                    <a:pt x="16" y="382"/>
                  </a:cubicBezTo>
                  <a:cubicBezTo>
                    <a:pt x="14" y="383"/>
                    <a:pt x="16" y="383"/>
                    <a:pt x="16" y="385"/>
                  </a:cubicBezTo>
                  <a:cubicBezTo>
                    <a:pt x="16" y="385"/>
                    <a:pt x="17" y="385"/>
                    <a:pt x="17" y="383"/>
                  </a:cubicBezTo>
                  <a:close/>
                  <a:moveTo>
                    <a:pt x="16" y="391"/>
                  </a:moveTo>
                  <a:cubicBezTo>
                    <a:pt x="17" y="391"/>
                    <a:pt x="17" y="389"/>
                    <a:pt x="19" y="391"/>
                  </a:cubicBezTo>
                  <a:cubicBezTo>
                    <a:pt x="19" y="391"/>
                    <a:pt x="17" y="391"/>
                    <a:pt x="19" y="393"/>
                  </a:cubicBezTo>
                  <a:cubicBezTo>
                    <a:pt x="19" y="393"/>
                    <a:pt x="19" y="391"/>
                    <a:pt x="20" y="393"/>
                  </a:cubicBezTo>
                  <a:cubicBezTo>
                    <a:pt x="22" y="393"/>
                    <a:pt x="22" y="393"/>
                    <a:pt x="22" y="391"/>
                  </a:cubicBezTo>
                  <a:cubicBezTo>
                    <a:pt x="20" y="391"/>
                    <a:pt x="20" y="389"/>
                    <a:pt x="19" y="389"/>
                  </a:cubicBezTo>
                  <a:cubicBezTo>
                    <a:pt x="19" y="389"/>
                    <a:pt x="19" y="388"/>
                    <a:pt x="17" y="389"/>
                  </a:cubicBezTo>
                  <a:cubicBezTo>
                    <a:pt x="17" y="389"/>
                    <a:pt x="17" y="388"/>
                    <a:pt x="16" y="388"/>
                  </a:cubicBezTo>
                  <a:cubicBezTo>
                    <a:pt x="14" y="388"/>
                    <a:pt x="13" y="388"/>
                    <a:pt x="11" y="386"/>
                  </a:cubicBezTo>
                  <a:cubicBezTo>
                    <a:pt x="10" y="385"/>
                    <a:pt x="8" y="385"/>
                    <a:pt x="10" y="386"/>
                  </a:cubicBezTo>
                  <a:cubicBezTo>
                    <a:pt x="11" y="386"/>
                    <a:pt x="10" y="386"/>
                    <a:pt x="11" y="388"/>
                  </a:cubicBezTo>
                  <a:cubicBezTo>
                    <a:pt x="13" y="388"/>
                    <a:pt x="11" y="389"/>
                    <a:pt x="14" y="389"/>
                  </a:cubicBezTo>
                  <a:cubicBezTo>
                    <a:pt x="14" y="389"/>
                    <a:pt x="16" y="389"/>
                    <a:pt x="16" y="391"/>
                  </a:cubicBezTo>
                  <a:close/>
                  <a:moveTo>
                    <a:pt x="14" y="371"/>
                  </a:moveTo>
                  <a:cubicBezTo>
                    <a:pt x="14" y="369"/>
                    <a:pt x="14" y="371"/>
                    <a:pt x="14" y="372"/>
                  </a:cubicBezTo>
                  <a:cubicBezTo>
                    <a:pt x="13" y="372"/>
                    <a:pt x="14" y="374"/>
                    <a:pt x="16" y="374"/>
                  </a:cubicBezTo>
                  <a:cubicBezTo>
                    <a:pt x="16" y="372"/>
                    <a:pt x="16" y="371"/>
                    <a:pt x="14" y="371"/>
                  </a:cubicBezTo>
                  <a:close/>
                  <a:moveTo>
                    <a:pt x="8" y="375"/>
                  </a:moveTo>
                  <a:cubicBezTo>
                    <a:pt x="8" y="374"/>
                    <a:pt x="10" y="374"/>
                    <a:pt x="10" y="372"/>
                  </a:cubicBezTo>
                  <a:cubicBezTo>
                    <a:pt x="8" y="371"/>
                    <a:pt x="8" y="371"/>
                    <a:pt x="8" y="372"/>
                  </a:cubicBezTo>
                  <a:cubicBezTo>
                    <a:pt x="8" y="374"/>
                    <a:pt x="8" y="374"/>
                    <a:pt x="8" y="372"/>
                  </a:cubicBezTo>
                  <a:cubicBezTo>
                    <a:pt x="6" y="372"/>
                    <a:pt x="6" y="374"/>
                    <a:pt x="6" y="374"/>
                  </a:cubicBezTo>
                  <a:cubicBezTo>
                    <a:pt x="8" y="375"/>
                    <a:pt x="6" y="375"/>
                    <a:pt x="6" y="377"/>
                  </a:cubicBezTo>
                  <a:cubicBezTo>
                    <a:pt x="6" y="377"/>
                    <a:pt x="8" y="377"/>
                    <a:pt x="8" y="375"/>
                  </a:cubicBezTo>
                  <a:close/>
                  <a:moveTo>
                    <a:pt x="13" y="374"/>
                  </a:moveTo>
                  <a:cubicBezTo>
                    <a:pt x="11" y="372"/>
                    <a:pt x="11" y="372"/>
                    <a:pt x="11" y="372"/>
                  </a:cubicBezTo>
                  <a:cubicBezTo>
                    <a:pt x="13" y="374"/>
                    <a:pt x="11" y="374"/>
                    <a:pt x="13" y="375"/>
                  </a:cubicBezTo>
                  <a:cubicBezTo>
                    <a:pt x="14" y="375"/>
                    <a:pt x="14" y="374"/>
                    <a:pt x="13" y="374"/>
                  </a:cubicBezTo>
                  <a:close/>
                  <a:moveTo>
                    <a:pt x="16" y="377"/>
                  </a:moveTo>
                  <a:cubicBezTo>
                    <a:pt x="17" y="380"/>
                    <a:pt x="17" y="378"/>
                    <a:pt x="17" y="377"/>
                  </a:cubicBezTo>
                  <a:cubicBezTo>
                    <a:pt x="16" y="375"/>
                    <a:pt x="14" y="374"/>
                    <a:pt x="14" y="375"/>
                  </a:cubicBezTo>
                  <a:cubicBezTo>
                    <a:pt x="14" y="377"/>
                    <a:pt x="14" y="375"/>
                    <a:pt x="16" y="377"/>
                  </a:cubicBezTo>
                  <a:close/>
                  <a:moveTo>
                    <a:pt x="16" y="380"/>
                  </a:moveTo>
                  <a:cubicBezTo>
                    <a:pt x="16" y="380"/>
                    <a:pt x="16" y="378"/>
                    <a:pt x="14" y="377"/>
                  </a:cubicBezTo>
                  <a:cubicBezTo>
                    <a:pt x="13" y="377"/>
                    <a:pt x="11" y="377"/>
                    <a:pt x="13" y="377"/>
                  </a:cubicBezTo>
                  <a:cubicBezTo>
                    <a:pt x="13" y="378"/>
                    <a:pt x="13" y="377"/>
                    <a:pt x="13" y="378"/>
                  </a:cubicBezTo>
                  <a:cubicBezTo>
                    <a:pt x="14" y="378"/>
                    <a:pt x="13" y="378"/>
                    <a:pt x="14" y="380"/>
                  </a:cubicBezTo>
                  <a:cubicBezTo>
                    <a:pt x="14" y="382"/>
                    <a:pt x="14" y="380"/>
                    <a:pt x="16" y="380"/>
                  </a:cubicBezTo>
                  <a:close/>
                  <a:moveTo>
                    <a:pt x="10" y="375"/>
                  </a:moveTo>
                  <a:cubicBezTo>
                    <a:pt x="11" y="374"/>
                    <a:pt x="10" y="374"/>
                    <a:pt x="10" y="375"/>
                  </a:cubicBezTo>
                  <a:cubicBezTo>
                    <a:pt x="8" y="377"/>
                    <a:pt x="8" y="378"/>
                    <a:pt x="8" y="377"/>
                  </a:cubicBezTo>
                  <a:cubicBezTo>
                    <a:pt x="10" y="377"/>
                    <a:pt x="10" y="377"/>
                    <a:pt x="10" y="375"/>
                  </a:cubicBezTo>
                  <a:close/>
                  <a:moveTo>
                    <a:pt x="10" y="380"/>
                  </a:moveTo>
                  <a:cubicBezTo>
                    <a:pt x="10" y="380"/>
                    <a:pt x="11" y="378"/>
                    <a:pt x="10" y="378"/>
                  </a:cubicBezTo>
                  <a:cubicBezTo>
                    <a:pt x="8" y="378"/>
                    <a:pt x="8" y="378"/>
                    <a:pt x="8" y="378"/>
                  </a:cubicBezTo>
                  <a:cubicBezTo>
                    <a:pt x="8" y="378"/>
                    <a:pt x="8" y="378"/>
                    <a:pt x="10" y="380"/>
                  </a:cubicBezTo>
                  <a:close/>
                  <a:moveTo>
                    <a:pt x="6" y="369"/>
                  </a:moveTo>
                  <a:cubicBezTo>
                    <a:pt x="6" y="368"/>
                    <a:pt x="6" y="368"/>
                    <a:pt x="6" y="368"/>
                  </a:cubicBezTo>
                  <a:cubicBezTo>
                    <a:pt x="5" y="366"/>
                    <a:pt x="5" y="368"/>
                    <a:pt x="5" y="369"/>
                  </a:cubicBezTo>
                  <a:cubicBezTo>
                    <a:pt x="5" y="371"/>
                    <a:pt x="3" y="372"/>
                    <a:pt x="5" y="371"/>
                  </a:cubicBezTo>
                  <a:cubicBezTo>
                    <a:pt x="6" y="371"/>
                    <a:pt x="5" y="369"/>
                    <a:pt x="6" y="369"/>
                  </a:cubicBezTo>
                  <a:close/>
                  <a:moveTo>
                    <a:pt x="14" y="369"/>
                  </a:moveTo>
                  <a:cubicBezTo>
                    <a:pt x="13" y="369"/>
                    <a:pt x="13" y="368"/>
                    <a:pt x="13" y="368"/>
                  </a:cubicBezTo>
                  <a:cubicBezTo>
                    <a:pt x="14" y="368"/>
                    <a:pt x="14" y="369"/>
                    <a:pt x="14" y="369"/>
                  </a:cubicBezTo>
                  <a:close/>
                  <a:moveTo>
                    <a:pt x="14" y="368"/>
                  </a:moveTo>
                  <a:cubicBezTo>
                    <a:pt x="14" y="366"/>
                    <a:pt x="16" y="366"/>
                    <a:pt x="16" y="368"/>
                  </a:cubicBezTo>
                  <a:cubicBezTo>
                    <a:pt x="16" y="368"/>
                    <a:pt x="14" y="369"/>
                    <a:pt x="14" y="368"/>
                  </a:cubicBezTo>
                  <a:close/>
                  <a:moveTo>
                    <a:pt x="10" y="368"/>
                  </a:moveTo>
                  <a:cubicBezTo>
                    <a:pt x="10" y="369"/>
                    <a:pt x="11" y="369"/>
                    <a:pt x="11" y="368"/>
                  </a:cubicBezTo>
                  <a:cubicBezTo>
                    <a:pt x="10" y="368"/>
                    <a:pt x="11" y="366"/>
                    <a:pt x="10" y="366"/>
                  </a:cubicBezTo>
                  <a:cubicBezTo>
                    <a:pt x="8" y="366"/>
                    <a:pt x="8" y="368"/>
                    <a:pt x="8" y="368"/>
                  </a:cubicBezTo>
                  <a:cubicBezTo>
                    <a:pt x="6" y="369"/>
                    <a:pt x="6" y="369"/>
                    <a:pt x="8" y="369"/>
                  </a:cubicBezTo>
                  <a:cubicBezTo>
                    <a:pt x="10" y="369"/>
                    <a:pt x="10" y="368"/>
                    <a:pt x="10" y="368"/>
                  </a:cubicBezTo>
                  <a:close/>
                  <a:moveTo>
                    <a:pt x="13" y="366"/>
                  </a:moveTo>
                  <a:cubicBezTo>
                    <a:pt x="13" y="363"/>
                    <a:pt x="13" y="363"/>
                    <a:pt x="13" y="363"/>
                  </a:cubicBezTo>
                  <a:cubicBezTo>
                    <a:pt x="13" y="363"/>
                    <a:pt x="14" y="366"/>
                    <a:pt x="13" y="366"/>
                  </a:cubicBezTo>
                  <a:close/>
                  <a:moveTo>
                    <a:pt x="11" y="349"/>
                  </a:moveTo>
                  <a:cubicBezTo>
                    <a:pt x="13" y="349"/>
                    <a:pt x="11" y="347"/>
                    <a:pt x="11" y="347"/>
                  </a:cubicBezTo>
                  <a:cubicBezTo>
                    <a:pt x="11" y="349"/>
                    <a:pt x="10" y="347"/>
                    <a:pt x="11" y="347"/>
                  </a:cubicBezTo>
                  <a:cubicBezTo>
                    <a:pt x="11" y="346"/>
                    <a:pt x="11" y="344"/>
                    <a:pt x="11" y="341"/>
                  </a:cubicBezTo>
                  <a:cubicBezTo>
                    <a:pt x="11" y="338"/>
                    <a:pt x="11" y="336"/>
                    <a:pt x="11" y="336"/>
                  </a:cubicBezTo>
                  <a:cubicBezTo>
                    <a:pt x="10" y="336"/>
                    <a:pt x="10" y="336"/>
                    <a:pt x="8" y="336"/>
                  </a:cubicBezTo>
                  <a:cubicBezTo>
                    <a:pt x="6" y="338"/>
                    <a:pt x="6" y="338"/>
                    <a:pt x="6" y="338"/>
                  </a:cubicBezTo>
                  <a:cubicBezTo>
                    <a:pt x="8" y="340"/>
                    <a:pt x="6" y="340"/>
                    <a:pt x="8" y="340"/>
                  </a:cubicBezTo>
                  <a:cubicBezTo>
                    <a:pt x="8" y="341"/>
                    <a:pt x="8" y="343"/>
                    <a:pt x="8" y="344"/>
                  </a:cubicBezTo>
                  <a:cubicBezTo>
                    <a:pt x="6" y="343"/>
                    <a:pt x="6" y="343"/>
                    <a:pt x="6" y="343"/>
                  </a:cubicBezTo>
                  <a:cubicBezTo>
                    <a:pt x="5" y="344"/>
                    <a:pt x="5" y="343"/>
                    <a:pt x="5" y="343"/>
                  </a:cubicBezTo>
                  <a:cubicBezTo>
                    <a:pt x="3" y="344"/>
                    <a:pt x="3" y="344"/>
                    <a:pt x="5" y="346"/>
                  </a:cubicBezTo>
                  <a:cubicBezTo>
                    <a:pt x="5" y="347"/>
                    <a:pt x="5" y="349"/>
                    <a:pt x="6" y="351"/>
                  </a:cubicBezTo>
                  <a:cubicBezTo>
                    <a:pt x="8" y="352"/>
                    <a:pt x="8" y="349"/>
                    <a:pt x="6" y="347"/>
                  </a:cubicBezTo>
                  <a:cubicBezTo>
                    <a:pt x="6" y="346"/>
                    <a:pt x="6" y="346"/>
                    <a:pt x="8" y="347"/>
                  </a:cubicBezTo>
                  <a:cubicBezTo>
                    <a:pt x="10" y="347"/>
                    <a:pt x="8" y="347"/>
                    <a:pt x="8" y="349"/>
                  </a:cubicBezTo>
                  <a:cubicBezTo>
                    <a:pt x="8" y="351"/>
                    <a:pt x="8" y="349"/>
                    <a:pt x="8" y="351"/>
                  </a:cubicBezTo>
                  <a:cubicBezTo>
                    <a:pt x="8" y="352"/>
                    <a:pt x="8" y="352"/>
                    <a:pt x="10" y="352"/>
                  </a:cubicBezTo>
                  <a:cubicBezTo>
                    <a:pt x="13" y="352"/>
                    <a:pt x="11" y="349"/>
                    <a:pt x="11" y="349"/>
                  </a:cubicBezTo>
                  <a:close/>
                  <a:moveTo>
                    <a:pt x="5" y="360"/>
                  </a:moveTo>
                  <a:cubicBezTo>
                    <a:pt x="6" y="358"/>
                    <a:pt x="6" y="358"/>
                    <a:pt x="5" y="358"/>
                  </a:cubicBezTo>
                  <a:cubicBezTo>
                    <a:pt x="2" y="357"/>
                    <a:pt x="5" y="358"/>
                    <a:pt x="3" y="360"/>
                  </a:cubicBezTo>
                  <a:cubicBezTo>
                    <a:pt x="3" y="360"/>
                    <a:pt x="2" y="361"/>
                    <a:pt x="3" y="361"/>
                  </a:cubicBezTo>
                  <a:cubicBezTo>
                    <a:pt x="5" y="361"/>
                    <a:pt x="5" y="360"/>
                    <a:pt x="5" y="360"/>
                  </a:cubicBezTo>
                  <a:close/>
                  <a:moveTo>
                    <a:pt x="13" y="361"/>
                  </a:moveTo>
                  <a:cubicBezTo>
                    <a:pt x="14" y="361"/>
                    <a:pt x="14" y="361"/>
                    <a:pt x="13" y="360"/>
                  </a:cubicBezTo>
                  <a:cubicBezTo>
                    <a:pt x="13" y="358"/>
                    <a:pt x="13" y="358"/>
                    <a:pt x="11" y="357"/>
                  </a:cubicBezTo>
                  <a:cubicBezTo>
                    <a:pt x="11" y="357"/>
                    <a:pt x="10" y="357"/>
                    <a:pt x="11" y="358"/>
                  </a:cubicBezTo>
                  <a:cubicBezTo>
                    <a:pt x="13" y="360"/>
                    <a:pt x="10" y="358"/>
                    <a:pt x="11" y="361"/>
                  </a:cubicBezTo>
                  <a:cubicBezTo>
                    <a:pt x="13" y="361"/>
                    <a:pt x="13" y="361"/>
                    <a:pt x="13" y="361"/>
                  </a:cubicBezTo>
                  <a:close/>
                  <a:moveTo>
                    <a:pt x="3" y="349"/>
                  </a:moveTo>
                  <a:cubicBezTo>
                    <a:pt x="5" y="349"/>
                    <a:pt x="3" y="351"/>
                    <a:pt x="5" y="351"/>
                  </a:cubicBezTo>
                  <a:cubicBezTo>
                    <a:pt x="5" y="351"/>
                    <a:pt x="5" y="351"/>
                    <a:pt x="5" y="349"/>
                  </a:cubicBezTo>
                  <a:cubicBezTo>
                    <a:pt x="5" y="347"/>
                    <a:pt x="5" y="347"/>
                    <a:pt x="3" y="347"/>
                  </a:cubicBezTo>
                  <a:cubicBezTo>
                    <a:pt x="2" y="347"/>
                    <a:pt x="2" y="347"/>
                    <a:pt x="2" y="351"/>
                  </a:cubicBezTo>
                  <a:cubicBezTo>
                    <a:pt x="2" y="351"/>
                    <a:pt x="3" y="351"/>
                    <a:pt x="3" y="349"/>
                  </a:cubicBezTo>
                  <a:close/>
                  <a:moveTo>
                    <a:pt x="5" y="357"/>
                  </a:moveTo>
                  <a:cubicBezTo>
                    <a:pt x="5" y="357"/>
                    <a:pt x="5" y="358"/>
                    <a:pt x="6" y="357"/>
                  </a:cubicBezTo>
                  <a:cubicBezTo>
                    <a:pt x="6" y="355"/>
                    <a:pt x="6" y="357"/>
                    <a:pt x="8" y="357"/>
                  </a:cubicBezTo>
                  <a:cubicBezTo>
                    <a:pt x="8" y="355"/>
                    <a:pt x="6" y="355"/>
                    <a:pt x="8" y="355"/>
                  </a:cubicBezTo>
                  <a:cubicBezTo>
                    <a:pt x="10" y="354"/>
                    <a:pt x="8" y="354"/>
                    <a:pt x="8" y="354"/>
                  </a:cubicBezTo>
                  <a:cubicBezTo>
                    <a:pt x="6" y="355"/>
                    <a:pt x="8" y="352"/>
                    <a:pt x="6" y="354"/>
                  </a:cubicBezTo>
                  <a:cubicBezTo>
                    <a:pt x="6" y="354"/>
                    <a:pt x="5" y="352"/>
                    <a:pt x="3" y="352"/>
                  </a:cubicBezTo>
                  <a:cubicBezTo>
                    <a:pt x="2" y="352"/>
                    <a:pt x="6" y="354"/>
                    <a:pt x="5" y="354"/>
                  </a:cubicBezTo>
                  <a:cubicBezTo>
                    <a:pt x="5" y="355"/>
                    <a:pt x="3" y="352"/>
                    <a:pt x="3" y="355"/>
                  </a:cubicBezTo>
                  <a:cubicBezTo>
                    <a:pt x="3" y="357"/>
                    <a:pt x="5" y="355"/>
                    <a:pt x="5" y="357"/>
                  </a:cubicBezTo>
                  <a:close/>
                  <a:moveTo>
                    <a:pt x="11" y="364"/>
                  </a:moveTo>
                  <a:cubicBezTo>
                    <a:pt x="11" y="364"/>
                    <a:pt x="13" y="363"/>
                    <a:pt x="11" y="363"/>
                  </a:cubicBezTo>
                  <a:cubicBezTo>
                    <a:pt x="11" y="361"/>
                    <a:pt x="10" y="360"/>
                    <a:pt x="10" y="361"/>
                  </a:cubicBezTo>
                  <a:cubicBezTo>
                    <a:pt x="10" y="363"/>
                    <a:pt x="11" y="363"/>
                    <a:pt x="10" y="363"/>
                  </a:cubicBezTo>
                  <a:cubicBezTo>
                    <a:pt x="6" y="363"/>
                    <a:pt x="6" y="363"/>
                    <a:pt x="8" y="363"/>
                  </a:cubicBezTo>
                  <a:cubicBezTo>
                    <a:pt x="10" y="364"/>
                    <a:pt x="8" y="364"/>
                    <a:pt x="10" y="364"/>
                  </a:cubicBezTo>
                  <a:cubicBezTo>
                    <a:pt x="10" y="366"/>
                    <a:pt x="11" y="363"/>
                    <a:pt x="11" y="364"/>
                  </a:cubicBezTo>
                  <a:close/>
                  <a:moveTo>
                    <a:pt x="10" y="363"/>
                  </a:moveTo>
                  <a:cubicBezTo>
                    <a:pt x="8" y="361"/>
                    <a:pt x="6" y="361"/>
                    <a:pt x="8" y="360"/>
                  </a:cubicBezTo>
                  <a:cubicBezTo>
                    <a:pt x="10" y="363"/>
                    <a:pt x="10" y="363"/>
                    <a:pt x="10" y="363"/>
                  </a:cubicBezTo>
                  <a:close/>
                  <a:moveTo>
                    <a:pt x="11" y="366"/>
                  </a:moveTo>
                  <a:cubicBezTo>
                    <a:pt x="10" y="366"/>
                    <a:pt x="11" y="364"/>
                    <a:pt x="11" y="364"/>
                  </a:cubicBezTo>
                  <a:cubicBezTo>
                    <a:pt x="11" y="366"/>
                    <a:pt x="13" y="368"/>
                    <a:pt x="11" y="366"/>
                  </a:cubicBezTo>
                  <a:close/>
                  <a:moveTo>
                    <a:pt x="8" y="341"/>
                  </a:moveTo>
                  <a:cubicBezTo>
                    <a:pt x="8" y="341"/>
                    <a:pt x="5" y="340"/>
                    <a:pt x="5" y="341"/>
                  </a:cubicBezTo>
                  <a:cubicBezTo>
                    <a:pt x="5" y="343"/>
                    <a:pt x="6" y="341"/>
                    <a:pt x="6" y="343"/>
                  </a:cubicBezTo>
                  <a:cubicBezTo>
                    <a:pt x="8" y="343"/>
                    <a:pt x="8" y="343"/>
                    <a:pt x="8" y="341"/>
                  </a:cubicBezTo>
                  <a:close/>
                  <a:moveTo>
                    <a:pt x="11" y="335"/>
                  </a:moveTo>
                  <a:cubicBezTo>
                    <a:pt x="11" y="335"/>
                    <a:pt x="11" y="336"/>
                    <a:pt x="11" y="335"/>
                  </a:cubicBezTo>
                  <a:cubicBezTo>
                    <a:pt x="10" y="333"/>
                    <a:pt x="11" y="333"/>
                    <a:pt x="11" y="332"/>
                  </a:cubicBezTo>
                  <a:cubicBezTo>
                    <a:pt x="10" y="330"/>
                    <a:pt x="10" y="329"/>
                    <a:pt x="10" y="330"/>
                  </a:cubicBezTo>
                  <a:cubicBezTo>
                    <a:pt x="8" y="332"/>
                    <a:pt x="10" y="332"/>
                    <a:pt x="10" y="333"/>
                  </a:cubicBezTo>
                  <a:cubicBezTo>
                    <a:pt x="10" y="335"/>
                    <a:pt x="8" y="332"/>
                    <a:pt x="6" y="333"/>
                  </a:cubicBezTo>
                  <a:cubicBezTo>
                    <a:pt x="6" y="335"/>
                    <a:pt x="8" y="335"/>
                    <a:pt x="10" y="336"/>
                  </a:cubicBezTo>
                  <a:cubicBezTo>
                    <a:pt x="11" y="336"/>
                    <a:pt x="11" y="336"/>
                    <a:pt x="11" y="335"/>
                  </a:cubicBezTo>
                  <a:close/>
                  <a:moveTo>
                    <a:pt x="16" y="327"/>
                  </a:moveTo>
                  <a:cubicBezTo>
                    <a:pt x="16" y="329"/>
                    <a:pt x="16" y="327"/>
                    <a:pt x="17" y="327"/>
                  </a:cubicBezTo>
                  <a:cubicBezTo>
                    <a:pt x="17" y="327"/>
                    <a:pt x="16" y="327"/>
                    <a:pt x="14" y="326"/>
                  </a:cubicBezTo>
                  <a:cubicBezTo>
                    <a:pt x="14" y="326"/>
                    <a:pt x="11" y="326"/>
                    <a:pt x="11" y="327"/>
                  </a:cubicBezTo>
                  <a:cubicBezTo>
                    <a:pt x="11" y="329"/>
                    <a:pt x="14" y="327"/>
                    <a:pt x="16" y="327"/>
                  </a:cubicBezTo>
                  <a:close/>
                  <a:moveTo>
                    <a:pt x="8" y="333"/>
                  </a:moveTo>
                  <a:cubicBezTo>
                    <a:pt x="8" y="332"/>
                    <a:pt x="8" y="332"/>
                    <a:pt x="8" y="330"/>
                  </a:cubicBezTo>
                  <a:cubicBezTo>
                    <a:pt x="8" y="330"/>
                    <a:pt x="6" y="330"/>
                    <a:pt x="6" y="329"/>
                  </a:cubicBezTo>
                  <a:cubicBezTo>
                    <a:pt x="5" y="329"/>
                    <a:pt x="5" y="332"/>
                    <a:pt x="6" y="333"/>
                  </a:cubicBezTo>
                  <a:cubicBezTo>
                    <a:pt x="8" y="333"/>
                    <a:pt x="8" y="333"/>
                    <a:pt x="8" y="333"/>
                  </a:cubicBezTo>
                  <a:close/>
                  <a:moveTo>
                    <a:pt x="3" y="343"/>
                  </a:moveTo>
                  <a:cubicBezTo>
                    <a:pt x="3" y="341"/>
                    <a:pt x="5" y="343"/>
                    <a:pt x="3" y="341"/>
                  </a:cubicBezTo>
                  <a:cubicBezTo>
                    <a:pt x="3" y="340"/>
                    <a:pt x="3" y="341"/>
                    <a:pt x="3" y="341"/>
                  </a:cubicBezTo>
                  <a:cubicBezTo>
                    <a:pt x="2" y="341"/>
                    <a:pt x="2" y="343"/>
                    <a:pt x="2" y="343"/>
                  </a:cubicBezTo>
                  <a:cubicBezTo>
                    <a:pt x="3" y="344"/>
                    <a:pt x="3" y="344"/>
                    <a:pt x="3" y="343"/>
                  </a:cubicBezTo>
                  <a:close/>
                  <a:moveTo>
                    <a:pt x="8" y="326"/>
                  </a:moveTo>
                  <a:cubicBezTo>
                    <a:pt x="8" y="326"/>
                    <a:pt x="8" y="327"/>
                    <a:pt x="6" y="327"/>
                  </a:cubicBezTo>
                  <a:cubicBezTo>
                    <a:pt x="5" y="327"/>
                    <a:pt x="5" y="329"/>
                    <a:pt x="6" y="329"/>
                  </a:cubicBezTo>
                  <a:cubicBezTo>
                    <a:pt x="8" y="329"/>
                    <a:pt x="6" y="329"/>
                    <a:pt x="8" y="329"/>
                  </a:cubicBezTo>
                  <a:cubicBezTo>
                    <a:pt x="8" y="329"/>
                    <a:pt x="10" y="326"/>
                    <a:pt x="8" y="326"/>
                  </a:cubicBezTo>
                  <a:close/>
                  <a:moveTo>
                    <a:pt x="6" y="335"/>
                  </a:moveTo>
                  <a:cubicBezTo>
                    <a:pt x="6" y="333"/>
                    <a:pt x="5" y="332"/>
                    <a:pt x="5" y="330"/>
                  </a:cubicBezTo>
                  <a:cubicBezTo>
                    <a:pt x="3" y="329"/>
                    <a:pt x="3" y="329"/>
                    <a:pt x="3" y="329"/>
                  </a:cubicBezTo>
                  <a:cubicBezTo>
                    <a:pt x="2" y="330"/>
                    <a:pt x="3" y="330"/>
                    <a:pt x="3" y="332"/>
                  </a:cubicBezTo>
                  <a:cubicBezTo>
                    <a:pt x="2" y="332"/>
                    <a:pt x="2" y="333"/>
                    <a:pt x="3" y="333"/>
                  </a:cubicBezTo>
                  <a:cubicBezTo>
                    <a:pt x="5" y="332"/>
                    <a:pt x="5" y="333"/>
                    <a:pt x="5" y="335"/>
                  </a:cubicBezTo>
                  <a:cubicBezTo>
                    <a:pt x="5" y="336"/>
                    <a:pt x="5" y="336"/>
                    <a:pt x="5" y="336"/>
                  </a:cubicBezTo>
                  <a:cubicBezTo>
                    <a:pt x="6" y="335"/>
                    <a:pt x="6" y="335"/>
                    <a:pt x="6" y="335"/>
                  </a:cubicBezTo>
                  <a:close/>
                  <a:moveTo>
                    <a:pt x="3" y="336"/>
                  </a:moveTo>
                  <a:cubicBezTo>
                    <a:pt x="5" y="335"/>
                    <a:pt x="3" y="333"/>
                    <a:pt x="3" y="333"/>
                  </a:cubicBezTo>
                  <a:cubicBezTo>
                    <a:pt x="2" y="335"/>
                    <a:pt x="2" y="333"/>
                    <a:pt x="2" y="335"/>
                  </a:cubicBezTo>
                  <a:cubicBezTo>
                    <a:pt x="2" y="336"/>
                    <a:pt x="2" y="336"/>
                    <a:pt x="3" y="336"/>
                  </a:cubicBezTo>
                  <a:close/>
                  <a:moveTo>
                    <a:pt x="3" y="340"/>
                  </a:moveTo>
                  <a:cubicBezTo>
                    <a:pt x="5" y="340"/>
                    <a:pt x="5" y="341"/>
                    <a:pt x="5" y="340"/>
                  </a:cubicBezTo>
                  <a:cubicBezTo>
                    <a:pt x="5" y="340"/>
                    <a:pt x="5" y="338"/>
                    <a:pt x="3" y="338"/>
                  </a:cubicBezTo>
                  <a:cubicBezTo>
                    <a:pt x="3" y="338"/>
                    <a:pt x="0" y="338"/>
                    <a:pt x="2" y="340"/>
                  </a:cubicBezTo>
                  <a:cubicBezTo>
                    <a:pt x="3" y="340"/>
                    <a:pt x="3" y="340"/>
                    <a:pt x="3" y="340"/>
                  </a:cubicBezTo>
                  <a:close/>
                  <a:moveTo>
                    <a:pt x="5" y="326"/>
                  </a:moveTo>
                  <a:cubicBezTo>
                    <a:pt x="5" y="326"/>
                    <a:pt x="6" y="324"/>
                    <a:pt x="6" y="326"/>
                  </a:cubicBezTo>
                  <a:cubicBezTo>
                    <a:pt x="6" y="326"/>
                    <a:pt x="5" y="327"/>
                    <a:pt x="5" y="326"/>
                  </a:cubicBezTo>
                  <a:close/>
                  <a:moveTo>
                    <a:pt x="13" y="318"/>
                  </a:moveTo>
                  <a:cubicBezTo>
                    <a:pt x="13" y="316"/>
                    <a:pt x="16" y="316"/>
                    <a:pt x="14" y="318"/>
                  </a:cubicBezTo>
                  <a:cubicBezTo>
                    <a:pt x="13" y="318"/>
                    <a:pt x="13" y="318"/>
                    <a:pt x="13" y="318"/>
                  </a:cubicBezTo>
                  <a:close/>
                  <a:moveTo>
                    <a:pt x="3" y="336"/>
                  </a:moveTo>
                  <a:cubicBezTo>
                    <a:pt x="5" y="336"/>
                    <a:pt x="5" y="336"/>
                    <a:pt x="3" y="336"/>
                  </a:cubicBezTo>
                  <a:cubicBezTo>
                    <a:pt x="2" y="336"/>
                    <a:pt x="2" y="336"/>
                    <a:pt x="2" y="338"/>
                  </a:cubicBezTo>
                  <a:cubicBezTo>
                    <a:pt x="2" y="338"/>
                    <a:pt x="2" y="338"/>
                    <a:pt x="3" y="336"/>
                  </a:cubicBezTo>
                  <a:close/>
                  <a:moveTo>
                    <a:pt x="6" y="340"/>
                  </a:moveTo>
                  <a:cubicBezTo>
                    <a:pt x="6" y="340"/>
                    <a:pt x="6" y="338"/>
                    <a:pt x="5" y="338"/>
                  </a:cubicBezTo>
                  <a:cubicBezTo>
                    <a:pt x="5" y="338"/>
                    <a:pt x="5" y="338"/>
                    <a:pt x="5" y="340"/>
                  </a:cubicBezTo>
                  <a:cubicBezTo>
                    <a:pt x="5" y="340"/>
                    <a:pt x="5" y="340"/>
                    <a:pt x="6" y="340"/>
                  </a:cubicBezTo>
                  <a:close/>
                  <a:moveTo>
                    <a:pt x="14" y="333"/>
                  </a:moveTo>
                  <a:cubicBezTo>
                    <a:pt x="14" y="333"/>
                    <a:pt x="13" y="332"/>
                    <a:pt x="11" y="332"/>
                  </a:cubicBezTo>
                  <a:cubicBezTo>
                    <a:pt x="11" y="330"/>
                    <a:pt x="11" y="329"/>
                    <a:pt x="11" y="330"/>
                  </a:cubicBezTo>
                  <a:cubicBezTo>
                    <a:pt x="11" y="333"/>
                    <a:pt x="11" y="332"/>
                    <a:pt x="11" y="333"/>
                  </a:cubicBezTo>
                  <a:cubicBezTo>
                    <a:pt x="13" y="333"/>
                    <a:pt x="14" y="333"/>
                    <a:pt x="14" y="333"/>
                  </a:cubicBezTo>
                  <a:close/>
                </a:path>
              </a:pathLst>
            </a:custGeom>
            <a:solidFill>
              <a:schemeClr val="accent5"/>
            </a:solidFill>
            <a:ln w="6350" cmpd="sng">
              <a:solidFill>
                <a:schemeClr val="bg1"/>
              </a:solidFill>
              <a:round/>
              <a:headEnd/>
              <a:tailEnd/>
            </a:ln>
          </p:spPr>
          <p:txBody>
            <a:bodyPr/>
            <a:lstStyle/>
            <a:p>
              <a:endParaRPr lang="en-GB" sz="1633" dirty="0"/>
            </a:p>
          </p:txBody>
        </p:sp>
      </p:grpSp>
      <p:sp>
        <p:nvSpPr>
          <p:cNvPr id="3" name="Title 2"/>
          <p:cNvSpPr>
            <a:spLocks noGrp="1"/>
          </p:cNvSpPr>
          <p:nvPr>
            <p:ph type="title"/>
          </p:nvPr>
        </p:nvSpPr>
        <p:spPr/>
        <p:txBody>
          <a:bodyPr/>
          <a:lstStyle/>
          <a:p>
            <a:r>
              <a:rPr lang="en-IE" dirty="0">
                <a:latin typeface="EC Square Sans Cond Pro" panose="020B0506040000020004" pitchFamily="34" charset="0"/>
              </a:rPr>
              <a:t>International dimension of Erasmus+ 2021-2027</a:t>
            </a:r>
            <a:endParaRPr lang="en-US" dirty="0">
              <a:latin typeface="EC Square Sans Cond Pro" panose="020B0506040000020004" pitchFamily="34" charset="0"/>
            </a:endParaRPr>
          </a:p>
        </p:txBody>
      </p:sp>
      <p:grpSp>
        <p:nvGrpSpPr>
          <p:cNvPr id="300" name="Group 299"/>
          <p:cNvGrpSpPr/>
          <p:nvPr/>
        </p:nvGrpSpPr>
        <p:grpSpPr>
          <a:xfrm>
            <a:off x="363274" y="5527832"/>
            <a:ext cx="3534159" cy="1015663"/>
            <a:chOff x="370418" y="5013685"/>
            <a:chExt cx="2514340" cy="1723147"/>
          </a:xfrm>
        </p:grpSpPr>
        <p:sp>
          <p:nvSpPr>
            <p:cNvPr id="301" name="Oval 300"/>
            <p:cNvSpPr/>
            <p:nvPr/>
          </p:nvSpPr>
          <p:spPr>
            <a:xfrm>
              <a:off x="370418" y="5429118"/>
              <a:ext cx="265413" cy="605456"/>
            </a:xfrm>
            <a:prstGeom prst="ellipse">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5"/>
                </a:solidFill>
              </a:endParaRPr>
            </a:p>
          </p:txBody>
        </p:sp>
        <p:sp>
          <p:nvSpPr>
            <p:cNvPr id="302" name="TextBox 301"/>
            <p:cNvSpPr txBox="1"/>
            <p:nvPr/>
          </p:nvSpPr>
          <p:spPr>
            <a:xfrm>
              <a:off x="718096" y="5013685"/>
              <a:ext cx="2166662" cy="1723147"/>
            </a:xfrm>
            <a:prstGeom prst="rect">
              <a:avLst/>
            </a:prstGeom>
            <a:noFill/>
          </p:spPr>
          <p:txBody>
            <a:bodyPr wrap="square" rtlCol="0">
              <a:spAutoFit/>
            </a:bodyPr>
            <a:lstStyle/>
            <a:p>
              <a:r>
                <a:rPr lang="en-IE" sz="2000" dirty="0">
                  <a:solidFill>
                    <a:schemeClr val="tx2"/>
                  </a:solidFill>
                  <a:latin typeface="EC Square Sans Cond Pro" panose="020B0506040000020004" pitchFamily="34" charset="0"/>
                </a:rPr>
                <a:t>Partner countries =&gt; </a:t>
              </a:r>
            </a:p>
            <a:p>
              <a:r>
                <a:rPr lang="en-IE" sz="2000" b="1" dirty="0">
                  <a:solidFill>
                    <a:schemeClr val="tx2"/>
                  </a:solidFill>
                  <a:latin typeface="EC Square Sans Cond Pro" panose="020B0506040000020004" pitchFamily="34" charset="0"/>
                </a:rPr>
                <a:t>Non-associated third countries</a:t>
              </a:r>
              <a:endParaRPr lang="en-US" sz="2000" b="1" dirty="0">
                <a:solidFill>
                  <a:schemeClr val="tx2"/>
                </a:solidFill>
                <a:latin typeface="EC Square Sans Cond Pro" panose="020B0506040000020004" pitchFamily="34" charset="0"/>
              </a:endParaRPr>
            </a:p>
          </p:txBody>
        </p:sp>
      </p:grpSp>
      <p:grpSp>
        <p:nvGrpSpPr>
          <p:cNvPr id="303" name="Group 302"/>
          <p:cNvGrpSpPr/>
          <p:nvPr/>
        </p:nvGrpSpPr>
        <p:grpSpPr>
          <a:xfrm>
            <a:off x="380269" y="4187107"/>
            <a:ext cx="3277205" cy="1323439"/>
            <a:chOff x="337006" y="2474234"/>
            <a:chExt cx="2331533" cy="2245311"/>
          </a:xfrm>
        </p:grpSpPr>
        <p:sp>
          <p:nvSpPr>
            <p:cNvPr id="304" name="Oval 303"/>
            <p:cNvSpPr/>
            <p:nvPr/>
          </p:nvSpPr>
          <p:spPr>
            <a:xfrm>
              <a:off x="337006" y="3127995"/>
              <a:ext cx="265413" cy="605456"/>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5"/>
                </a:solidFill>
              </a:endParaRPr>
            </a:p>
          </p:txBody>
        </p:sp>
        <p:sp>
          <p:nvSpPr>
            <p:cNvPr id="305" name="TextBox 304"/>
            <p:cNvSpPr txBox="1"/>
            <p:nvPr/>
          </p:nvSpPr>
          <p:spPr>
            <a:xfrm>
              <a:off x="688064" y="2474234"/>
              <a:ext cx="1980475" cy="2245311"/>
            </a:xfrm>
            <a:prstGeom prst="rect">
              <a:avLst/>
            </a:prstGeom>
            <a:noFill/>
          </p:spPr>
          <p:txBody>
            <a:bodyPr wrap="square" rtlCol="0">
              <a:spAutoFit/>
            </a:bodyPr>
            <a:lstStyle/>
            <a:p>
              <a:r>
                <a:rPr lang="en-IE" sz="2000" dirty="0">
                  <a:solidFill>
                    <a:schemeClr val="tx2"/>
                  </a:solidFill>
                  <a:latin typeface="EC Square Sans Cond Pro" panose="020B0506040000020004" pitchFamily="34" charset="0"/>
                </a:rPr>
                <a:t>Programme countries =&gt; </a:t>
              </a:r>
              <a:r>
                <a:rPr lang="en-IE" sz="2000" b="1" dirty="0">
                  <a:solidFill>
                    <a:schemeClr val="tx2"/>
                  </a:solidFill>
                  <a:latin typeface="EC Square Sans Cond Pro" panose="020B0506040000020004" pitchFamily="34" charset="0"/>
                </a:rPr>
                <a:t>Member States and associated</a:t>
              </a:r>
              <a:endParaRPr lang="en-US" sz="2000" b="1" dirty="0">
                <a:solidFill>
                  <a:schemeClr val="tx2"/>
                </a:solidFill>
                <a:latin typeface="EC Square Sans Cond Pro" panose="020B0506040000020004" pitchFamily="34" charset="0"/>
              </a:endParaRPr>
            </a:p>
            <a:p>
              <a:r>
                <a:rPr lang="en-IE" sz="2000" b="1" dirty="0">
                  <a:solidFill>
                    <a:schemeClr val="tx2"/>
                  </a:solidFill>
                  <a:latin typeface="EC Square Sans Cond Pro" panose="020B0506040000020004" pitchFamily="34" charset="0"/>
                </a:rPr>
                <a:t>third countries</a:t>
              </a:r>
              <a:endParaRPr lang="en-US" sz="2000" b="1" dirty="0">
                <a:solidFill>
                  <a:schemeClr val="tx2"/>
                </a:solidFill>
                <a:latin typeface="EC Square Sans Cond Pro" panose="020B0506040000020004" pitchFamily="34" charset="0"/>
              </a:endParaRPr>
            </a:p>
          </p:txBody>
        </p:sp>
      </p:grpSp>
    </p:spTree>
    <p:extLst>
      <p:ext uri="{BB962C8B-B14F-4D97-AF65-F5344CB8AC3E}">
        <p14:creationId xmlns:p14="http://schemas.microsoft.com/office/powerpoint/2010/main" val="78800046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838199" y="1825625"/>
            <a:ext cx="3539837" cy="4538230"/>
          </a:xfrm>
        </p:spPr>
        <p:txBody>
          <a:bodyPr/>
          <a:lstStyle/>
          <a:p>
            <a:r>
              <a:rPr lang="en-US" sz="2800" b="1" dirty="0" err="1">
                <a:latin typeface="EC Square Sans Cond Pro" panose="020B0506040000020004" pitchFamily="34" charset="0"/>
              </a:rPr>
              <a:t>Decentralised</a:t>
            </a:r>
            <a:r>
              <a:rPr lang="en-US" sz="2800" b="1" dirty="0">
                <a:latin typeface="EC Square Sans Cond Pro" panose="020B0506040000020004" pitchFamily="34" charset="0"/>
              </a:rPr>
              <a:t> action </a:t>
            </a:r>
            <a:r>
              <a:rPr lang="en-US" sz="2800" dirty="0">
                <a:latin typeface="EC Square Sans Cond Pro" panose="020B0506040000020004" pitchFamily="34" charset="0"/>
              </a:rPr>
              <a:t>managed by the Erasmus+ National Agencies based in the </a:t>
            </a:r>
            <a:r>
              <a:rPr lang="en-US" sz="2800" dirty="0" err="1">
                <a:latin typeface="EC Square Sans Cond Pro" panose="020B0506040000020004" pitchFamily="34" charset="0"/>
              </a:rPr>
              <a:t>programme</a:t>
            </a:r>
            <a:r>
              <a:rPr lang="en-US" sz="2800" dirty="0">
                <a:latin typeface="EC Square Sans Cond Pro" panose="020B0506040000020004" pitchFamily="34" charset="0"/>
              </a:rPr>
              <a:t> countries</a:t>
            </a:r>
          </a:p>
          <a:p>
            <a:r>
              <a:rPr lang="en-US" sz="2800" b="1" dirty="0">
                <a:latin typeface="EC Square Sans Cond Pro" panose="020B0506040000020004" pitchFamily="34" charset="0"/>
              </a:rPr>
              <a:t>Global action</a:t>
            </a:r>
            <a:r>
              <a:rPr lang="en-US" sz="2800" dirty="0">
                <a:latin typeface="EC Square Sans Cond Pro" panose="020B0506040000020004" pitchFamily="34" charset="0"/>
              </a:rPr>
              <a:t>: the world is divided into regions, which have different budgets allocated per year</a:t>
            </a:r>
          </a:p>
          <a:p>
            <a:endParaRPr lang="en-US" dirty="0"/>
          </a:p>
        </p:txBody>
      </p:sp>
      <p:sp>
        <p:nvSpPr>
          <p:cNvPr id="3" name="Title 2"/>
          <p:cNvSpPr>
            <a:spLocks noGrp="1"/>
          </p:cNvSpPr>
          <p:nvPr>
            <p:ph type="title"/>
          </p:nvPr>
        </p:nvSpPr>
        <p:spPr/>
        <p:txBody>
          <a:bodyPr/>
          <a:lstStyle/>
          <a:p>
            <a:r>
              <a:rPr lang="en-IE" dirty="0">
                <a:latin typeface="EC Square Sans Cond Pro" panose="020B0506040000020004" pitchFamily="34" charset="0"/>
              </a:rPr>
              <a:t>How does it work? </a:t>
            </a:r>
            <a:endParaRPr lang="en-US" dirty="0"/>
          </a:p>
        </p:txBody>
      </p:sp>
      <p:graphicFrame>
        <p:nvGraphicFramePr>
          <p:cNvPr id="8" name="Chart 7"/>
          <p:cNvGraphicFramePr>
            <a:graphicFrameLocks/>
          </p:cNvGraphicFramePr>
          <p:nvPr/>
        </p:nvGraphicFramePr>
        <p:xfrm>
          <a:off x="4119418" y="1265218"/>
          <a:ext cx="8072582" cy="5403438"/>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187884806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IE" dirty="0">
                <a:latin typeface="EC Square Sans Cond Pro" panose="020B0506040000020004" pitchFamily="34" charset="0"/>
              </a:rPr>
              <a:t>ICM budget</a:t>
            </a:r>
            <a:endParaRPr lang="en-US" dirty="0">
              <a:latin typeface="EC Square Sans Cond Pro" panose="020B0506040000020004" pitchFamily="34" charset="0"/>
            </a:endParaRPr>
          </a:p>
        </p:txBody>
      </p:sp>
      <p:graphicFrame>
        <p:nvGraphicFramePr>
          <p:cNvPr id="6" name="Chart 5"/>
          <p:cNvGraphicFramePr>
            <a:graphicFrameLocks/>
          </p:cNvGraphicFramePr>
          <p:nvPr/>
        </p:nvGraphicFramePr>
        <p:xfrm>
          <a:off x="5900056" y="1360714"/>
          <a:ext cx="5586265" cy="4855029"/>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7" name="Chart 6"/>
          <p:cNvGraphicFramePr>
            <a:graphicFrameLocks/>
          </p:cNvGraphicFramePr>
          <p:nvPr/>
        </p:nvGraphicFramePr>
        <p:xfrm>
          <a:off x="788919" y="1360714"/>
          <a:ext cx="5439603" cy="4569526"/>
        </p:xfrm>
        <a:graphic>
          <a:graphicData uri="http://schemas.openxmlformats.org/drawingml/2006/chart">
            <c:chart xmlns:c="http://schemas.openxmlformats.org/drawingml/2006/chart" xmlns:r="http://schemas.openxmlformats.org/officeDocument/2006/relationships" r:id="rId4"/>
          </a:graphicData>
        </a:graphic>
      </p:graphicFrame>
      <p:sp>
        <p:nvSpPr>
          <p:cNvPr id="8" name="TextBox 4"/>
          <p:cNvSpPr txBox="1"/>
          <p:nvPr/>
        </p:nvSpPr>
        <p:spPr>
          <a:xfrm>
            <a:off x="2270043" y="3788228"/>
            <a:ext cx="1518185" cy="830997"/>
          </a:xfrm>
          <a:prstGeom prst="rect">
            <a:avLst/>
          </a:prstGeom>
          <a:noFill/>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en-IE" sz="2400" b="1" i="0" u="none" strike="noStrike" kern="1200" cap="none" spc="0" normalizeH="0" baseline="0" noProof="0" dirty="0">
                <a:ln>
                  <a:noFill/>
                </a:ln>
                <a:solidFill>
                  <a:srgbClr val="4D4D4D"/>
                </a:solidFill>
                <a:effectLst/>
                <a:uLnTx/>
                <a:uFillTx/>
                <a:latin typeface="EC Square Sans Cond Pro" panose="020B0506040000020004" pitchFamily="34" charset="0"/>
              </a:rPr>
              <a:t>~EUR 959 million</a:t>
            </a:r>
          </a:p>
        </p:txBody>
      </p:sp>
      <p:sp>
        <p:nvSpPr>
          <p:cNvPr id="9" name="TextBox 4"/>
          <p:cNvSpPr txBox="1"/>
          <p:nvPr/>
        </p:nvSpPr>
        <p:spPr>
          <a:xfrm>
            <a:off x="7361302" y="3788227"/>
            <a:ext cx="1630298" cy="830997"/>
          </a:xfrm>
          <a:prstGeom prst="rect">
            <a:avLst/>
          </a:prstGeom>
          <a:noFill/>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en-IE" sz="2400" b="1" i="0" u="none" strike="noStrike" kern="1200" cap="none" spc="0" normalizeH="0" baseline="0" noProof="0" dirty="0">
                <a:ln>
                  <a:noFill/>
                </a:ln>
                <a:solidFill>
                  <a:srgbClr val="4D4D4D"/>
                </a:solidFill>
                <a:effectLst/>
                <a:uLnTx/>
                <a:uFillTx/>
                <a:latin typeface="EC Square Sans Cond Pro" panose="020B0506040000020004" pitchFamily="34" charset="0"/>
              </a:rPr>
              <a:t>~EUR 1,064 </a:t>
            </a:r>
            <a:r>
              <a:rPr lang="en-IE" sz="2400" b="1" dirty="0">
                <a:solidFill>
                  <a:srgbClr val="4D4D4D"/>
                </a:solidFill>
                <a:latin typeface="EC Square Sans Cond Pro" panose="020B0506040000020004" pitchFamily="34" charset="0"/>
              </a:rPr>
              <a:t>b</a:t>
            </a:r>
            <a:r>
              <a:rPr kumimoji="0" lang="en-IE" sz="2400" b="1" i="0" u="none" strike="noStrike" kern="1200" cap="none" spc="0" normalizeH="0" baseline="0" noProof="0" dirty="0" err="1">
                <a:ln>
                  <a:noFill/>
                </a:ln>
                <a:solidFill>
                  <a:srgbClr val="4D4D4D"/>
                </a:solidFill>
                <a:effectLst/>
                <a:uLnTx/>
                <a:uFillTx/>
                <a:latin typeface="EC Square Sans Cond Pro" panose="020B0506040000020004" pitchFamily="34" charset="0"/>
              </a:rPr>
              <a:t>illion</a:t>
            </a:r>
            <a:endParaRPr kumimoji="0" lang="en-IE" sz="2400" b="1" i="0" u="none" strike="noStrike" kern="1200" cap="none" spc="0" normalizeH="0" baseline="0" noProof="0" dirty="0">
              <a:ln>
                <a:noFill/>
              </a:ln>
              <a:solidFill>
                <a:srgbClr val="4D4D4D"/>
              </a:solidFill>
              <a:effectLst/>
              <a:uLnTx/>
              <a:uFillTx/>
              <a:latin typeface="EC Square Sans Cond Pro" panose="020B0506040000020004" pitchFamily="34" charset="0"/>
            </a:endParaRPr>
          </a:p>
        </p:txBody>
      </p:sp>
    </p:spTree>
    <p:extLst>
      <p:ext uri="{BB962C8B-B14F-4D97-AF65-F5344CB8AC3E}">
        <p14:creationId xmlns:p14="http://schemas.microsoft.com/office/powerpoint/2010/main" val="366843103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IE" dirty="0">
                <a:latin typeface="EC Square Sans Cond Pro" panose="020B0506040000020004" pitchFamily="34" charset="0"/>
              </a:rPr>
              <a:t>ICM budget per National Agency 2022</a:t>
            </a:r>
            <a:endParaRPr lang="en-US" dirty="0">
              <a:latin typeface="EC Square Sans Cond Pro" panose="020B0506040000020004" pitchFamily="34" charset="0"/>
            </a:endParaRPr>
          </a:p>
        </p:txBody>
      </p:sp>
      <p:pic>
        <p:nvPicPr>
          <p:cNvPr id="2" name="Picture 1">
            <a:extLst>
              <a:ext uri="{FF2B5EF4-FFF2-40B4-BE49-F238E27FC236}">
                <a16:creationId xmlns:a16="http://schemas.microsoft.com/office/drawing/2014/main" id="{46731DA2-DDD4-4B17-84B0-2FD38BD147FC}"/>
              </a:ext>
            </a:extLst>
          </p:cNvPr>
          <p:cNvPicPr>
            <a:picLocks noChangeAspect="1"/>
          </p:cNvPicPr>
          <p:nvPr/>
        </p:nvPicPr>
        <p:blipFill rotWithShape="1">
          <a:blip r:embed="rId3"/>
          <a:srcRect t="14838"/>
          <a:stretch/>
        </p:blipFill>
        <p:spPr>
          <a:xfrm>
            <a:off x="705678" y="1480456"/>
            <a:ext cx="10223579" cy="5256387"/>
          </a:xfrm>
          <a:prstGeom prst="rect">
            <a:avLst/>
          </a:prstGeom>
        </p:spPr>
      </p:pic>
    </p:spTree>
    <p:extLst>
      <p:ext uri="{BB962C8B-B14F-4D97-AF65-F5344CB8AC3E}">
        <p14:creationId xmlns:p14="http://schemas.microsoft.com/office/powerpoint/2010/main" val="88017350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a:latin typeface="EC Square Sans Cond Pro" panose="020B0506040000020004" pitchFamily="34" charset="0"/>
              </a:rPr>
              <a:t>Short-term higher education mobility for students, academic and administrative staff</a:t>
            </a:r>
          </a:p>
          <a:p>
            <a:r>
              <a:rPr lang="en-US" dirty="0">
                <a:latin typeface="EC Square Sans Cond Pro" panose="020B0506040000020004" pitchFamily="34" charset="0"/>
              </a:rPr>
              <a:t>All levels: Bachelor, Master and PhD candidates </a:t>
            </a:r>
          </a:p>
          <a:p>
            <a:r>
              <a:rPr lang="en-US" dirty="0">
                <a:latin typeface="EC Square Sans Cond Pro" panose="020B0506040000020004" pitchFamily="34" charset="0"/>
              </a:rPr>
              <a:t>Mobility in any subject or academic discipline</a:t>
            </a:r>
          </a:p>
          <a:p>
            <a:r>
              <a:rPr lang="en-US" dirty="0">
                <a:latin typeface="EC Square Sans Cond Pro" panose="020B0506040000020004" pitchFamily="34" charset="0"/>
              </a:rPr>
              <a:t>Also supports traineeships for students and training for staff</a:t>
            </a:r>
          </a:p>
          <a:p>
            <a:r>
              <a:rPr lang="en-US" dirty="0">
                <a:latin typeface="EC Square Sans Cond Pro" panose="020B0506040000020004" pitchFamily="34" charset="0"/>
              </a:rPr>
              <a:t>Study periods and traineeships of 2 – 12  months</a:t>
            </a:r>
          </a:p>
          <a:p>
            <a:r>
              <a:rPr lang="en-US" dirty="0">
                <a:latin typeface="EC Square Sans Cond Pro" panose="020B0506040000020004" pitchFamily="34" charset="0"/>
              </a:rPr>
              <a:t>Blended mobility (physical mobility of 5 – 30 days + virtual component)</a:t>
            </a:r>
          </a:p>
          <a:p>
            <a:endParaRPr lang="en-US" dirty="0"/>
          </a:p>
        </p:txBody>
      </p:sp>
      <p:sp>
        <p:nvSpPr>
          <p:cNvPr id="3" name="Title 2"/>
          <p:cNvSpPr>
            <a:spLocks noGrp="1"/>
          </p:cNvSpPr>
          <p:nvPr>
            <p:ph type="title"/>
          </p:nvPr>
        </p:nvSpPr>
        <p:spPr/>
        <p:txBody>
          <a:bodyPr/>
          <a:lstStyle/>
          <a:p>
            <a:r>
              <a:rPr lang="en-IE" dirty="0">
                <a:latin typeface="EC Square Sans Cond Pro" panose="020B0506040000020004" pitchFamily="34" charset="0"/>
              </a:rPr>
              <a:t>Activities supported (I)</a:t>
            </a:r>
            <a:endParaRPr lang="en-US" dirty="0">
              <a:latin typeface="EC Square Sans Cond Pro" panose="020B0506040000020004" pitchFamily="34" charset="0"/>
            </a:endParaRPr>
          </a:p>
        </p:txBody>
      </p:sp>
      <p:grpSp>
        <p:nvGrpSpPr>
          <p:cNvPr id="5" name="Group 44"/>
          <p:cNvGrpSpPr>
            <a:grpSpLocks/>
          </p:cNvGrpSpPr>
          <p:nvPr/>
        </p:nvGrpSpPr>
        <p:grpSpPr bwMode="auto">
          <a:xfrm>
            <a:off x="472297" y="482860"/>
            <a:ext cx="11486323" cy="6151418"/>
            <a:chOff x="56" y="1006"/>
            <a:chExt cx="5634" cy="3048"/>
          </a:xfrm>
          <a:solidFill>
            <a:srgbClr val="0070C0">
              <a:alpha val="14000"/>
            </a:srgbClr>
          </a:solidFill>
        </p:grpSpPr>
        <p:sp>
          <p:nvSpPr>
            <p:cNvPr id="6" name="Freeform 5"/>
            <p:cNvSpPr>
              <a:spLocks noChangeAspect="1" noEditPoints="1"/>
            </p:cNvSpPr>
            <p:nvPr/>
          </p:nvSpPr>
          <p:spPr bwMode="auto">
            <a:xfrm>
              <a:off x="2489" y="1006"/>
              <a:ext cx="3201" cy="2883"/>
            </a:xfrm>
            <a:custGeom>
              <a:avLst/>
              <a:gdLst>
                <a:gd name="T0" fmla="*/ 3199 w 3062"/>
                <a:gd name="T1" fmla="*/ 2916 h 2758"/>
                <a:gd name="T2" fmla="*/ 3131 w 3062"/>
                <a:gd name="T3" fmla="*/ 2781 h 2758"/>
                <a:gd name="T4" fmla="*/ 3250 w 3062"/>
                <a:gd name="T5" fmla="*/ 2698 h 2758"/>
                <a:gd name="T6" fmla="*/ 3210 w 3062"/>
                <a:gd name="T7" fmla="*/ 2568 h 2758"/>
                <a:gd name="T8" fmla="*/ 4355 w 3062"/>
                <a:gd name="T9" fmla="*/ 629 h 2758"/>
                <a:gd name="T10" fmla="*/ 3688 w 3062"/>
                <a:gd name="T11" fmla="*/ 428 h 2758"/>
                <a:gd name="T12" fmla="*/ 3304 w 3062"/>
                <a:gd name="T13" fmla="*/ 358 h 2758"/>
                <a:gd name="T14" fmla="*/ 2996 w 3062"/>
                <a:gd name="T15" fmla="*/ 215 h 2758"/>
                <a:gd name="T16" fmla="*/ 2209 w 3062"/>
                <a:gd name="T17" fmla="*/ 448 h 2758"/>
                <a:gd name="T18" fmla="*/ 1961 w 3062"/>
                <a:gd name="T19" fmla="*/ 652 h 2758"/>
                <a:gd name="T20" fmla="*/ 1449 w 3062"/>
                <a:gd name="T21" fmla="*/ 783 h 2758"/>
                <a:gd name="T22" fmla="*/ 1257 w 3062"/>
                <a:gd name="T23" fmla="*/ 942 h 2758"/>
                <a:gd name="T24" fmla="*/ 1159 w 3062"/>
                <a:gd name="T25" fmla="*/ 629 h 2758"/>
                <a:gd name="T26" fmla="*/ 749 w 3062"/>
                <a:gd name="T27" fmla="*/ 721 h 2758"/>
                <a:gd name="T28" fmla="*/ 659 w 3062"/>
                <a:gd name="T29" fmla="*/ 1185 h 2758"/>
                <a:gd name="T30" fmla="*/ 799 w 3062"/>
                <a:gd name="T31" fmla="*/ 1111 h 2758"/>
                <a:gd name="T32" fmla="*/ 1050 w 3062"/>
                <a:gd name="T33" fmla="*/ 1140 h 2758"/>
                <a:gd name="T34" fmla="*/ 769 w 3062"/>
                <a:gd name="T35" fmla="*/ 1398 h 2758"/>
                <a:gd name="T36" fmla="*/ 602 w 3062"/>
                <a:gd name="T37" fmla="*/ 1405 h 2758"/>
                <a:gd name="T38" fmla="*/ 337 w 3062"/>
                <a:gd name="T39" fmla="*/ 1647 h 2758"/>
                <a:gd name="T40" fmla="*/ 244 w 3062"/>
                <a:gd name="T41" fmla="*/ 1970 h 2758"/>
                <a:gd name="T42" fmla="*/ 757 w 3062"/>
                <a:gd name="T43" fmla="*/ 1960 h 2758"/>
                <a:gd name="T44" fmla="*/ 850 w 3062"/>
                <a:gd name="T45" fmla="*/ 1876 h 2758"/>
                <a:gd name="T46" fmla="*/ 1114 w 3062"/>
                <a:gd name="T47" fmla="*/ 1982 h 2758"/>
                <a:gd name="T48" fmla="*/ 796 w 3062"/>
                <a:gd name="T49" fmla="*/ 2138 h 2758"/>
                <a:gd name="T50" fmla="*/ 283 w 3062"/>
                <a:gd name="T51" fmla="*/ 2017 h 2758"/>
                <a:gd name="T52" fmla="*/ 48 w 3062"/>
                <a:gd name="T53" fmla="*/ 2642 h 2758"/>
                <a:gd name="T54" fmla="*/ 583 w 3062"/>
                <a:gd name="T55" fmla="*/ 2798 h 2758"/>
                <a:gd name="T56" fmla="*/ 721 w 3062"/>
                <a:gd name="T57" fmla="*/ 3430 h 2758"/>
                <a:gd name="T58" fmla="*/ 1249 w 3062"/>
                <a:gd name="T59" fmla="*/ 3321 h 2758"/>
                <a:gd name="T60" fmla="*/ 1571 w 3062"/>
                <a:gd name="T61" fmla="*/ 2638 h 2758"/>
                <a:gd name="T62" fmla="*/ 1341 w 3062"/>
                <a:gd name="T63" fmla="*/ 2440 h 2758"/>
                <a:gd name="T64" fmla="*/ 1578 w 3062"/>
                <a:gd name="T65" fmla="*/ 2287 h 2758"/>
                <a:gd name="T66" fmla="*/ 2068 w 3062"/>
                <a:gd name="T67" fmla="*/ 2380 h 2758"/>
                <a:gd name="T68" fmla="*/ 2577 w 3062"/>
                <a:gd name="T69" fmla="*/ 2498 h 2758"/>
                <a:gd name="T70" fmla="*/ 2758 w 3062"/>
                <a:gd name="T71" fmla="*/ 2597 h 2758"/>
                <a:gd name="T72" fmla="*/ 3098 w 3062"/>
                <a:gd name="T73" fmla="*/ 2339 h 2758"/>
                <a:gd name="T74" fmla="*/ 3218 w 3062"/>
                <a:gd name="T75" fmla="*/ 1876 h 2758"/>
                <a:gd name="T76" fmla="*/ 3450 w 3062"/>
                <a:gd name="T77" fmla="*/ 1815 h 2758"/>
                <a:gd name="T78" fmla="*/ 3843 w 3062"/>
                <a:gd name="T79" fmla="*/ 1185 h 2758"/>
                <a:gd name="T80" fmla="*/ 4028 w 3062"/>
                <a:gd name="T81" fmla="*/ 1271 h 2758"/>
                <a:gd name="T82" fmla="*/ 4336 w 3062"/>
                <a:gd name="T83" fmla="*/ 1174 h 2758"/>
                <a:gd name="T84" fmla="*/ 1289 w 3062"/>
                <a:gd name="T85" fmla="*/ 1853 h 2758"/>
                <a:gd name="T86" fmla="*/ 1295 w 3062"/>
                <a:gd name="T87" fmla="*/ 1737 h 2758"/>
                <a:gd name="T88" fmla="*/ 1461 w 3062"/>
                <a:gd name="T89" fmla="*/ 1872 h 2758"/>
                <a:gd name="T90" fmla="*/ 1702 w 3062"/>
                <a:gd name="T91" fmla="*/ 391 h 2758"/>
                <a:gd name="T92" fmla="*/ 1613 w 3062"/>
                <a:gd name="T93" fmla="*/ 375 h 2758"/>
                <a:gd name="T94" fmla="*/ 178 w 3062"/>
                <a:gd name="T95" fmla="*/ 1468 h 2758"/>
                <a:gd name="T96" fmla="*/ 2703 w 3062"/>
                <a:gd name="T97" fmla="*/ 2894 h 2758"/>
                <a:gd name="T98" fmla="*/ 1536 w 3062"/>
                <a:gd name="T99" fmla="*/ 3189 h 2758"/>
                <a:gd name="T100" fmla="*/ 309 w 3062"/>
                <a:gd name="T101" fmla="*/ 1546 h 2758"/>
                <a:gd name="T102" fmla="*/ 307 w 3062"/>
                <a:gd name="T103" fmla="*/ 1254 h 2758"/>
                <a:gd name="T104" fmla="*/ 4445 w 3062"/>
                <a:gd name="T105" fmla="*/ 3933 h 2758"/>
                <a:gd name="T106" fmla="*/ 4294 w 3062"/>
                <a:gd name="T107" fmla="*/ 4108 h 2758"/>
                <a:gd name="T108" fmla="*/ 3444 w 3062"/>
                <a:gd name="T109" fmla="*/ 2076 h 2758"/>
                <a:gd name="T110" fmla="*/ 3629 w 3062"/>
                <a:gd name="T111" fmla="*/ 3082 h 2758"/>
                <a:gd name="T112" fmla="*/ 3458 w 3062"/>
                <a:gd name="T113" fmla="*/ 2901 h 2758"/>
                <a:gd name="T114" fmla="*/ 3554 w 3062"/>
                <a:gd name="T115" fmla="*/ 3186 h 2758"/>
                <a:gd name="T116" fmla="*/ 3061 w 3062"/>
                <a:gd name="T117" fmla="*/ 3647 h 2758"/>
                <a:gd name="T118" fmla="*/ 3794 w 3062"/>
                <a:gd name="T119" fmla="*/ 3861 h 2758"/>
                <a:gd name="T120" fmla="*/ 3690 w 3062"/>
                <a:gd name="T121" fmla="*/ 1421 h 2758"/>
                <a:gd name="T122" fmla="*/ 3709 w 3062"/>
                <a:gd name="T123" fmla="*/ 1826 h 2758"/>
                <a:gd name="T124" fmla="*/ 3590 w 3062"/>
                <a:gd name="T125" fmla="*/ 2026 h 2758"/>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3062" h="2758">
                  <a:moveTo>
                    <a:pt x="1982" y="1630"/>
                  </a:moveTo>
                  <a:lnTo>
                    <a:pt x="1982" y="1630"/>
                  </a:lnTo>
                  <a:lnTo>
                    <a:pt x="1976" y="1628"/>
                  </a:lnTo>
                  <a:lnTo>
                    <a:pt x="1972" y="1630"/>
                  </a:lnTo>
                  <a:lnTo>
                    <a:pt x="1962" y="1640"/>
                  </a:lnTo>
                  <a:lnTo>
                    <a:pt x="1960" y="1644"/>
                  </a:lnTo>
                  <a:lnTo>
                    <a:pt x="1962" y="1650"/>
                  </a:lnTo>
                  <a:lnTo>
                    <a:pt x="1966" y="1652"/>
                  </a:lnTo>
                  <a:lnTo>
                    <a:pt x="1972" y="1650"/>
                  </a:lnTo>
                  <a:lnTo>
                    <a:pt x="1982" y="1640"/>
                  </a:lnTo>
                  <a:lnTo>
                    <a:pt x="1984" y="1634"/>
                  </a:lnTo>
                  <a:lnTo>
                    <a:pt x="1982" y="1630"/>
                  </a:lnTo>
                  <a:close/>
                  <a:moveTo>
                    <a:pt x="2112" y="1982"/>
                  </a:moveTo>
                  <a:lnTo>
                    <a:pt x="2112" y="1982"/>
                  </a:lnTo>
                  <a:lnTo>
                    <a:pt x="2116" y="1994"/>
                  </a:lnTo>
                  <a:lnTo>
                    <a:pt x="2120" y="2000"/>
                  </a:lnTo>
                  <a:lnTo>
                    <a:pt x="2122" y="2006"/>
                  </a:lnTo>
                  <a:lnTo>
                    <a:pt x="2122" y="2014"/>
                  </a:lnTo>
                  <a:lnTo>
                    <a:pt x="2122" y="2018"/>
                  </a:lnTo>
                  <a:lnTo>
                    <a:pt x="2124" y="2022"/>
                  </a:lnTo>
                  <a:lnTo>
                    <a:pt x="2126" y="2024"/>
                  </a:lnTo>
                  <a:lnTo>
                    <a:pt x="2128" y="2026"/>
                  </a:lnTo>
                  <a:lnTo>
                    <a:pt x="2130" y="2026"/>
                  </a:lnTo>
                  <a:lnTo>
                    <a:pt x="2134" y="2026"/>
                  </a:lnTo>
                  <a:lnTo>
                    <a:pt x="2140" y="2024"/>
                  </a:lnTo>
                  <a:lnTo>
                    <a:pt x="2142" y="2022"/>
                  </a:lnTo>
                  <a:lnTo>
                    <a:pt x="2142" y="2008"/>
                  </a:lnTo>
                  <a:lnTo>
                    <a:pt x="2142" y="1996"/>
                  </a:lnTo>
                  <a:lnTo>
                    <a:pt x="2144" y="1992"/>
                  </a:lnTo>
                  <a:lnTo>
                    <a:pt x="2146" y="1994"/>
                  </a:lnTo>
                  <a:lnTo>
                    <a:pt x="2148" y="2000"/>
                  </a:lnTo>
                  <a:lnTo>
                    <a:pt x="2158" y="2012"/>
                  </a:lnTo>
                  <a:lnTo>
                    <a:pt x="2166" y="2020"/>
                  </a:lnTo>
                  <a:lnTo>
                    <a:pt x="2172" y="2024"/>
                  </a:lnTo>
                  <a:lnTo>
                    <a:pt x="2180" y="2026"/>
                  </a:lnTo>
                  <a:lnTo>
                    <a:pt x="2184" y="2026"/>
                  </a:lnTo>
                  <a:lnTo>
                    <a:pt x="2186" y="2026"/>
                  </a:lnTo>
                  <a:lnTo>
                    <a:pt x="2188" y="2024"/>
                  </a:lnTo>
                  <a:lnTo>
                    <a:pt x="2190" y="2022"/>
                  </a:lnTo>
                  <a:lnTo>
                    <a:pt x="2188" y="2020"/>
                  </a:lnTo>
                  <a:lnTo>
                    <a:pt x="2186" y="2014"/>
                  </a:lnTo>
                  <a:lnTo>
                    <a:pt x="2176" y="2002"/>
                  </a:lnTo>
                  <a:lnTo>
                    <a:pt x="2168" y="1992"/>
                  </a:lnTo>
                  <a:lnTo>
                    <a:pt x="2166" y="1988"/>
                  </a:lnTo>
                  <a:lnTo>
                    <a:pt x="2166" y="1984"/>
                  </a:lnTo>
                  <a:lnTo>
                    <a:pt x="2168" y="1982"/>
                  </a:lnTo>
                  <a:lnTo>
                    <a:pt x="2178" y="1972"/>
                  </a:lnTo>
                  <a:lnTo>
                    <a:pt x="2180" y="1968"/>
                  </a:lnTo>
                  <a:lnTo>
                    <a:pt x="2182" y="1962"/>
                  </a:lnTo>
                  <a:lnTo>
                    <a:pt x="2180" y="1960"/>
                  </a:lnTo>
                  <a:lnTo>
                    <a:pt x="2174" y="1958"/>
                  </a:lnTo>
                  <a:lnTo>
                    <a:pt x="2150" y="1958"/>
                  </a:lnTo>
                  <a:lnTo>
                    <a:pt x="2148" y="1958"/>
                  </a:lnTo>
                  <a:lnTo>
                    <a:pt x="2146" y="1956"/>
                  </a:lnTo>
                  <a:lnTo>
                    <a:pt x="2146" y="1954"/>
                  </a:lnTo>
                  <a:lnTo>
                    <a:pt x="2146" y="1950"/>
                  </a:lnTo>
                  <a:lnTo>
                    <a:pt x="2148" y="1946"/>
                  </a:lnTo>
                  <a:lnTo>
                    <a:pt x="2158" y="1934"/>
                  </a:lnTo>
                  <a:lnTo>
                    <a:pt x="2158" y="1932"/>
                  </a:lnTo>
                  <a:lnTo>
                    <a:pt x="2158" y="1930"/>
                  </a:lnTo>
                  <a:lnTo>
                    <a:pt x="2154" y="1928"/>
                  </a:lnTo>
                  <a:lnTo>
                    <a:pt x="2150" y="1928"/>
                  </a:lnTo>
                  <a:lnTo>
                    <a:pt x="2144" y="1930"/>
                  </a:lnTo>
                  <a:lnTo>
                    <a:pt x="2138" y="1934"/>
                  </a:lnTo>
                  <a:lnTo>
                    <a:pt x="2130" y="1946"/>
                  </a:lnTo>
                  <a:lnTo>
                    <a:pt x="2116" y="1970"/>
                  </a:lnTo>
                  <a:lnTo>
                    <a:pt x="2112" y="1982"/>
                  </a:lnTo>
                  <a:close/>
                  <a:moveTo>
                    <a:pt x="1966" y="1940"/>
                  </a:moveTo>
                  <a:lnTo>
                    <a:pt x="1966" y="1940"/>
                  </a:lnTo>
                  <a:lnTo>
                    <a:pt x="1968" y="1948"/>
                  </a:lnTo>
                  <a:lnTo>
                    <a:pt x="1970" y="1954"/>
                  </a:lnTo>
                  <a:lnTo>
                    <a:pt x="1972" y="1960"/>
                  </a:lnTo>
                  <a:lnTo>
                    <a:pt x="1980" y="1974"/>
                  </a:lnTo>
                  <a:lnTo>
                    <a:pt x="1982" y="1980"/>
                  </a:lnTo>
                  <a:lnTo>
                    <a:pt x="1988" y="1984"/>
                  </a:lnTo>
                  <a:lnTo>
                    <a:pt x="1994" y="1986"/>
                  </a:lnTo>
                  <a:lnTo>
                    <a:pt x="1998" y="1986"/>
                  </a:lnTo>
                  <a:lnTo>
                    <a:pt x="2014" y="1986"/>
                  </a:lnTo>
                  <a:lnTo>
                    <a:pt x="2018" y="1986"/>
                  </a:lnTo>
                  <a:lnTo>
                    <a:pt x="2024" y="1988"/>
                  </a:lnTo>
                  <a:lnTo>
                    <a:pt x="2032" y="1990"/>
                  </a:lnTo>
                  <a:lnTo>
                    <a:pt x="2038" y="1992"/>
                  </a:lnTo>
                  <a:lnTo>
                    <a:pt x="2044" y="1996"/>
                  </a:lnTo>
                  <a:lnTo>
                    <a:pt x="2052" y="1996"/>
                  </a:lnTo>
                  <a:lnTo>
                    <a:pt x="2056" y="1996"/>
                  </a:lnTo>
                  <a:lnTo>
                    <a:pt x="2062" y="1994"/>
                  </a:lnTo>
                  <a:lnTo>
                    <a:pt x="2066" y="1988"/>
                  </a:lnTo>
                  <a:lnTo>
                    <a:pt x="2072" y="1974"/>
                  </a:lnTo>
                  <a:lnTo>
                    <a:pt x="2074" y="1968"/>
                  </a:lnTo>
                  <a:lnTo>
                    <a:pt x="2078" y="1962"/>
                  </a:lnTo>
                  <a:lnTo>
                    <a:pt x="2088" y="1950"/>
                  </a:lnTo>
                  <a:lnTo>
                    <a:pt x="2090" y="1944"/>
                  </a:lnTo>
                  <a:lnTo>
                    <a:pt x="2094" y="1932"/>
                  </a:lnTo>
                  <a:lnTo>
                    <a:pt x="2096" y="1928"/>
                  </a:lnTo>
                  <a:lnTo>
                    <a:pt x="2100" y="1924"/>
                  </a:lnTo>
                  <a:lnTo>
                    <a:pt x="2106" y="1922"/>
                  </a:lnTo>
                  <a:lnTo>
                    <a:pt x="2108" y="1920"/>
                  </a:lnTo>
                  <a:lnTo>
                    <a:pt x="2108" y="1918"/>
                  </a:lnTo>
                  <a:lnTo>
                    <a:pt x="2108" y="1916"/>
                  </a:lnTo>
                  <a:lnTo>
                    <a:pt x="2106" y="1914"/>
                  </a:lnTo>
                  <a:lnTo>
                    <a:pt x="2100" y="1912"/>
                  </a:lnTo>
                  <a:lnTo>
                    <a:pt x="2096" y="1908"/>
                  </a:lnTo>
                  <a:lnTo>
                    <a:pt x="2094" y="1900"/>
                  </a:lnTo>
                  <a:lnTo>
                    <a:pt x="2094" y="1898"/>
                  </a:lnTo>
                  <a:lnTo>
                    <a:pt x="2094" y="1882"/>
                  </a:lnTo>
                  <a:lnTo>
                    <a:pt x="2094" y="1878"/>
                  </a:lnTo>
                  <a:lnTo>
                    <a:pt x="2096" y="1870"/>
                  </a:lnTo>
                  <a:lnTo>
                    <a:pt x="2100" y="1866"/>
                  </a:lnTo>
                  <a:lnTo>
                    <a:pt x="2106" y="1864"/>
                  </a:lnTo>
                  <a:lnTo>
                    <a:pt x="2108" y="1862"/>
                  </a:lnTo>
                  <a:lnTo>
                    <a:pt x="2110" y="1858"/>
                  </a:lnTo>
                  <a:lnTo>
                    <a:pt x="2110" y="1856"/>
                  </a:lnTo>
                  <a:lnTo>
                    <a:pt x="2110" y="1852"/>
                  </a:lnTo>
                  <a:lnTo>
                    <a:pt x="2106" y="1848"/>
                  </a:lnTo>
                  <a:lnTo>
                    <a:pt x="2102" y="1842"/>
                  </a:lnTo>
                  <a:lnTo>
                    <a:pt x="2096" y="1836"/>
                  </a:lnTo>
                  <a:lnTo>
                    <a:pt x="2090" y="1834"/>
                  </a:lnTo>
                  <a:lnTo>
                    <a:pt x="2084" y="1832"/>
                  </a:lnTo>
                  <a:lnTo>
                    <a:pt x="2076" y="1834"/>
                  </a:lnTo>
                  <a:lnTo>
                    <a:pt x="2052" y="1846"/>
                  </a:lnTo>
                  <a:lnTo>
                    <a:pt x="2046" y="1850"/>
                  </a:lnTo>
                  <a:lnTo>
                    <a:pt x="2040" y="1856"/>
                  </a:lnTo>
                  <a:lnTo>
                    <a:pt x="2020" y="1882"/>
                  </a:lnTo>
                  <a:lnTo>
                    <a:pt x="2014" y="1888"/>
                  </a:lnTo>
                  <a:lnTo>
                    <a:pt x="2008" y="1892"/>
                  </a:lnTo>
                  <a:lnTo>
                    <a:pt x="2004" y="1896"/>
                  </a:lnTo>
                  <a:lnTo>
                    <a:pt x="1988" y="1902"/>
                  </a:lnTo>
                  <a:lnTo>
                    <a:pt x="1984" y="1904"/>
                  </a:lnTo>
                  <a:lnTo>
                    <a:pt x="1972" y="1914"/>
                  </a:lnTo>
                  <a:lnTo>
                    <a:pt x="1968" y="1920"/>
                  </a:lnTo>
                  <a:lnTo>
                    <a:pt x="1966" y="1926"/>
                  </a:lnTo>
                  <a:lnTo>
                    <a:pt x="1966" y="1940"/>
                  </a:lnTo>
                  <a:close/>
                  <a:moveTo>
                    <a:pt x="2180" y="1810"/>
                  </a:moveTo>
                  <a:lnTo>
                    <a:pt x="2180" y="1810"/>
                  </a:lnTo>
                  <a:lnTo>
                    <a:pt x="2174" y="1814"/>
                  </a:lnTo>
                  <a:lnTo>
                    <a:pt x="2170" y="1818"/>
                  </a:lnTo>
                  <a:lnTo>
                    <a:pt x="2164" y="1832"/>
                  </a:lnTo>
                  <a:lnTo>
                    <a:pt x="2164" y="1834"/>
                  </a:lnTo>
                  <a:lnTo>
                    <a:pt x="2164" y="1836"/>
                  </a:lnTo>
                  <a:lnTo>
                    <a:pt x="2166" y="1838"/>
                  </a:lnTo>
                  <a:lnTo>
                    <a:pt x="2168" y="1836"/>
                  </a:lnTo>
                  <a:lnTo>
                    <a:pt x="2174" y="1834"/>
                  </a:lnTo>
                  <a:lnTo>
                    <a:pt x="2180" y="1832"/>
                  </a:lnTo>
                  <a:lnTo>
                    <a:pt x="2186" y="1834"/>
                  </a:lnTo>
                  <a:lnTo>
                    <a:pt x="2192" y="1838"/>
                  </a:lnTo>
                  <a:lnTo>
                    <a:pt x="2200" y="1840"/>
                  </a:lnTo>
                  <a:lnTo>
                    <a:pt x="2204" y="1840"/>
                  </a:lnTo>
                  <a:lnTo>
                    <a:pt x="2210" y="1840"/>
                  </a:lnTo>
                  <a:lnTo>
                    <a:pt x="2218" y="1844"/>
                  </a:lnTo>
                  <a:lnTo>
                    <a:pt x="2224" y="1846"/>
                  </a:lnTo>
                  <a:lnTo>
                    <a:pt x="2226" y="1846"/>
                  </a:lnTo>
                  <a:lnTo>
                    <a:pt x="2228" y="1846"/>
                  </a:lnTo>
                  <a:lnTo>
                    <a:pt x="2230" y="1844"/>
                  </a:lnTo>
                  <a:lnTo>
                    <a:pt x="2230" y="1842"/>
                  </a:lnTo>
                  <a:lnTo>
                    <a:pt x="2230" y="1818"/>
                  </a:lnTo>
                  <a:lnTo>
                    <a:pt x="2230" y="1812"/>
                  </a:lnTo>
                  <a:lnTo>
                    <a:pt x="2226" y="1806"/>
                  </a:lnTo>
                  <a:lnTo>
                    <a:pt x="2216" y="1798"/>
                  </a:lnTo>
                  <a:lnTo>
                    <a:pt x="2214" y="1796"/>
                  </a:lnTo>
                  <a:lnTo>
                    <a:pt x="2212" y="1794"/>
                  </a:lnTo>
                  <a:lnTo>
                    <a:pt x="2208" y="1796"/>
                  </a:lnTo>
                  <a:lnTo>
                    <a:pt x="2206" y="1798"/>
                  </a:lnTo>
                  <a:lnTo>
                    <a:pt x="2198" y="1806"/>
                  </a:lnTo>
                  <a:lnTo>
                    <a:pt x="2190" y="1810"/>
                  </a:lnTo>
                  <a:lnTo>
                    <a:pt x="2184" y="1810"/>
                  </a:lnTo>
                  <a:lnTo>
                    <a:pt x="2180" y="1810"/>
                  </a:lnTo>
                  <a:close/>
                  <a:moveTo>
                    <a:pt x="2152" y="1544"/>
                  </a:moveTo>
                  <a:lnTo>
                    <a:pt x="2152" y="1544"/>
                  </a:lnTo>
                  <a:lnTo>
                    <a:pt x="2152" y="1542"/>
                  </a:lnTo>
                  <a:lnTo>
                    <a:pt x="2152" y="1540"/>
                  </a:lnTo>
                  <a:lnTo>
                    <a:pt x="2150" y="1540"/>
                  </a:lnTo>
                  <a:lnTo>
                    <a:pt x="2148" y="1542"/>
                  </a:lnTo>
                  <a:lnTo>
                    <a:pt x="2138" y="1550"/>
                  </a:lnTo>
                  <a:lnTo>
                    <a:pt x="2134" y="1558"/>
                  </a:lnTo>
                  <a:lnTo>
                    <a:pt x="2132" y="1564"/>
                  </a:lnTo>
                  <a:lnTo>
                    <a:pt x="2132" y="1568"/>
                  </a:lnTo>
                  <a:lnTo>
                    <a:pt x="2134" y="1576"/>
                  </a:lnTo>
                  <a:lnTo>
                    <a:pt x="2136" y="1584"/>
                  </a:lnTo>
                  <a:lnTo>
                    <a:pt x="2140" y="1588"/>
                  </a:lnTo>
                  <a:lnTo>
                    <a:pt x="2140" y="1590"/>
                  </a:lnTo>
                  <a:lnTo>
                    <a:pt x="2142" y="1592"/>
                  </a:lnTo>
                  <a:lnTo>
                    <a:pt x="2144" y="1590"/>
                  </a:lnTo>
                  <a:lnTo>
                    <a:pt x="2144" y="1588"/>
                  </a:lnTo>
                  <a:lnTo>
                    <a:pt x="2150" y="1564"/>
                  </a:lnTo>
                  <a:lnTo>
                    <a:pt x="2152" y="1548"/>
                  </a:lnTo>
                  <a:lnTo>
                    <a:pt x="2152" y="1544"/>
                  </a:lnTo>
                  <a:close/>
                  <a:moveTo>
                    <a:pt x="2066" y="2082"/>
                  </a:moveTo>
                  <a:lnTo>
                    <a:pt x="2066" y="2082"/>
                  </a:lnTo>
                  <a:lnTo>
                    <a:pt x="2068" y="2082"/>
                  </a:lnTo>
                  <a:lnTo>
                    <a:pt x="2070" y="2082"/>
                  </a:lnTo>
                  <a:lnTo>
                    <a:pt x="2072" y="2080"/>
                  </a:lnTo>
                  <a:lnTo>
                    <a:pt x="2070" y="2078"/>
                  </a:lnTo>
                  <a:lnTo>
                    <a:pt x="2068" y="2072"/>
                  </a:lnTo>
                  <a:lnTo>
                    <a:pt x="2062" y="2066"/>
                  </a:lnTo>
                  <a:lnTo>
                    <a:pt x="2056" y="2062"/>
                  </a:lnTo>
                  <a:lnTo>
                    <a:pt x="2032" y="2058"/>
                  </a:lnTo>
                  <a:lnTo>
                    <a:pt x="2018" y="2052"/>
                  </a:lnTo>
                  <a:lnTo>
                    <a:pt x="2012" y="2048"/>
                  </a:lnTo>
                  <a:lnTo>
                    <a:pt x="2006" y="2046"/>
                  </a:lnTo>
                  <a:lnTo>
                    <a:pt x="1998" y="2046"/>
                  </a:lnTo>
                  <a:lnTo>
                    <a:pt x="1994" y="2046"/>
                  </a:lnTo>
                  <a:lnTo>
                    <a:pt x="1978" y="2046"/>
                  </a:lnTo>
                  <a:lnTo>
                    <a:pt x="1964" y="2046"/>
                  </a:lnTo>
                  <a:lnTo>
                    <a:pt x="1948" y="2046"/>
                  </a:lnTo>
                  <a:lnTo>
                    <a:pt x="1916" y="2046"/>
                  </a:lnTo>
                  <a:lnTo>
                    <a:pt x="1912" y="2046"/>
                  </a:lnTo>
                  <a:lnTo>
                    <a:pt x="1916" y="2048"/>
                  </a:lnTo>
                  <a:lnTo>
                    <a:pt x="1940" y="2062"/>
                  </a:lnTo>
                  <a:lnTo>
                    <a:pt x="1954" y="2066"/>
                  </a:lnTo>
                  <a:lnTo>
                    <a:pt x="1998" y="2074"/>
                  </a:lnTo>
                  <a:lnTo>
                    <a:pt x="2014" y="2074"/>
                  </a:lnTo>
                  <a:lnTo>
                    <a:pt x="2026" y="2074"/>
                  </a:lnTo>
                  <a:lnTo>
                    <a:pt x="2042" y="2076"/>
                  </a:lnTo>
                  <a:lnTo>
                    <a:pt x="2066" y="2082"/>
                  </a:lnTo>
                  <a:close/>
                  <a:moveTo>
                    <a:pt x="2126" y="1676"/>
                  </a:moveTo>
                  <a:lnTo>
                    <a:pt x="2126" y="1676"/>
                  </a:lnTo>
                  <a:lnTo>
                    <a:pt x="2124" y="1684"/>
                  </a:lnTo>
                  <a:lnTo>
                    <a:pt x="2126" y="1692"/>
                  </a:lnTo>
                  <a:lnTo>
                    <a:pt x="2130" y="1706"/>
                  </a:lnTo>
                  <a:lnTo>
                    <a:pt x="2134" y="1712"/>
                  </a:lnTo>
                  <a:lnTo>
                    <a:pt x="2138" y="1718"/>
                  </a:lnTo>
                  <a:lnTo>
                    <a:pt x="2142" y="1722"/>
                  </a:lnTo>
                  <a:lnTo>
                    <a:pt x="2148" y="1722"/>
                  </a:lnTo>
                  <a:lnTo>
                    <a:pt x="2152" y="1724"/>
                  </a:lnTo>
                  <a:lnTo>
                    <a:pt x="2158" y="1728"/>
                  </a:lnTo>
                  <a:lnTo>
                    <a:pt x="2174" y="1738"/>
                  </a:lnTo>
                  <a:lnTo>
                    <a:pt x="2180" y="1744"/>
                  </a:lnTo>
                  <a:lnTo>
                    <a:pt x="2186" y="1750"/>
                  </a:lnTo>
                  <a:lnTo>
                    <a:pt x="2188" y="1754"/>
                  </a:lnTo>
                  <a:lnTo>
                    <a:pt x="2192" y="1760"/>
                  </a:lnTo>
                  <a:lnTo>
                    <a:pt x="2198" y="1766"/>
                  </a:lnTo>
                  <a:lnTo>
                    <a:pt x="2204" y="1768"/>
                  </a:lnTo>
                  <a:lnTo>
                    <a:pt x="2206" y="1768"/>
                  </a:lnTo>
                  <a:lnTo>
                    <a:pt x="2208" y="1768"/>
                  </a:lnTo>
                  <a:lnTo>
                    <a:pt x="2210" y="1766"/>
                  </a:lnTo>
                  <a:lnTo>
                    <a:pt x="2210" y="1764"/>
                  </a:lnTo>
                  <a:lnTo>
                    <a:pt x="2210" y="1760"/>
                  </a:lnTo>
                  <a:lnTo>
                    <a:pt x="2210" y="1752"/>
                  </a:lnTo>
                  <a:lnTo>
                    <a:pt x="2206" y="1746"/>
                  </a:lnTo>
                  <a:lnTo>
                    <a:pt x="2196" y="1730"/>
                  </a:lnTo>
                  <a:lnTo>
                    <a:pt x="2190" y="1724"/>
                  </a:lnTo>
                  <a:lnTo>
                    <a:pt x="2184" y="1718"/>
                  </a:lnTo>
                  <a:lnTo>
                    <a:pt x="2168" y="1708"/>
                  </a:lnTo>
                  <a:lnTo>
                    <a:pt x="2164" y="1704"/>
                  </a:lnTo>
                  <a:lnTo>
                    <a:pt x="2162" y="1698"/>
                  </a:lnTo>
                  <a:lnTo>
                    <a:pt x="2164" y="1686"/>
                  </a:lnTo>
                  <a:lnTo>
                    <a:pt x="2170" y="1672"/>
                  </a:lnTo>
                  <a:lnTo>
                    <a:pt x="2168" y="1666"/>
                  </a:lnTo>
                  <a:lnTo>
                    <a:pt x="2164" y="1660"/>
                  </a:lnTo>
                  <a:lnTo>
                    <a:pt x="2160" y="1658"/>
                  </a:lnTo>
                  <a:lnTo>
                    <a:pt x="2152" y="1656"/>
                  </a:lnTo>
                  <a:lnTo>
                    <a:pt x="2146" y="1658"/>
                  </a:lnTo>
                  <a:lnTo>
                    <a:pt x="2140" y="1660"/>
                  </a:lnTo>
                  <a:lnTo>
                    <a:pt x="2134" y="1666"/>
                  </a:lnTo>
                  <a:lnTo>
                    <a:pt x="2130" y="1672"/>
                  </a:lnTo>
                  <a:lnTo>
                    <a:pt x="2126" y="1676"/>
                  </a:lnTo>
                  <a:close/>
                  <a:moveTo>
                    <a:pt x="3046" y="620"/>
                  </a:moveTo>
                  <a:lnTo>
                    <a:pt x="3046" y="620"/>
                  </a:lnTo>
                  <a:lnTo>
                    <a:pt x="3052" y="616"/>
                  </a:lnTo>
                  <a:lnTo>
                    <a:pt x="3054" y="610"/>
                  </a:lnTo>
                  <a:lnTo>
                    <a:pt x="3062" y="478"/>
                  </a:lnTo>
                  <a:lnTo>
                    <a:pt x="3060" y="472"/>
                  </a:lnTo>
                  <a:lnTo>
                    <a:pt x="3056" y="466"/>
                  </a:lnTo>
                  <a:lnTo>
                    <a:pt x="3050" y="464"/>
                  </a:lnTo>
                  <a:lnTo>
                    <a:pt x="3038" y="460"/>
                  </a:lnTo>
                  <a:lnTo>
                    <a:pt x="3034" y="458"/>
                  </a:lnTo>
                  <a:lnTo>
                    <a:pt x="3028" y="454"/>
                  </a:lnTo>
                  <a:lnTo>
                    <a:pt x="3020" y="446"/>
                  </a:lnTo>
                  <a:lnTo>
                    <a:pt x="3006" y="438"/>
                  </a:lnTo>
                  <a:lnTo>
                    <a:pt x="3002" y="434"/>
                  </a:lnTo>
                  <a:lnTo>
                    <a:pt x="2994" y="432"/>
                  </a:lnTo>
                  <a:lnTo>
                    <a:pt x="2986" y="432"/>
                  </a:lnTo>
                  <a:lnTo>
                    <a:pt x="2972" y="432"/>
                  </a:lnTo>
                  <a:lnTo>
                    <a:pt x="2966" y="430"/>
                  </a:lnTo>
                  <a:lnTo>
                    <a:pt x="2958" y="428"/>
                  </a:lnTo>
                  <a:lnTo>
                    <a:pt x="2952" y="424"/>
                  </a:lnTo>
                  <a:lnTo>
                    <a:pt x="2946" y="422"/>
                  </a:lnTo>
                  <a:lnTo>
                    <a:pt x="2938" y="422"/>
                  </a:lnTo>
                  <a:lnTo>
                    <a:pt x="2934" y="422"/>
                  </a:lnTo>
                  <a:lnTo>
                    <a:pt x="2920" y="422"/>
                  </a:lnTo>
                  <a:lnTo>
                    <a:pt x="2918" y="424"/>
                  </a:lnTo>
                  <a:lnTo>
                    <a:pt x="2918" y="430"/>
                  </a:lnTo>
                  <a:lnTo>
                    <a:pt x="2924" y="452"/>
                  </a:lnTo>
                  <a:lnTo>
                    <a:pt x="2922" y="460"/>
                  </a:lnTo>
                  <a:lnTo>
                    <a:pt x="2918" y="464"/>
                  </a:lnTo>
                  <a:lnTo>
                    <a:pt x="2914" y="466"/>
                  </a:lnTo>
                  <a:lnTo>
                    <a:pt x="2906" y="468"/>
                  </a:lnTo>
                  <a:lnTo>
                    <a:pt x="2900" y="466"/>
                  </a:lnTo>
                  <a:lnTo>
                    <a:pt x="2894" y="464"/>
                  </a:lnTo>
                  <a:lnTo>
                    <a:pt x="2888" y="460"/>
                  </a:lnTo>
                  <a:lnTo>
                    <a:pt x="2882" y="454"/>
                  </a:lnTo>
                  <a:lnTo>
                    <a:pt x="2880" y="448"/>
                  </a:lnTo>
                  <a:lnTo>
                    <a:pt x="2876" y="436"/>
                  </a:lnTo>
                  <a:lnTo>
                    <a:pt x="2874" y="432"/>
                  </a:lnTo>
                  <a:lnTo>
                    <a:pt x="2868" y="432"/>
                  </a:lnTo>
                  <a:lnTo>
                    <a:pt x="2856" y="432"/>
                  </a:lnTo>
                  <a:lnTo>
                    <a:pt x="2848" y="432"/>
                  </a:lnTo>
                  <a:lnTo>
                    <a:pt x="2842" y="436"/>
                  </a:lnTo>
                  <a:lnTo>
                    <a:pt x="2836" y="438"/>
                  </a:lnTo>
                  <a:lnTo>
                    <a:pt x="2830" y="438"/>
                  </a:lnTo>
                  <a:lnTo>
                    <a:pt x="2816" y="434"/>
                  </a:lnTo>
                  <a:lnTo>
                    <a:pt x="2800" y="432"/>
                  </a:lnTo>
                  <a:lnTo>
                    <a:pt x="2786" y="432"/>
                  </a:lnTo>
                  <a:lnTo>
                    <a:pt x="2780" y="432"/>
                  </a:lnTo>
                  <a:lnTo>
                    <a:pt x="2774" y="436"/>
                  </a:lnTo>
                  <a:lnTo>
                    <a:pt x="2772" y="438"/>
                  </a:lnTo>
                  <a:lnTo>
                    <a:pt x="2768" y="438"/>
                  </a:lnTo>
                  <a:lnTo>
                    <a:pt x="2764" y="436"/>
                  </a:lnTo>
                  <a:lnTo>
                    <a:pt x="2756" y="426"/>
                  </a:lnTo>
                  <a:lnTo>
                    <a:pt x="2752" y="420"/>
                  </a:lnTo>
                  <a:lnTo>
                    <a:pt x="2750" y="414"/>
                  </a:lnTo>
                  <a:lnTo>
                    <a:pt x="2750" y="400"/>
                  </a:lnTo>
                  <a:lnTo>
                    <a:pt x="2748" y="394"/>
                  </a:lnTo>
                  <a:lnTo>
                    <a:pt x="2742" y="388"/>
                  </a:lnTo>
                  <a:lnTo>
                    <a:pt x="2726" y="376"/>
                  </a:lnTo>
                  <a:lnTo>
                    <a:pt x="2720" y="374"/>
                  </a:lnTo>
                  <a:lnTo>
                    <a:pt x="2712" y="372"/>
                  </a:lnTo>
                  <a:lnTo>
                    <a:pt x="2680" y="372"/>
                  </a:lnTo>
                  <a:lnTo>
                    <a:pt x="2664" y="372"/>
                  </a:lnTo>
                  <a:lnTo>
                    <a:pt x="2630" y="372"/>
                  </a:lnTo>
                  <a:lnTo>
                    <a:pt x="2624" y="370"/>
                  </a:lnTo>
                  <a:lnTo>
                    <a:pt x="2622" y="368"/>
                  </a:lnTo>
                  <a:lnTo>
                    <a:pt x="2620" y="362"/>
                  </a:lnTo>
                  <a:lnTo>
                    <a:pt x="2618" y="358"/>
                  </a:lnTo>
                  <a:lnTo>
                    <a:pt x="2606" y="348"/>
                  </a:lnTo>
                  <a:lnTo>
                    <a:pt x="2590" y="338"/>
                  </a:lnTo>
                  <a:lnTo>
                    <a:pt x="2586" y="332"/>
                  </a:lnTo>
                  <a:lnTo>
                    <a:pt x="2584" y="326"/>
                  </a:lnTo>
                  <a:lnTo>
                    <a:pt x="2584" y="322"/>
                  </a:lnTo>
                  <a:lnTo>
                    <a:pt x="2580" y="316"/>
                  </a:lnTo>
                  <a:lnTo>
                    <a:pt x="2576" y="312"/>
                  </a:lnTo>
                  <a:lnTo>
                    <a:pt x="2474" y="286"/>
                  </a:lnTo>
                  <a:lnTo>
                    <a:pt x="2468" y="286"/>
                  </a:lnTo>
                  <a:lnTo>
                    <a:pt x="2466" y="288"/>
                  </a:lnTo>
                  <a:lnTo>
                    <a:pt x="2466" y="290"/>
                  </a:lnTo>
                  <a:lnTo>
                    <a:pt x="2464" y="294"/>
                  </a:lnTo>
                  <a:lnTo>
                    <a:pt x="2458" y="298"/>
                  </a:lnTo>
                  <a:lnTo>
                    <a:pt x="2442" y="310"/>
                  </a:lnTo>
                  <a:lnTo>
                    <a:pt x="2438" y="314"/>
                  </a:lnTo>
                  <a:lnTo>
                    <a:pt x="2438" y="322"/>
                  </a:lnTo>
                  <a:lnTo>
                    <a:pt x="2444" y="336"/>
                  </a:lnTo>
                  <a:lnTo>
                    <a:pt x="2444" y="338"/>
                  </a:lnTo>
                  <a:lnTo>
                    <a:pt x="2444" y="342"/>
                  </a:lnTo>
                  <a:lnTo>
                    <a:pt x="2442" y="344"/>
                  </a:lnTo>
                  <a:lnTo>
                    <a:pt x="2438" y="346"/>
                  </a:lnTo>
                  <a:lnTo>
                    <a:pt x="2424" y="350"/>
                  </a:lnTo>
                  <a:lnTo>
                    <a:pt x="2408" y="352"/>
                  </a:lnTo>
                  <a:lnTo>
                    <a:pt x="2406" y="352"/>
                  </a:lnTo>
                  <a:lnTo>
                    <a:pt x="2390" y="350"/>
                  </a:lnTo>
                  <a:lnTo>
                    <a:pt x="2376" y="346"/>
                  </a:lnTo>
                  <a:lnTo>
                    <a:pt x="2368" y="346"/>
                  </a:lnTo>
                  <a:lnTo>
                    <a:pt x="2362" y="348"/>
                  </a:lnTo>
                  <a:lnTo>
                    <a:pt x="2358" y="350"/>
                  </a:lnTo>
                  <a:lnTo>
                    <a:pt x="2350" y="350"/>
                  </a:lnTo>
                  <a:lnTo>
                    <a:pt x="2346" y="346"/>
                  </a:lnTo>
                  <a:lnTo>
                    <a:pt x="2332" y="340"/>
                  </a:lnTo>
                  <a:lnTo>
                    <a:pt x="2326" y="336"/>
                  </a:lnTo>
                  <a:lnTo>
                    <a:pt x="2324" y="336"/>
                  </a:lnTo>
                  <a:lnTo>
                    <a:pt x="2322" y="336"/>
                  </a:lnTo>
                  <a:lnTo>
                    <a:pt x="2320" y="338"/>
                  </a:lnTo>
                  <a:lnTo>
                    <a:pt x="2318" y="342"/>
                  </a:lnTo>
                  <a:lnTo>
                    <a:pt x="2318" y="354"/>
                  </a:lnTo>
                  <a:lnTo>
                    <a:pt x="2318" y="362"/>
                  </a:lnTo>
                  <a:lnTo>
                    <a:pt x="2314" y="368"/>
                  </a:lnTo>
                  <a:lnTo>
                    <a:pt x="2304" y="376"/>
                  </a:lnTo>
                  <a:lnTo>
                    <a:pt x="2302" y="378"/>
                  </a:lnTo>
                  <a:lnTo>
                    <a:pt x="2300" y="378"/>
                  </a:lnTo>
                  <a:lnTo>
                    <a:pt x="2298" y="378"/>
                  </a:lnTo>
                  <a:lnTo>
                    <a:pt x="2294" y="376"/>
                  </a:lnTo>
                  <a:lnTo>
                    <a:pt x="2284" y="360"/>
                  </a:lnTo>
                  <a:lnTo>
                    <a:pt x="2276" y="346"/>
                  </a:lnTo>
                  <a:lnTo>
                    <a:pt x="2264" y="330"/>
                  </a:lnTo>
                  <a:lnTo>
                    <a:pt x="2262" y="324"/>
                  </a:lnTo>
                  <a:lnTo>
                    <a:pt x="2264" y="316"/>
                  </a:lnTo>
                  <a:lnTo>
                    <a:pt x="2276" y="300"/>
                  </a:lnTo>
                  <a:lnTo>
                    <a:pt x="2278" y="294"/>
                  </a:lnTo>
                  <a:lnTo>
                    <a:pt x="2280" y="286"/>
                  </a:lnTo>
                  <a:lnTo>
                    <a:pt x="2280" y="282"/>
                  </a:lnTo>
                  <a:lnTo>
                    <a:pt x="2278" y="276"/>
                  </a:lnTo>
                  <a:lnTo>
                    <a:pt x="2274" y="268"/>
                  </a:lnTo>
                  <a:lnTo>
                    <a:pt x="2266" y="260"/>
                  </a:lnTo>
                  <a:lnTo>
                    <a:pt x="2252" y="252"/>
                  </a:lnTo>
                  <a:lnTo>
                    <a:pt x="2248" y="248"/>
                  </a:lnTo>
                  <a:lnTo>
                    <a:pt x="2240" y="246"/>
                  </a:lnTo>
                  <a:lnTo>
                    <a:pt x="2232" y="246"/>
                  </a:lnTo>
                  <a:lnTo>
                    <a:pt x="2230" y="246"/>
                  </a:lnTo>
                  <a:lnTo>
                    <a:pt x="2222" y="244"/>
                  </a:lnTo>
                  <a:lnTo>
                    <a:pt x="2216" y="240"/>
                  </a:lnTo>
                  <a:lnTo>
                    <a:pt x="2204" y="232"/>
                  </a:lnTo>
                  <a:lnTo>
                    <a:pt x="2198" y="230"/>
                  </a:lnTo>
                  <a:lnTo>
                    <a:pt x="2196" y="228"/>
                  </a:lnTo>
                  <a:lnTo>
                    <a:pt x="2192" y="228"/>
                  </a:lnTo>
                  <a:lnTo>
                    <a:pt x="2190" y="230"/>
                  </a:lnTo>
                  <a:lnTo>
                    <a:pt x="2188" y="232"/>
                  </a:lnTo>
                  <a:lnTo>
                    <a:pt x="2186" y="238"/>
                  </a:lnTo>
                  <a:lnTo>
                    <a:pt x="2178" y="252"/>
                  </a:lnTo>
                  <a:lnTo>
                    <a:pt x="2176" y="258"/>
                  </a:lnTo>
                  <a:lnTo>
                    <a:pt x="2170" y="262"/>
                  </a:lnTo>
                  <a:lnTo>
                    <a:pt x="2164" y="264"/>
                  </a:lnTo>
                  <a:lnTo>
                    <a:pt x="2132" y="264"/>
                  </a:lnTo>
                  <a:lnTo>
                    <a:pt x="2124" y="264"/>
                  </a:lnTo>
                  <a:lnTo>
                    <a:pt x="2116" y="262"/>
                  </a:lnTo>
                  <a:lnTo>
                    <a:pt x="2110" y="258"/>
                  </a:lnTo>
                  <a:lnTo>
                    <a:pt x="2104" y="254"/>
                  </a:lnTo>
                  <a:lnTo>
                    <a:pt x="2100" y="248"/>
                  </a:lnTo>
                  <a:lnTo>
                    <a:pt x="2098" y="242"/>
                  </a:lnTo>
                  <a:lnTo>
                    <a:pt x="2092" y="238"/>
                  </a:lnTo>
                  <a:lnTo>
                    <a:pt x="2086" y="236"/>
                  </a:lnTo>
                  <a:lnTo>
                    <a:pt x="2062" y="236"/>
                  </a:lnTo>
                  <a:lnTo>
                    <a:pt x="2054" y="236"/>
                  </a:lnTo>
                  <a:lnTo>
                    <a:pt x="2048" y="240"/>
                  </a:lnTo>
                  <a:lnTo>
                    <a:pt x="2032" y="250"/>
                  </a:lnTo>
                  <a:lnTo>
                    <a:pt x="2030" y="252"/>
                  </a:lnTo>
                  <a:lnTo>
                    <a:pt x="2028" y="252"/>
                  </a:lnTo>
                  <a:lnTo>
                    <a:pt x="2026" y="250"/>
                  </a:lnTo>
                  <a:lnTo>
                    <a:pt x="2026" y="246"/>
                  </a:lnTo>
                  <a:lnTo>
                    <a:pt x="2026" y="244"/>
                  </a:lnTo>
                  <a:lnTo>
                    <a:pt x="2024" y="236"/>
                  </a:lnTo>
                  <a:lnTo>
                    <a:pt x="2020" y="230"/>
                  </a:lnTo>
                  <a:lnTo>
                    <a:pt x="2012" y="222"/>
                  </a:lnTo>
                  <a:lnTo>
                    <a:pt x="2004" y="218"/>
                  </a:lnTo>
                  <a:lnTo>
                    <a:pt x="1998" y="216"/>
                  </a:lnTo>
                  <a:lnTo>
                    <a:pt x="1994" y="216"/>
                  </a:lnTo>
                  <a:lnTo>
                    <a:pt x="1986" y="218"/>
                  </a:lnTo>
                  <a:lnTo>
                    <a:pt x="1980" y="222"/>
                  </a:lnTo>
                  <a:lnTo>
                    <a:pt x="1972" y="230"/>
                  </a:lnTo>
                  <a:lnTo>
                    <a:pt x="1960" y="240"/>
                  </a:lnTo>
                  <a:lnTo>
                    <a:pt x="1944" y="250"/>
                  </a:lnTo>
                  <a:lnTo>
                    <a:pt x="1930" y="260"/>
                  </a:lnTo>
                  <a:lnTo>
                    <a:pt x="1914" y="270"/>
                  </a:lnTo>
                  <a:lnTo>
                    <a:pt x="1910" y="272"/>
                  </a:lnTo>
                  <a:lnTo>
                    <a:pt x="1912" y="268"/>
                  </a:lnTo>
                  <a:lnTo>
                    <a:pt x="1922" y="252"/>
                  </a:lnTo>
                  <a:lnTo>
                    <a:pt x="1928" y="246"/>
                  </a:lnTo>
                  <a:lnTo>
                    <a:pt x="1934" y="242"/>
                  </a:lnTo>
                  <a:lnTo>
                    <a:pt x="1940" y="238"/>
                  </a:lnTo>
                  <a:lnTo>
                    <a:pt x="1946" y="234"/>
                  </a:lnTo>
                  <a:lnTo>
                    <a:pt x="1952" y="228"/>
                  </a:lnTo>
                  <a:lnTo>
                    <a:pt x="1972" y="194"/>
                  </a:lnTo>
                  <a:lnTo>
                    <a:pt x="1982" y="180"/>
                  </a:lnTo>
                  <a:lnTo>
                    <a:pt x="1990" y="172"/>
                  </a:lnTo>
                  <a:lnTo>
                    <a:pt x="2000" y="160"/>
                  </a:lnTo>
                  <a:lnTo>
                    <a:pt x="2010" y="144"/>
                  </a:lnTo>
                  <a:lnTo>
                    <a:pt x="2014" y="138"/>
                  </a:lnTo>
                  <a:lnTo>
                    <a:pt x="2014" y="130"/>
                  </a:lnTo>
                  <a:lnTo>
                    <a:pt x="2008" y="96"/>
                  </a:lnTo>
                  <a:lnTo>
                    <a:pt x="2004" y="90"/>
                  </a:lnTo>
                  <a:lnTo>
                    <a:pt x="2000" y="84"/>
                  </a:lnTo>
                  <a:lnTo>
                    <a:pt x="1972" y="64"/>
                  </a:lnTo>
                  <a:lnTo>
                    <a:pt x="1958" y="56"/>
                  </a:lnTo>
                  <a:lnTo>
                    <a:pt x="1944" y="52"/>
                  </a:lnTo>
                  <a:lnTo>
                    <a:pt x="1940" y="48"/>
                  </a:lnTo>
                  <a:lnTo>
                    <a:pt x="1938" y="44"/>
                  </a:lnTo>
                  <a:lnTo>
                    <a:pt x="1934" y="32"/>
                  </a:lnTo>
                  <a:lnTo>
                    <a:pt x="1922" y="8"/>
                  </a:lnTo>
                  <a:lnTo>
                    <a:pt x="1916" y="2"/>
                  </a:lnTo>
                  <a:lnTo>
                    <a:pt x="1910" y="0"/>
                  </a:lnTo>
                  <a:lnTo>
                    <a:pt x="1886" y="0"/>
                  </a:lnTo>
                  <a:lnTo>
                    <a:pt x="1880" y="2"/>
                  </a:lnTo>
                  <a:lnTo>
                    <a:pt x="1872" y="6"/>
                  </a:lnTo>
                  <a:lnTo>
                    <a:pt x="1844" y="34"/>
                  </a:lnTo>
                  <a:lnTo>
                    <a:pt x="1840" y="40"/>
                  </a:lnTo>
                  <a:lnTo>
                    <a:pt x="1838" y="48"/>
                  </a:lnTo>
                  <a:lnTo>
                    <a:pt x="1832" y="70"/>
                  </a:lnTo>
                  <a:lnTo>
                    <a:pt x="1828" y="78"/>
                  </a:lnTo>
                  <a:lnTo>
                    <a:pt x="1822" y="82"/>
                  </a:lnTo>
                  <a:lnTo>
                    <a:pt x="1788" y="104"/>
                  </a:lnTo>
                  <a:lnTo>
                    <a:pt x="1780" y="106"/>
                  </a:lnTo>
                  <a:lnTo>
                    <a:pt x="1774" y="104"/>
                  </a:lnTo>
                  <a:lnTo>
                    <a:pt x="1758" y="92"/>
                  </a:lnTo>
                  <a:lnTo>
                    <a:pt x="1750" y="90"/>
                  </a:lnTo>
                  <a:lnTo>
                    <a:pt x="1744" y="92"/>
                  </a:lnTo>
                  <a:lnTo>
                    <a:pt x="1710" y="106"/>
                  </a:lnTo>
                  <a:lnTo>
                    <a:pt x="1696" y="112"/>
                  </a:lnTo>
                  <a:lnTo>
                    <a:pt x="1660" y="134"/>
                  </a:lnTo>
                  <a:lnTo>
                    <a:pt x="1648" y="144"/>
                  </a:lnTo>
                  <a:lnTo>
                    <a:pt x="1630" y="162"/>
                  </a:lnTo>
                  <a:lnTo>
                    <a:pt x="1626" y="168"/>
                  </a:lnTo>
                  <a:lnTo>
                    <a:pt x="1622" y="174"/>
                  </a:lnTo>
                  <a:lnTo>
                    <a:pt x="1616" y="218"/>
                  </a:lnTo>
                  <a:lnTo>
                    <a:pt x="1612" y="224"/>
                  </a:lnTo>
                  <a:lnTo>
                    <a:pt x="1606" y="228"/>
                  </a:lnTo>
                  <a:lnTo>
                    <a:pt x="1544" y="244"/>
                  </a:lnTo>
                  <a:lnTo>
                    <a:pt x="1536" y="246"/>
                  </a:lnTo>
                  <a:lnTo>
                    <a:pt x="1532" y="252"/>
                  </a:lnTo>
                  <a:lnTo>
                    <a:pt x="1530" y="258"/>
                  </a:lnTo>
                  <a:lnTo>
                    <a:pt x="1528" y="264"/>
                  </a:lnTo>
                  <a:lnTo>
                    <a:pt x="1526" y="272"/>
                  </a:lnTo>
                  <a:lnTo>
                    <a:pt x="1526" y="306"/>
                  </a:lnTo>
                  <a:lnTo>
                    <a:pt x="1524" y="310"/>
                  </a:lnTo>
                  <a:lnTo>
                    <a:pt x="1522" y="308"/>
                  </a:lnTo>
                  <a:lnTo>
                    <a:pt x="1516" y="304"/>
                  </a:lnTo>
                  <a:lnTo>
                    <a:pt x="1508" y="302"/>
                  </a:lnTo>
                  <a:lnTo>
                    <a:pt x="1494" y="296"/>
                  </a:lnTo>
                  <a:lnTo>
                    <a:pt x="1488" y="296"/>
                  </a:lnTo>
                  <a:lnTo>
                    <a:pt x="1482" y="300"/>
                  </a:lnTo>
                  <a:lnTo>
                    <a:pt x="1472" y="316"/>
                  </a:lnTo>
                  <a:lnTo>
                    <a:pt x="1468" y="320"/>
                  </a:lnTo>
                  <a:lnTo>
                    <a:pt x="1464" y="320"/>
                  </a:lnTo>
                  <a:lnTo>
                    <a:pt x="1462" y="318"/>
                  </a:lnTo>
                  <a:lnTo>
                    <a:pt x="1458" y="314"/>
                  </a:lnTo>
                  <a:lnTo>
                    <a:pt x="1458" y="308"/>
                  </a:lnTo>
                  <a:lnTo>
                    <a:pt x="1456" y="304"/>
                  </a:lnTo>
                  <a:lnTo>
                    <a:pt x="1452" y="298"/>
                  </a:lnTo>
                  <a:lnTo>
                    <a:pt x="1444" y="290"/>
                  </a:lnTo>
                  <a:lnTo>
                    <a:pt x="1438" y="286"/>
                  </a:lnTo>
                  <a:lnTo>
                    <a:pt x="1434" y="284"/>
                  </a:lnTo>
                  <a:lnTo>
                    <a:pt x="1428" y="286"/>
                  </a:lnTo>
                  <a:lnTo>
                    <a:pt x="1426" y="292"/>
                  </a:lnTo>
                  <a:lnTo>
                    <a:pt x="1420" y="306"/>
                  </a:lnTo>
                  <a:lnTo>
                    <a:pt x="1418" y="322"/>
                  </a:lnTo>
                  <a:lnTo>
                    <a:pt x="1418" y="336"/>
                  </a:lnTo>
                  <a:lnTo>
                    <a:pt x="1418" y="352"/>
                  </a:lnTo>
                  <a:lnTo>
                    <a:pt x="1418" y="374"/>
                  </a:lnTo>
                  <a:lnTo>
                    <a:pt x="1416" y="382"/>
                  </a:lnTo>
                  <a:lnTo>
                    <a:pt x="1414" y="388"/>
                  </a:lnTo>
                  <a:lnTo>
                    <a:pt x="1412" y="388"/>
                  </a:lnTo>
                  <a:lnTo>
                    <a:pt x="1408" y="388"/>
                  </a:lnTo>
                  <a:lnTo>
                    <a:pt x="1404" y="384"/>
                  </a:lnTo>
                  <a:lnTo>
                    <a:pt x="1402" y="380"/>
                  </a:lnTo>
                  <a:lnTo>
                    <a:pt x="1400" y="372"/>
                  </a:lnTo>
                  <a:lnTo>
                    <a:pt x="1400" y="364"/>
                  </a:lnTo>
                  <a:lnTo>
                    <a:pt x="1406" y="340"/>
                  </a:lnTo>
                  <a:lnTo>
                    <a:pt x="1408" y="334"/>
                  </a:lnTo>
                  <a:lnTo>
                    <a:pt x="1406" y="326"/>
                  </a:lnTo>
                  <a:lnTo>
                    <a:pt x="1402" y="312"/>
                  </a:lnTo>
                  <a:lnTo>
                    <a:pt x="1398" y="296"/>
                  </a:lnTo>
                  <a:lnTo>
                    <a:pt x="1398" y="292"/>
                  </a:lnTo>
                  <a:lnTo>
                    <a:pt x="1396" y="286"/>
                  </a:lnTo>
                  <a:lnTo>
                    <a:pt x="1392" y="282"/>
                  </a:lnTo>
                  <a:lnTo>
                    <a:pt x="1376" y="278"/>
                  </a:lnTo>
                  <a:lnTo>
                    <a:pt x="1362" y="274"/>
                  </a:lnTo>
                  <a:lnTo>
                    <a:pt x="1348" y="274"/>
                  </a:lnTo>
                  <a:lnTo>
                    <a:pt x="1342" y="276"/>
                  </a:lnTo>
                  <a:lnTo>
                    <a:pt x="1338" y="282"/>
                  </a:lnTo>
                  <a:lnTo>
                    <a:pt x="1322" y="336"/>
                  </a:lnTo>
                  <a:lnTo>
                    <a:pt x="1320" y="342"/>
                  </a:lnTo>
                  <a:lnTo>
                    <a:pt x="1316" y="348"/>
                  </a:lnTo>
                  <a:lnTo>
                    <a:pt x="1308" y="360"/>
                  </a:lnTo>
                  <a:lnTo>
                    <a:pt x="1304" y="366"/>
                  </a:lnTo>
                  <a:lnTo>
                    <a:pt x="1304" y="372"/>
                  </a:lnTo>
                  <a:lnTo>
                    <a:pt x="1304" y="380"/>
                  </a:lnTo>
                  <a:lnTo>
                    <a:pt x="1308" y="384"/>
                  </a:lnTo>
                  <a:lnTo>
                    <a:pt x="1310" y="392"/>
                  </a:lnTo>
                  <a:lnTo>
                    <a:pt x="1310" y="400"/>
                  </a:lnTo>
                  <a:lnTo>
                    <a:pt x="1310" y="414"/>
                  </a:lnTo>
                  <a:lnTo>
                    <a:pt x="1310" y="426"/>
                  </a:lnTo>
                  <a:lnTo>
                    <a:pt x="1312" y="432"/>
                  </a:lnTo>
                  <a:lnTo>
                    <a:pt x="1316" y="436"/>
                  </a:lnTo>
                  <a:lnTo>
                    <a:pt x="1334" y="454"/>
                  </a:lnTo>
                  <a:lnTo>
                    <a:pt x="1338" y="460"/>
                  </a:lnTo>
                  <a:lnTo>
                    <a:pt x="1336" y="468"/>
                  </a:lnTo>
                  <a:lnTo>
                    <a:pt x="1324" y="484"/>
                  </a:lnTo>
                  <a:lnTo>
                    <a:pt x="1322" y="486"/>
                  </a:lnTo>
                  <a:lnTo>
                    <a:pt x="1320" y="486"/>
                  </a:lnTo>
                  <a:lnTo>
                    <a:pt x="1318" y="486"/>
                  </a:lnTo>
                  <a:lnTo>
                    <a:pt x="1314" y="484"/>
                  </a:lnTo>
                  <a:lnTo>
                    <a:pt x="1296" y="466"/>
                  </a:lnTo>
                  <a:lnTo>
                    <a:pt x="1284" y="456"/>
                  </a:lnTo>
                  <a:lnTo>
                    <a:pt x="1258" y="436"/>
                  </a:lnTo>
                  <a:lnTo>
                    <a:pt x="1252" y="432"/>
                  </a:lnTo>
                  <a:lnTo>
                    <a:pt x="1244" y="432"/>
                  </a:lnTo>
                  <a:lnTo>
                    <a:pt x="1230" y="432"/>
                  </a:lnTo>
                  <a:lnTo>
                    <a:pt x="1214" y="432"/>
                  </a:lnTo>
                  <a:lnTo>
                    <a:pt x="1212" y="432"/>
                  </a:lnTo>
                  <a:lnTo>
                    <a:pt x="1208" y="432"/>
                  </a:lnTo>
                  <a:lnTo>
                    <a:pt x="1206" y="434"/>
                  </a:lnTo>
                  <a:lnTo>
                    <a:pt x="1204" y="436"/>
                  </a:lnTo>
                  <a:lnTo>
                    <a:pt x="1204" y="440"/>
                  </a:lnTo>
                  <a:lnTo>
                    <a:pt x="1204" y="452"/>
                  </a:lnTo>
                  <a:lnTo>
                    <a:pt x="1202" y="460"/>
                  </a:lnTo>
                  <a:lnTo>
                    <a:pt x="1198" y="466"/>
                  </a:lnTo>
                  <a:lnTo>
                    <a:pt x="1192" y="468"/>
                  </a:lnTo>
                  <a:lnTo>
                    <a:pt x="1186" y="466"/>
                  </a:lnTo>
                  <a:lnTo>
                    <a:pt x="1180" y="464"/>
                  </a:lnTo>
                  <a:lnTo>
                    <a:pt x="1174" y="462"/>
                  </a:lnTo>
                  <a:lnTo>
                    <a:pt x="1166" y="464"/>
                  </a:lnTo>
                  <a:lnTo>
                    <a:pt x="1162" y="466"/>
                  </a:lnTo>
                  <a:lnTo>
                    <a:pt x="1146" y="474"/>
                  </a:lnTo>
                  <a:lnTo>
                    <a:pt x="1142" y="476"/>
                  </a:lnTo>
                  <a:lnTo>
                    <a:pt x="1134" y="478"/>
                  </a:lnTo>
                  <a:lnTo>
                    <a:pt x="1126" y="480"/>
                  </a:lnTo>
                  <a:lnTo>
                    <a:pt x="1124" y="480"/>
                  </a:lnTo>
                  <a:lnTo>
                    <a:pt x="1116" y="478"/>
                  </a:lnTo>
                  <a:lnTo>
                    <a:pt x="1110" y="476"/>
                  </a:lnTo>
                  <a:lnTo>
                    <a:pt x="1104" y="472"/>
                  </a:lnTo>
                  <a:lnTo>
                    <a:pt x="1098" y="474"/>
                  </a:lnTo>
                  <a:lnTo>
                    <a:pt x="1092" y="476"/>
                  </a:lnTo>
                  <a:lnTo>
                    <a:pt x="1078" y="484"/>
                  </a:lnTo>
                  <a:lnTo>
                    <a:pt x="1062" y="496"/>
                  </a:lnTo>
                  <a:lnTo>
                    <a:pt x="1050" y="504"/>
                  </a:lnTo>
                  <a:lnTo>
                    <a:pt x="1024" y="516"/>
                  </a:lnTo>
                  <a:lnTo>
                    <a:pt x="1012" y="520"/>
                  </a:lnTo>
                  <a:lnTo>
                    <a:pt x="1008" y="522"/>
                  </a:lnTo>
                  <a:lnTo>
                    <a:pt x="1004" y="526"/>
                  </a:lnTo>
                  <a:lnTo>
                    <a:pt x="1000" y="540"/>
                  </a:lnTo>
                  <a:lnTo>
                    <a:pt x="996" y="546"/>
                  </a:lnTo>
                  <a:lnTo>
                    <a:pt x="992" y="548"/>
                  </a:lnTo>
                  <a:lnTo>
                    <a:pt x="988" y="546"/>
                  </a:lnTo>
                  <a:lnTo>
                    <a:pt x="982" y="542"/>
                  </a:lnTo>
                  <a:lnTo>
                    <a:pt x="974" y="534"/>
                  </a:lnTo>
                  <a:lnTo>
                    <a:pt x="972" y="530"/>
                  </a:lnTo>
                  <a:lnTo>
                    <a:pt x="972" y="526"/>
                  </a:lnTo>
                  <a:lnTo>
                    <a:pt x="974" y="524"/>
                  </a:lnTo>
                  <a:lnTo>
                    <a:pt x="982" y="514"/>
                  </a:lnTo>
                  <a:lnTo>
                    <a:pt x="986" y="508"/>
                  </a:lnTo>
                  <a:lnTo>
                    <a:pt x="988" y="502"/>
                  </a:lnTo>
                  <a:lnTo>
                    <a:pt x="988" y="498"/>
                  </a:lnTo>
                  <a:lnTo>
                    <a:pt x="986" y="492"/>
                  </a:lnTo>
                  <a:lnTo>
                    <a:pt x="980" y="486"/>
                  </a:lnTo>
                  <a:lnTo>
                    <a:pt x="976" y="484"/>
                  </a:lnTo>
                  <a:lnTo>
                    <a:pt x="964" y="480"/>
                  </a:lnTo>
                  <a:lnTo>
                    <a:pt x="950" y="480"/>
                  </a:lnTo>
                  <a:lnTo>
                    <a:pt x="946" y="480"/>
                  </a:lnTo>
                  <a:lnTo>
                    <a:pt x="944" y="480"/>
                  </a:lnTo>
                  <a:lnTo>
                    <a:pt x="942" y="482"/>
                  </a:lnTo>
                  <a:lnTo>
                    <a:pt x="942" y="484"/>
                  </a:lnTo>
                  <a:lnTo>
                    <a:pt x="942" y="488"/>
                  </a:lnTo>
                  <a:lnTo>
                    <a:pt x="944" y="492"/>
                  </a:lnTo>
                  <a:lnTo>
                    <a:pt x="948" y="500"/>
                  </a:lnTo>
                  <a:lnTo>
                    <a:pt x="948" y="508"/>
                  </a:lnTo>
                  <a:lnTo>
                    <a:pt x="948" y="520"/>
                  </a:lnTo>
                  <a:lnTo>
                    <a:pt x="950" y="528"/>
                  </a:lnTo>
                  <a:lnTo>
                    <a:pt x="952" y="536"/>
                  </a:lnTo>
                  <a:lnTo>
                    <a:pt x="954" y="542"/>
                  </a:lnTo>
                  <a:lnTo>
                    <a:pt x="956" y="548"/>
                  </a:lnTo>
                  <a:lnTo>
                    <a:pt x="956" y="556"/>
                  </a:lnTo>
                  <a:lnTo>
                    <a:pt x="952" y="570"/>
                  </a:lnTo>
                  <a:lnTo>
                    <a:pt x="948" y="574"/>
                  </a:lnTo>
                  <a:lnTo>
                    <a:pt x="946" y="574"/>
                  </a:lnTo>
                  <a:lnTo>
                    <a:pt x="944" y="572"/>
                  </a:lnTo>
                  <a:lnTo>
                    <a:pt x="938" y="570"/>
                  </a:lnTo>
                  <a:lnTo>
                    <a:pt x="930" y="568"/>
                  </a:lnTo>
                  <a:lnTo>
                    <a:pt x="928" y="568"/>
                  </a:lnTo>
                  <a:lnTo>
                    <a:pt x="920" y="570"/>
                  </a:lnTo>
                  <a:lnTo>
                    <a:pt x="914" y="572"/>
                  </a:lnTo>
                  <a:lnTo>
                    <a:pt x="902" y="582"/>
                  </a:lnTo>
                  <a:lnTo>
                    <a:pt x="896" y="584"/>
                  </a:lnTo>
                  <a:lnTo>
                    <a:pt x="884" y="592"/>
                  </a:lnTo>
                  <a:lnTo>
                    <a:pt x="882" y="598"/>
                  </a:lnTo>
                  <a:lnTo>
                    <a:pt x="884" y="604"/>
                  </a:lnTo>
                  <a:lnTo>
                    <a:pt x="896" y="630"/>
                  </a:lnTo>
                  <a:lnTo>
                    <a:pt x="898" y="634"/>
                  </a:lnTo>
                  <a:lnTo>
                    <a:pt x="894" y="632"/>
                  </a:lnTo>
                  <a:lnTo>
                    <a:pt x="888" y="628"/>
                  </a:lnTo>
                  <a:lnTo>
                    <a:pt x="882" y="626"/>
                  </a:lnTo>
                  <a:lnTo>
                    <a:pt x="868" y="626"/>
                  </a:lnTo>
                  <a:lnTo>
                    <a:pt x="860" y="626"/>
                  </a:lnTo>
                  <a:lnTo>
                    <a:pt x="854" y="624"/>
                  </a:lnTo>
                  <a:lnTo>
                    <a:pt x="848" y="620"/>
                  </a:lnTo>
                  <a:lnTo>
                    <a:pt x="842" y="620"/>
                  </a:lnTo>
                  <a:lnTo>
                    <a:pt x="840" y="622"/>
                  </a:lnTo>
                  <a:lnTo>
                    <a:pt x="842" y="630"/>
                  </a:lnTo>
                  <a:lnTo>
                    <a:pt x="842" y="632"/>
                  </a:lnTo>
                  <a:lnTo>
                    <a:pt x="836" y="630"/>
                  </a:lnTo>
                  <a:lnTo>
                    <a:pt x="818" y="624"/>
                  </a:lnTo>
                  <a:lnTo>
                    <a:pt x="812" y="622"/>
                  </a:lnTo>
                  <a:lnTo>
                    <a:pt x="808" y="616"/>
                  </a:lnTo>
                  <a:lnTo>
                    <a:pt x="804" y="604"/>
                  </a:lnTo>
                  <a:lnTo>
                    <a:pt x="804" y="598"/>
                  </a:lnTo>
                  <a:lnTo>
                    <a:pt x="806" y="592"/>
                  </a:lnTo>
                  <a:lnTo>
                    <a:pt x="810" y="588"/>
                  </a:lnTo>
                  <a:lnTo>
                    <a:pt x="812" y="582"/>
                  </a:lnTo>
                  <a:lnTo>
                    <a:pt x="810" y="578"/>
                  </a:lnTo>
                  <a:lnTo>
                    <a:pt x="804" y="574"/>
                  </a:lnTo>
                  <a:lnTo>
                    <a:pt x="800" y="572"/>
                  </a:lnTo>
                  <a:lnTo>
                    <a:pt x="786" y="562"/>
                  </a:lnTo>
                  <a:lnTo>
                    <a:pt x="778" y="554"/>
                  </a:lnTo>
                  <a:lnTo>
                    <a:pt x="768" y="544"/>
                  </a:lnTo>
                  <a:lnTo>
                    <a:pt x="766" y="540"/>
                  </a:lnTo>
                  <a:lnTo>
                    <a:pt x="768" y="538"/>
                  </a:lnTo>
                  <a:lnTo>
                    <a:pt x="772" y="540"/>
                  </a:lnTo>
                  <a:lnTo>
                    <a:pt x="778" y="544"/>
                  </a:lnTo>
                  <a:lnTo>
                    <a:pt x="784" y="546"/>
                  </a:lnTo>
                  <a:lnTo>
                    <a:pt x="790" y="548"/>
                  </a:lnTo>
                  <a:lnTo>
                    <a:pt x="794" y="548"/>
                  </a:lnTo>
                  <a:lnTo>
                    <a:pt x="800" y="550"/>
                  </a:lnTo>
                  <a:lnTo>
                    <a:pt x="806" y="556"/>
                  </a:lnTo>
                  <a:lnTo>
                    <a:pt x="808" y="560"/>
                  </a:lnTo>
                  <a:lnTo>
                    <a:pt x="812" y="566"/>
                  </a:lnTo>
                  <a:lnTo>
                    <a:pt x="820" y="570"/>
                  </a:lnTo>
                  <a:lnTo>
                    <a:pt x="842" y="576"/>
                  </a:lnTo>
                  <a:lnTo>
                    <a:pt x="850" y="576"/>
                  </a:lnTo>
                  <a:lnTo>
                    <a:pt x="858" y="576"/>
                  </a:lnTo>
                  <a:lnTo>
                    <a:pt x="872" y="570"/>
                  </a:lnTo>
                  <a:lnTo>
                    <a:pt x="888" y="564"/>
                  </a:lnTo>
                  <a:lnTo>
                    <a:pt x="892" y="562"/>
                  </a:lnTo>
                  <a:lnTo>
                    <a:pt x="898" y="558"/>
                  </a:lnTo>
                  <a:lnTo>
                    <a:pt x="902" y="550"/>
                  </a:lnTo>
                  <a:lnTo>
                    <a:pt x="906" y="536"/>
                  </a:lnTo>
                  <a:lnTo>
                    <a:pt x="906" y="530"/>
                  </a:lnTo>
                  <a:lnTo>
                    <a:pt x="904" y="524"/>
                  </a:lnTo>
                  <a:lnTo>
                    <a:pt x="876" y="496"/>
                  </a:lnTo>
                  <a:lnTo>
                    <a:pt x="864" y="486"/>
                  </a:lnTo>
                  <a:lnTo>
                    <a:pt x="848" y="474"/>
                  </a:lnTo>
                  <a:lnTo>
                    <a:pt x="836" y="464"/>
                  </a:lnTo>
                  <a:lnTo>
                    <a:pt x="826" y="456"/>
                  </a:lnTo>
                  <a:lnTo>
                    <a:pt x="820" y="452"/>
                  </a:lnTo>
                  <a:lnTo>
                    <a:pt x="814" y="448"/>
                  </a:lnTo>
                  <a:lnTo>
                    <a:pt x="800" y="444"/>
                  </a:lnTo>
                  <a:lnTo>
                    <a:pt x="788" y="440"/>
                  </a:lnTo>
                  <a:lnTo>
                    <a:pt x="784" y="438"/>
                  </a:lnTo>
                  <a:lnTo>
                    <a:pt x="782" y="432"/>
                  </a:lnTo>
                  <a:lnTo>
                    <a:pt x="782" y="430"/>
                  </a:lnTo>
                  <a:lnTo>
                    <a:pt x="782" y="426"/>
                  </a:lnTo>
                  <a:lnTo>
                    <a:pt x="780" y="424"/>
                  </a:lnTo>
                  <a:lnTo>
                    <a:pt x="778" y="422"/>
                  </a:lnTo>
                  <a:lnTo>
                    <a:pt x="774" y="422"/>
                  </a:lnTo>
                  <a:lnTo>
                    <a:pt x="770" y="422"/>
                  </a:lnTo>
                  <a:lnTo>
                    <a:pt x="754" y="422"/>
                  </a:lnTo>
                  <a:lnTo>
                    <a:pt x="752" y="422"/>
                  </a:lnTo>
                  <a:lnTo>
                    <a:pt x="742" y="422"/>
                  </a:lnTo>
                  <a:lnTo>
                    <a:pt x="738" y="416"/>
                  </a:lnTo>
                  <a:lnTo>
                    <a:pt x="734" y="412"/>
                  </a:lnTo>
                  <a:lnTo>
                    <a:pt x="734" y="406"/>
                  </a:lnTo>
                  <a:lnTo>
                    <a:pt x="736" y="394"/>
                  </a:lnTo>
                  <a:lnTo>
                    <a:pt x="740" y="390"/>
                  </a:lnTo>
                  <a:lnTo>
                    <a:pt x="740" y="384"/>
                  </a:lnTo>
                  <a:lnTo>
                    <a:pt x="738" y="378"/>
                  </a:lnTo>
                  <a:lnTo>
                    <a:pt x="728" y="368"/>
                  </a:lnTo>
                  <a:lnTo>
                    <a:pt x="720" y="358"/>
                  </a:lnTo>
                  <a:lnTo>
                    <a:pt x="716" y="358"/>
                  </a:lnTo>
                  <a:lnTo>
                    <a:pt x="714" y="356"/>
                  </a:lnTo>
                  <a:lnTo>
                    <a:pt x="710" y="358"/>
                  </a:lnTo>
                  <a:lnTo>
                    <a:pt x="708" y="358"/>
                  </a:lnTo>
                  <a:lnTo>
                    <a:pt x="700" y="368"/>
                  </a:lnTo>
                  <a:lnTo>
                    <a:pt x="694" y="370"/>
                  </a:lnTo>
                  <a:lnTo>
                    <a:pt x="686" y="370"/>
                  </a:lnTo>
                  <a:lnTo>
                    <a:pt x="682" y="366"/>
                  </a:lnTo>
                  <a:lnTo>
                    <a:pt x="670" y="362"/>
                  </a:lnTo>
                  <a:lnTo>
                    <a:pt x="656" y="362"/>
                  </a:lnTo>
                  <a:lnTo>
                    <a:pt x="654" y="362"/>
                  </a:lnTo>
                  <a:lnTo>
                    <a:pt x="646" y="364"/>
                  </a:lnTo>
                  <a:lnTo>
                    <a:pt x="640" y="368"/>
                  </a:lnTo>
                  <a:lnTo>
                    <a:pt x="632" y="376"/>
                  </a:lnTo>
                  <a:lnTo>
                    <a:pt x="626" y="380"/>
                  </a:lnTo>
                  <a:lnTo>
                    <a:pt x="620" y="382"/>
                  </a:lnTo>
                  <a:lnTo>
                    <a:pt x="610" y="382"/>
                  </a:lnTo>
                  <a:lnTo>
                    <a:pt x="606" y="384"/>
                  </a:lnTo>
                  <a:lnTo>
                    <a:pt x="600" y="388"/>
                  </a:lnTo>
                  <a:lnTo>
                    <a:pt x="596" y="390"/>
                  </a:lnTo>
                  <a:lnTo>
                    <a:pt x="592" y="392"/>
                  </a:lnTo>
                  <a:lnTo>
                    <a:pt x="586" y="394"/>
                  </a:lnTo>
                  <a:lnTo>
                    <a:pt x="584" y="400"/>
                  </a:lnTo>
                  <a:lnTo>
                    <a:pt x="578" y="414"/>
                  </a:lnTo>
                  <a:lnTo>
                    <a:pt x="574" y="420"/>
                  </a:lnTo>
                  <a:lnTo>
                    <a:pt x="568" y="422"/>
                  </a:lnTo>
                  <a:lnTo>
                    <a:pt x="556" y="422"/>
                  </a:lnTo>
                  <a:lnTo>
                    <a:pt x="548" y="424"/>
                  </a:lnTo>
                  <a:lnTo>
                    <a:pt x="544" y="430"/>
                  </a:lnTo>
                  <a:lnTo>
                    <a:pt x="540" y="444"/>
                  </a:lnTo>
                  <a:lnTo>
                    <a:pt x="538" y="456"/>
                  </a:lnTo>
                  <a:lnTo>
                    <a:pt x="534" y="460"/>
                  </a:lnTo>
                  <a:lnTo>
                    <a:pt x="530" y="460"/>
                  </a:lnTo>
                  <a:lnTo>
                    <a:pt x="526" y="460"/>
                  </a:lnTo>
                  <a:lnTo>
                    <a:pt x="518" y="462"/>
                  </a:lnTo>
                  <a:lnTo>
                    <a:pt x="514" y="468"/>
                  </a:lnTo>
                  <a:lnTo>
                    <a:pt x="502" y="484"/>
                  </a:lnTo>
                  <a:lnTo>
                    <a:pt x="500" y="490"/>
                  </a:lnTo>
                  <a:lnTo>
                    <a:pt x="498" y="498"/>
                  </a:lnTo>
                  <a:lnTo>
                    <a:pt x="498" y="502"/>
                  </a:lnTo>
                  <a:lnTo>
                    <a:pt x="496" y="510"/>
                  </a:lnTo>
                  <a:lnTo>
                    <a:pt x="494" y="516"/>
                  </a:lnTo>
                  <a:lnTo>
                    <a:pt x="482" y="532"/>
                  </a:lnTo>
                  <a:lnTo>
                    <a:pt x="474" y="546"/>
                  </a:lnTo>
                  <a:lnTo>
                    <a:pt x="472" y="552"/>
                  </a:lnTo>
                  <a:lnTo>
                    <a:pt x="466" y="566"/>
                  </a:lnTo>
                  <a:lnTo>
                    <a:pt x="462" y="570"/>
                  </a:lnTo>
                  <a:lnTo>
                    <a:pt x="456" y="586"/>
                  </a:lnTo>
                  <a:lnTo>
                    <a:pt x="452" y="590"/>
                  </a:lnTo>
                  <a:lnTo>
                    <a:pt x="444" y="604"/>
                  </a:lnTo>
                  <a:lnTo>
                    <a:pt x="424" y="640"/>
                  </a:lnTo>
                  <a:lnTo>
                    <a:pt x="414" y="652"/>
                  </a:lnTo>
                  <a:lnTo>
                    <a:pt x="406" y="660"/>
                  </a:lnTo>
                  <a:lnTo>
                    <a:pt x="392" y="670"/>
                  </a:lnTo>
                  <a:lnTo>
                    <a:pt x="388" y="672"/>
                  </a:lnTo>
                  <a:lnTo>
                    <a:pt x="382" y="676"/>
                  </a:lnTo>
                  <a:lnTo>
                    <a:pt x="376" y="682"/>
                  </a:lnTo>
                  <a:lnTo>
                    <a:pt x="374" y="688"/>
                  </a:lnTo>
                  <a:lnTo>
                    <a:pt x="366" y="700"/>
                  </a:lnTo>
                  <a:lnTo>
                    <a:pt x="356" y="710"/>
                  </a:lnTo>
                  <a:lnTo>
                    <a:pt x="352" y="714"/>
                  </a:lnTo>
                  <a:lnTo>
                    <a:pt x="350" y="720"/>
                  </a:lnTo>
                  <a:lnTo>
                    <a:pt x="346" y="732"/>
                  </a:lnTo>
                  <a:lnTo>
                    <a:pt x="344" y="736"/>
                  </a:lnTo>
                  <a:lnTo>
                    <a:pt x="342" y="744"/>
                  </a:lnTo>
                  <a:lnTo>
                    <a:pt x="340" y="752"/>
                  </a:lnTo>
                  <a:lnTo>
                    <a:pt x="340" y="756"/>
                  </a:lnTo>
                  <a:lnTo>
                    <a:pt x="342" y="764"/>
                  </a:lnTo>
                  <a:lnTo>
                    <a:pt x="344" y="770"/>
                  </a:lnTo>
                  <a:lnTo>
                    <a:pt x="346" y="776"/>
                  </a:lnTo>
                  <a:lnTo>
                    <a:pt x="348" y="784"/>
                  </a:lnTo>
                  <a:lnTo>
                    <a:pt x="350" y="792"/>
                  </a:lnTo>
                  <a:lnTo>
                    <a:pt x="350" y="794"/>
                  </a:lnTo>
                  <a:lnTo>
                    <a:pt x="350" y="810"/>
                  </a:lnTo>
                  <a:lnTo>
                    <a:pt x="350" y="814"/>
                  </a:lnTo>
                  <a:lnTo>
                    <a:pt x="352" y="820"/>
                  </a:lnTo>
                  <a:lnTo>
                    <a:pt x="356" y="826"/>
                  </a:lnTo>
                  <a:lnTo>
                    <a:pt x="364" y="828"/>
                  </a:lnTo>
                  <a:lnTo>
                    <a:pt x="370" y="830"/>
                  </a:lnTo>
                  <a:lnTo>
                    <a:pt x="378" y="832"/>
                  </a:lnTo>
                  <a:lnTo>
                    <a:pt x="382" y="832"/>
                  </a:lnTo>
                  <a:lnTo>
                    <a:pt x="390" y="830"/>
                  </a:lnTo>
                  <a:lnTo>
                    <a:pt x="396" y="828"/>
                  </a:lnTo>
                  <a:lnTo>
                    <a:pt x="412" y="816"/>
                  </a:lnTo>
                  <a:lnTo>
                    <a:pt x="424" y="808"/>
                  </a:lnTo>
                  <a:lnTo>
                    <a:pt x="430" y="804"/>
                  </a:lnTo>
                  <a:lnTo>
                    <a:pt x="434" y="802"/>
                  </a:lnTo>
                  <a:lnTo>
                    <a:pt x="438" y="800"/>
                  </a:lnTo>
                  <a:lnTo>
                    <a:pt x="442" y="796"/>
                  </a:lnTo>
                  <a:lnTo>
                    <a:pt x="446" y="790"/>
                  </a:lnTo>
                  <a:lnTo>
                    <a:pt x="454" y="778"/>
                  </a:lnTo>
                  <a:lnTo>
                    <a:pt x="458" y="774"/>
                  </a:lnTo>
                  <a:lnTo>
                    <a:pt x="454" y="778"/>
                  </a:lnTo>
                  <a:lnTo>
                    <a:pt x="446" y="790"/>
                  </a:lnTo>
                  <a:lnTo>
                    <a:pt x="442" y="796"/>
                  </a:lnTo>
                  <a:lnTo>
                    <a:pt x="440" y="808"/>
                  </a:lnTo>
                  <a:lnTo>
                    <a:pt x="442" y="820"/>
                  </a:lnTo>
                  <a:lnTo>
                    <a:pt x="446" y="826"/>
                  </a:lnTo>
                  <a:lnTo>
                    <a:pt x="448" y="832"/>
                  </a:lnTo>
                  <a:lnTo>
                    <a:pt x="448" y="840"/>
                  </a:lnTo>
                  <a:lnTo>
                    <a:pt x="448" y="844"/>
                  </a:lnTo>
                  <a:lnTo>
                    <a:pt x="452" y="860"/>
                  </a:lnTo>
                  <a:lnTo>
                    <a:pt x="456" y="874"/>
                  </a:lnTo>
                  <a:lnTo>
                    <a:pt x="458" y="886"/>
                  </a:lnTo>
                  <a:lnTo>
                    <a:pt x="460" y="892"/>
                  </a:lnTo>
                  <a:lnTo>
                    <a:pt x="464" y="896"/>
                  </a:lnTo>
                  <a:lnTo>
                    <a:pt x="466" y="902"/>
                  </a:lnTo>
                  <a:lnTo>
                    <a:pt x="468" y="906"/>
                  </a:lnTo>
                  <a:lnTo>
                    <a:pt x="470" y="910"/>
                  </a:lnTo>
                  <a:lnTo>
                    <a:pt x="476" y="910"/>
                  </a:lnTo>
                  <a:lnTo>
                    <a:pt x="480" y="910"/>
                  </a:lnTo>
                  <a:lnTo>
                    <a:pt x="486" y="910"/>
                  </a:lnTo>
                  <a:lnTo>
                    <a:pt x="488" y="906"/>
                  </a:lnTo>
                  <a:lnTo>
                    <a:pt x="490" y="902"/>
                  </a:lnTo>
                  <a:lnTo>
                    <a:pt x="492" y="896"/>
                  </a:lnTo>
                  <a:lnTo>
                    <a:pt x="498" y="892"/>
                  </a:lnTo>
                  <a:lnTo>
                    <a:pt x="506" y="892"/>
                  </a:lnTo>
                  <a:lnTo>
                    <a:pt x="510" y="892"/>
                  </a:lnTo>
                  <a:lnTo>
                    <a:pt x="516" y="890"/>
                  </a:lnTo>
                  <a:lnTo>
                    <a:pt x="520" y="884"/>
                  </a:lnTo>
                  <a:lnTo>
                    <a:pt x="524" y="878"/>
                  </a:lnTo>
                  <a:lnTo>
                    <a:pt x="526" y="872"/>
                  </a:lnTo>
                  <a:lnTo>
                    <a:pt x="528" y="864"/>
                  </a:lnTo>
                  <a:lnTo>
                    <a:pt x="528" y="840"/>
                  </a:lnTo>
                  <a:lnTo>
                    <a:pt x="528" y="824"/>
                  </a:lnTo>
                  <a:lnTo>
                    <a:pt x="528" y="822"/>
                  </a:lnTo>
                  <a:lnTo>
                    <a:pt x="528" y="816"/>
                  </a:lnTo>
                  <a:lnTo>
                    <a:pt x="532" y="814"/>
                  </a:lnTo>
                  <a:lnTo>
                    <a:pt x="544" y="810"/>
                  </a:lnTo>
                  <a:lnTo>
                    <a:pt x="550" y="806"/>
                  </a:lnTo>
                  <a:lnTo>
                    <a:pt x="554" y="802"/>
                  </a:lnTo>
                  <a:lnTo>
                    <a:pt x="556" y="796"/>
                  </a:lnTo>
                  <a:lnTo>
                    <a:pt x="556" y="792"/>
                  </a:lnTo>
                  <a:lnTo>
                    <a:pt x="556" y="784"/>
                  </a:lnTo>
                  <a:lnTo>
                    <a:pt x="554" y="776"/>
                  </a:lnTo>
                  <a:lnTo>
                    <a:pt x="550" y="772"/>
                  </a:lnTo>
                  <a:lnTo>
                    <a:pt x="542" y="760"/>
                  </a:lnTo>
                  <a:lnTo>
                    <a:pt x="538" y="754"/>
                  </a:lnTo>
                  <a:lnTo>
                    <a:pt x="536" y="746"/>
                  </a:lnTo>
                  <a:lnTo>
                    <a:pt x="536" y="732"/>
                  </a:lnTo>
                  <a:lnTo>
                    <a:pt x="536" y="716"/>
                  </a:lnTo>
                  <a:lnTo>
                    <a:pt x="536" y="704"/>
                  </a:lnTo>
                  <a:lnTo>
                    <a:pt x="538" y="696"/>
                  </a:lnTo>
                  <a:lnTo>
                    <a:pt x="542" y="690"/>
                  </a:lnTo>
                  <a:lnTo>
                    <a:pt x="550" y="682"/>
                  </a:lnTo>
                  <a:lnTo>
                    <a:pt x="562" y="672"/>
                  </a:lnTo>
                  <a:lnTo>
                    <a:pt x="572" y="662"/>
                  </a:lnTo>
                  <a:lnTo>
                    <a:pt x="590" y="652"/>
                  </a:lnTo>
                  <a:lnTo>
                    <a:pt x="594" y="646"/>
                  </a:lnTo>
                  <a:lnTo>
                    <a:pt x="600" y="640"/>
                  </a:lnTo>
                  <a:lnTo>
                    <a:pt x="602" y="634"/>
                  </a:lnTo>
                  <a:lnTo>
                    <a:pt x="604" y="628"/>
                  </a:lnTo>
                  <a:lnTo>
                    <a:pt x="600" y="622"/>
                  </a:lnTo>
                  <a:lnTo>
                    <a:pt x="598" y="616"/>
                  </a:lnTo>
                  <a:lnTo>
                    <a:pt x="600" y="610"/>
                  </a:lnTo>
                  <a:lnTo>
                    <a:pt x="602" y="604"/>
                  </a:lnTo>
                  <a:lnTo>
                    <a:pt x="612" y="592"/>
                  </a:lnTo>
                  <a:lnTo>
                    <a:pt x="620" y="584"/>
                  </a:lnTo>
                  <a:lnTo>
                    <a:pt x="624" y="580"/>
                  </a:lnTo>
                  <a:lnTo>
                    <a:pt x="630" y="576"/>
                  </a:lnTo>
                  <a:lnTo>
                    <a:pt x="634" y="578"/>
                  </a:lnTo>
                  <a:lnTo>
                    <a:pt x="640" y="582"/>
                  </a:lnTo>
                  <a:lnTo>
                    <a:pt x="648" y="594"/>
                  </a:lnTo>
                  <a:lnTo>
                    <a:pt x="652" y="600"/>
                  </a:lnTo>
                  <a:lnTo>
                    <a:pt x="652" y="608"/>
                  </a:lnTo>
                  <a:lnTo>
                    <a:pt x="652" y="614"/>
                  </a:lnTo>
                  <a:lnTo>
                    <a:pt x="638" y="640"/>
                  </a:lnTo>
                  <a:lnTo>
                    <a:pt x="634" y="646"/>
                  </a:lnTo>
                  <a:lnTo>
                    <a:pt x="628" y="650"/>
                  </a:lnTo>
                  <a:lnTo>
                    <a:pt x="612" y="662"/>
                  </a:lnTo>
                  <a:lnTo>
                    <a:pt x="606" y="666"/>
                  </a:lnTo>
                  <a:lnTo>
                    <a:pt x="604" y="674"/>
                  </a:lnTo>
                  <a:lnTo>
                    <a:pt x="598" y="688"/>
                  </a:lnTo>
                  <a:lnTo>
                    <a:pt x="596" y="704"/>
                  </a:lnTo>
                  <a:lnTo>
                    <a:pt x="596" y="726"/>
                  </a:lnTo>
                  <a:lnTo>
                    <a:pt x="596" y="734"/>
                  </a:lnTo>
                  <a:lnTo>
                    <a:pt x="600" y="742"/>
                  </a:lnTo>
                  <a:lnTo>
                    <a:pt x="602" y="748"/>
                  </a:lnTo>
                  <a:lnTo>
                    <a:pt x="610" y="760"/>
                  </a:lnTo>
                  <a:lnTo>
                    <a:pt x="620" y="770"/>
                  </a:lnTo>
                  <a:lnTo>
                    <a:pt x="626" y="772"/>
                  </a:lnTo>
                  <a:lnTo>
                    <a:pt x="634" y="774"/>
                  </a:lnTo>
                  <a:lnTo>
                    <a:pt x="636" y="774"/>
                  </a:lnTo>
                  <a:lnTo>
                    <a:pt x="652" y="772"/>
                  </a:lnTo>
                  <a:lnTo>
                    <a:pt x="676" y="766"/>
                  </a:lnTo>
                  <a:lnTo>
                    <a:pt x="690" y="764"/>
                  </a:lnTo>
                  <a:lnTo>
                    <a:pt x="694" y="764"/>
                  </a:lnTo>
                  <a:lnTo>
                    <a:pt x="700" y="764"/>
                  </a:lnTo>
                  <a:lnTo>
                    <a:pt x="704" y="766"/>
                  </a:lnTo>
                  <a:lnTo>
                    <a:pt x="708" y="768"/>
                  </a:lnTo>
                  <a:lnTo>
                    <a:pt x="712" y="774"/>
                  </a:lnTo>
                  <a:lnTo>
                    <a:pt x="714" y="782"/>
                  </a:lnTo>
                  <a:lnTo>
                    <a:pt x="714" y="786"/>
                  </a:lnTo>
                  <a:lnTo>
                    <a:pt x="712" y="790"/>
                  </a:lnTo>
                  <a:lnTo>
                    <a:pt x="708" y="794"/>
                  </a:lnTo>
                  <a:lnTo>
                    <a:pt x="704" y="794"/>
                  </a:lnTo>
                  <a:lnTo>
                    <a:pt x="700" y="792"/>
                  </a:lnTo>
                  <a:lnTo>
                    <a:pt x="686" y="792"/>
                  </a:lnTo>
                  <a:lnTo>
                    <a:pt x="672" y="792"/>
                  </a:lnTo>
                  <a:lnTo>
                    <a:pt x="658" y="796"/>
                  </a:lnTo>
                  <a:lnTo>
                    <a:pt x="642" y="800"/>
                  </a:lnTo>
                  <a:lnTo>
                    <a:pt x="638" y="804"/>
                  </a:lnTo>
                  <a:lnTo>
                    <a:pt x="634" y="808"/>
                  </a:lnTo>
                  <a:lnTo>
                    <a:pt x="634" y="818"/>
                  </a:lnTo>
                  <a:lnTo>
                    <a:pt x="636" y="822"/>
                  </a:lnTo>
                  <a:lnTo>
                    <a:pt x="640" y="828"/>
                  </a:lnTo>
                  <a:lnTo>
                    <a:pt x="644" y="832"/>
                  </a:lnTo>
                  <a:lnTo>
                    <a:pt x="644" y="838"/>
                  </a:lnTo>
                  <a:lnTo>
                    <a:pt x="644" y="842"/>
                  </a:lnTo>
                  <a:lnTo>
                    <a:pt x="642" y="850"/>
                  </a:lnTo>
                  <a:lnTo>
                    <a:pt x="638" y="854"/>
                  </a:lnTo>
                  <a:lnTo>
                    <a:pt x="636" y="856"/>
                  </a:lnTo>
                  <a:lnTo>
                    <a:pt x="634" y="858"/>
                  </a:lnTo>
                  <a:lnTo>
                    <a:pt x="632" y="858"/>
                  </a:lnTo>
                  <a:lnTo>
                    <a:pt x="628" y="858"/>
                  </a:lnTo>
                  <a:lnTo>
                    <a:pt x="622" y="856"/>
                  </a:lnTo>
                  <a:lnTo>
                    <a:pt x="610" y="852"/>
                  </a:lnTo>
                  <a:lnTo>
                    <a:pt x="606" y="854"/>
                  </a:lnTo>
                  <a:lnTo>
                    <a:pt x="602" y="858"/>
                  </a:lnTo>
                  <a:lnTo>
                    <a:pt x="600" y="864"/>
                  </a:lnTo>
                  <a:lnTo>
                    <a:pt x="598" y="872"/>
                  </a:lnTo>
                  <a:lnTo>
                    <a:pt x="596" y="880"/>
                  </a:lnTo>
                  <a:lnTo>
                    <a:pt x="596" y="882"/>
                  </a:lnTo>
                  <a:lnTo>
                    <a:pt x="596" y="890"/>
                  </a:lnTo>
                  <a:lnTo>
                    <a:pt x="596" y="898"/>
                  </a:lnTo>
                  <a:lnTo>
                    <a:pt x="596" y="902"/>
                  </a:lnTo>
                  <a:lnTo>
                    <a:pt x="596" y="910"/>
                  </a:lnTo>
                  <a:lnTo>
                    <a:pt x="592" y="910"/>
                  </a:lnTo>
                  <a:lnTo>
                    <a:pt x="586" y="912"/>
                  </a:lnTo>
                  <a:lnTo>
                    <a:pt x="582" y="916"/>
                  </a:lnTo>
                  <a:lnTo>
                    <a:pt x="578" y="920"/>
                  </a:lnTo>
                  <a:lnTo>
                    <a:pt x="576" y="926"/>
                  </a:lnTo>
                  <a:lnTo>
                    <a:pt x="574" y="928"/>
                  </a:lnTo>
                  <a:lnTo>
                    <a:pt x="568" y="930"/>
                  </a:lnTo>
                  <a:lnTo>
                    <a:pt x="564" y="930"/>
                  </a:lnTo>
                  <a:lnTo>
                    <a:pt x="552" y="930"/>
                  </a:lnTo>
                  <a:lnTo>
                    <a:pt x="540" y="932"/>
                  </a:lnTo>
                  <a:lnTo>
                    <a:pt x="516" y="938"/>
                  </a:lnTo>
                  <a:lnTo>
                    <a:pt x="500" y="944"/>
                  </a:lnTo>
                  <a:lnTo>
                    <a:pt x="496" y="946"/>
                  </a:lnTo>
                  <a:lnTo>
                    <a:pt x="488" y="950"/>
                  </a:lnTo>
                  <a:lnTo>
                    <a:pt x="482" y="946"/>
                  </a:lnTo>
                  <a:lnTo>
                    <a:pt x="476" y="944"/>
                  </a:lnTo>
                  <a:lnTo>
                    <a:pt x="468" y="942"/>
                  </a:lnTo>
                  <a:lnTo>
                    <a:pt x="462" y="944"/>
                  </a:lnTo>
                  <a:lnTo>
                    <a:pt x="456" y="946"/>
                  </a:lnTo>
                  <a:lnTo>
                    <a:pt x="450" y="946"/>
                  </a:lnTo>
                  <a:lnTo>
                    <a:pt x="444" y="944"/>
                  </a:lnTo>
                  <a:lnTo>
                    <a:pt x="440" y="940"/>
                  </a:lnTo>
                  <a:lnTo>
                    <a:pt x="440" y="934"/>
                  </a:lnTo>
                  <a:lnTo>
                    <a:pt x="436" y="932"/>
                  </a:lnTo>
                  <a:lnTo>
                    <a:pt x="432" y="930"/>
                  </a:lnTo>
                  <a:lnTo>
                    <a:pt x="428" y="930"/>
                  </a:lnTo>
                  <a:lnTo>
                    <a:pt x="424" y="930"/>
                  </a:lnTo>
                  <a:lnTo>
                    <a:pt x="422" y="928"/>
                  </a:lnTo>
                  <a:lnTo>
                    <a:pt x="420" y="924"/>
                  </a:lnTo>
                  <a:lnTo>
                    <a:pt x="420" y="922"/>
                  </a:lnTo>
                  <a:lnTo>
                    <a:pt x="420" y="918"/>
                  </a:lnTo>
                  <a:lnTo>
                    <a:pt x="420" y="902"/>
                  </a:lnTo>
                  <a:lnTo>
                    <a:pt x="420" y="898"/>
                  </a:lnTo>
                  <a:lnTo>
                    <a:pt x="422" y="894"/>
                  </a:lnTo>
                  <a:lnTo>
                    <a:pt x="424" y="890"/>
                  </a:lnTo>
                  <a:lnTo>
                    <a:pt x="430" y="890"/>
                  </a:lnTo>
                  <a:lnTo>
                    <a:pt x="434" y="886"/>
                  </a:lnTo>
                  <a:lnTo>
                    <a:pt x="436" y="882"/>
                  </a:lnTo>
                  <a:lnTo>
                    <a:pt x="434" y="882"/>
                  </a:lnTo>
                  <a:lnTo>
                    <a:pt x="430" y="880"/>
                  </a:lnTo>
                  <a:lnTo>
                    <a:pt x="430" y="876"/>
                  </a:lnTo>
                  <a:lnTo>
                    <a:pt x="430" y="864"/>
                  </a:lnTo>
                  <a:lnTo>
                    <a:pt x="430" y="860"/>
                  </a:lnTo>
                  <a:lnTo>
                    <a:pt x="428" y="858"/>
                  </a:lnTo>
                  <a:lnTo>
                    <a:pt x="428" y="856"/>
                  </a:lnTo>
                  <a:lnTo>
                    <a:pt x="426" y="854"/>
                  </a:lnTo>
                  <a:lnTo>
                    <a:pt x="422" y="856"/>
                  </a:lnTo>
                  <a:lnTo>
                    <a:pt x="418" y="858"/>
                  </a:lnTo>
                  <a:lnTo>
                    <a:pt x="406" y="862"/>
                  </a:lnTo>
                  <a:lnTo>
                    <a:pt x="400" y="864"/>
                  </a:lnTo>
                  <a:lnTo>
                    <a:pt x="398" y="868"/>
                  </a:lnTo>
                  <a:lnTo>
                    <a:pt x="394" y="874"/>
                  </a:lnTo>
                  <a:lnTo>
                    <a:pt x="392" y="882"/>
                  </a:lnTo>
                  <a:lnTo>
                    <a:pt x="392" y="890"/>
                  </a:lnTo>
                  <a:lnTo>
                    <a:pt x="392" y="892"/>
                  </a:lnTo>
                  <a:lnTo>
                    <a:pt x="392" y="900"/>
                  </a:lnTo>
                  <a:lnTo>
                    <a:pt x="396" y="906"/>
                  </a:lnTo>
                  <a:lnTo>
                    <a:pt x="404" y="918"/>
                  </a:lnTo>
                  <a:lnTo>
                    <a:pt x="406" y="922"/>
                  </a:lnTo>
                  <a:lnTo>
                    <a:pt x="410" y="930"/>
                  </a:lnTo>
                  <a:lnTo>
                    <a:pt x="406" y="936"/>
                  </a:lnTo>
                  <a:lnTo>
                    <a:pt x="404" y="942"/>
                  </a:lnTo>
                  <a:lnTo>
                    <a:pt x="400" y="954"/>
                  </a:lnTo>
                  <a:lnTo>
                    <a:pt x="398" y="958"/>
                  </a:lnTo>
                  <a:lnTo>
                    <a:pt x="396" y="958"/>
                  </a:lnTo>
                  <a:lnTo>
                    <a:pt x="386" y="958"/>
                  </a:lnTo>
                  <a:lnTo>
                    <a:pt x="380" y="960"/>
                  </a:lnTo>
                  <a:lnTo>
                    <a:pt x="376" y="960"/>
                  </a:lnTo>
                  <a:lnTo>
                    <a:pt x="364" y="964"/>
                  </a:lnTo>
                  <a:lnTo>
                    <a:pt x="358" y="966"/>
                  </a:lnTo>
                  <a:lnTo>
                    <a:pt x="352" y="970"/>
                  </a:lnTo>
                  <a:lnTo>
                    <a:pt x="346" y="976"/>
                  </a:lnTo>
                  <a:lnTo>
                    <a:pt x="336" y="992"/>
                  </a:lnTo>
                  <a:lnTo>
                    <a:pt x="326" y="1004"/>
                  </a:lnTo>
                  <a:lnTo>
                    <a:pt x="320" y="1008"/>
                  </a:lnTo>
                  <a:lnTo>
                    <a:pt x="316" y="1012"/>
                  </a:lnTo>
                  <a:lnTo>
                    <a:pt x="312" y="1018"/>
                  </a:lnTo>
                  <a:lnTo>
                    <a:pt x="306" y="1024"/>
                  </a:lnTo>
                  <a:lnTo>
                    <a:pt x="298" y="1034"/>
                  </a:lnTo>
                  <a:lnTo>
                    <a:pt x="296" y="1040"/>
                  </a:lnTo>
                  <a:lnTo>
                    <a:pt x="292" y="1046"/>
                  </a:lnTo>
                  <a:lnTo>
                    <a:pt x="288" y="1048"/>
                  </a:lnTo>
                  <a:lnTo>
                    <a:pt x="282" y="1050"/>
                  </a:lnTo>
                  <a:lnTo>
                    <a:pt x="278" y="1054"/>
                  </a:lnTo>
                  <a:lnTo>
                    <a:pt x="276" y="1060"/>
                  </a:lnTo>
                  <a:lnTo>
                    <a:pt x="272" y="1064"/>
                  </a:lnTo>
                  <a:lnTo>
                    <a:pt x="264" y="1066"/>
                  </a:lnTo>
                  <a:lnTo>
                    <a:pt x="260" y="1066"/>
                  </a:lnTo>
                  <a:lnTo>
                    <a:pt x="256" y="1066"/>
                  </a:lnTo>
                  <a:lnTo>
                    <a:pt x="252" y="1062"/>
                  </a:lnTo>
                  <a:lnTo>
                    <a:pt x="252" y="1058"/>
                  </a:lnTo>
                  <a:lnTo>
                    <a:pt x="248" y="1058"/>
                  </a:lnTo>
                  <a:lnTo>
                    <a:pt x="244" y="1058"/>
                  </a:lnTo>
                  <a:lnTo>
                    <a:pt x="242" y="1062"/>
                  </a:lnTo>
                  <a:lnTo>
                    <a:pt x="242" y="1072"/>
                  </a:lnTo>
                  <a:lnTo>
                    <a:pt x="242" y="1076"/>
                  </a:lnTo>
                  <a:lnTo>
                    <a:pt x="238" y="1076"/>
                  </a:lnTo>
                  <a:lnTo>
                    <a:pt x="228" y="1076"/>
                  </a:lnTo>
                  <a:lnTo>
                    <a:pt x="218" y="1076"/>
                  </a:lnTo>
                  <a:lnTo>
                    <a:pt x="206" y="1080"/>
                  </a:lnTo>
                  <a:lnTo>
                    <a:pt x="202" y="1082"/>
                  </a:lnTo>
                  <a:lnTo>
                    <a:pt x="196" y="1086"/>
                  </a:lnTo>
                  <a:lnTo>
                    <a:pt x="194" y="1092"/>
                  </a:lnTo>
                  <a:lnTo>
                    <a:pt x="196" y="1096"/>
                  </a:lnTo>
                  <a:lnTo>
                    <a:pt x="202" y="1100"/>
                  </a:lnTo>
                  <a:lnTo>
                    <a:pt x="206" y="1102"/>
                  </a:lnTo>
                  <a:lnTo>
                    <a:pt x="214" y="1106"/>
                  </a:lnTo>
                  <a:lnTo>
                    <a:pt x="222" y="1106"/>
                  </a:lnTo>
                  <a:lnTo>
                    <a:pt x="226" y="1106"/>
                  </a:lnTo>
                  <a:lnTo>
                    <a:pt x="230" y="1108"/>
                  </a:lnTo>
                  <a:lnTo>
                    <a:pt x="234" y="1110"/>
                  </a:lnTo>
                  <a:lnTo>
                    <a:pt x="234" y="1116"/>
                  </a:lnTo>
                  <a:lnTo>
                    <a:pt x="238" y="1120"/>
                  </a:lnTo>
                  <a:lnTo>
                    <a:pt x="242" y="1126"/>
                  </a:lnTo>
                  <a:lnTo>
                    <a:pt x="242" y="1134"/>
                  </a:lnTo>
                  <a:lnTo>
                    <a:pt x="242" y="1138"/>
                  </a:lnTo>
                  <a:lnTo>
                    <a:pt x="244" y="1142"/>
                  </a:lnTo>
                  <a:lnTo>
                    <a:pt x="248" y="1146"/>
                  </a:lnTo>
                  <a:lnTo>
                    <a:pt x="252" y="1148"/>
                  </a:lnTo>
                  <a:lnTo>
                    <a:pt x="252" y="1154"/>
                  </a:lnTo>
                  <a:lnTo>
                    <a:pt x="252" y="1156"/>
                  </a:lnTo>
                  <a:lnTo>
                    <a:pt x="250" y="1172"/>
                  </a:lnTo>
                  <a:lnTo>
                    <a:pt x="244" y="1196"/>
                  </a:lnTo>
                  <a:lnTo>
                    <a:pt x="242" y="1204"/>
                  </a:lnTo>
                  <a:lnTo>
                    <a:pt x="234" y="1202"/>
                  </a:lnTo>
                  <a:lnTo>
                    <a:pt x="192" y="1194"/>
                  </a:lnTo>
                  <a:lnTo>
                    <a:pt x="176" y="1194"/>
                  </a:lnTo>
                  <a:lnTo>
                    <a:pt x="162" y="1194"/>
                  </a:lnTo>
                  <a:lnTo>
                    <a:pt x="150" y="1194"/>
                  </a:lnTo>
                  <a:lnTo>
                    <a:pt x="140" y="1194"/>
                  </a:lnTo>
                  <a:lnTo>
                    <a:pt x="134" y="1196"/>
                  </a:lnTo>
                  <a:lnTo>
                    <a:pt x="130" y="1198"/>
                  </a:lnTo>
                  <a:lnTo>
                    <a:pt x="128" y="1204"/>
                  </a:lnTo>
                  <a:lnTo>
                    <a:pt x="128" y="1212"/>
                  </a:lnTo>
                  <a:lnTo>
                    <a:pt x="132" y="1226"/>
                  </a:lnTo>
                  <a:lnTo>
                    <a:pt x="134" y="1234"/>
                  </a:lnTo>
                  <a:lnTo>
                    <a:pt x="130" y="1234"/>
                  </a:lnTo>
                  <a:lnTo>
                    <a:pt x="128" y="1234"/>
                  </a:lnTo>
                  <a:lnTo>
                    <a:pt x="128" y="1236"/>
                  </a:lnTo>
                  <a:lnTo>
                    <a:pt x="128" y="1240"/>
                  </a:lnTo>
                  <a:lnTo>
                    <a:pt x="132" y="1246"/>
                  </a:lnTo>
                  <a:lnTo>
                    <a:pt x="134" y="1254"/>
                  </a:lnTo>
                  <a:lnTo>
                    <a:pt x="134" y="1262"/>
                  </a:lnTo>
                  <a:lnTo>
                    <a:pt x="134" y="1264"/>
                  </a:lnTo>
                  <a:lnTo>
                    <a:pt x="134" y="1272"/>
                  </a:lnTo>
                  <a:lnTo>
                    <a:pt x="132" y="1280"/>
                  </a:lnTo>
                  <a:lnTo>
                    <a:pt x="128" y="1286"/>
                  </a:lnTo>
                  <a:lnTo>
                    <a:pt x="128" y="1292"/>
                  </a:lnTo>
                  <a:lnTo>
                    <a:pt x="130" y="1298"/>
                  </a:lnTo>
                  <a:lnTo>
                    <a:pt x="134" y="1304"/>
                  </a:lnTo>
                  <a:lnTo>
                    <a:pt x="134" y="1310"/>
                  </a:lnTo>
                  <a:lnTo>
                    <a:pt x="134" y="1314"/>
                  </a:lnTo>
                  <a:lnTo>
                    <a:pt x="136" y="1316"/>
                  </a:lnTo>
                  <a:lnTo>
                    <a:pt x="138" y="1320"/>
                  </a:lnTo>
                  <a:lnTo>
                    <a:pt x="140" y="1322"/>
                  </a:lnTo>
                  <a:lnTo>
                    <a:pt x="142" y="1322"/>
                  </a:lnTo>
                  <a:lnTo>
                    <a:pt x="146" y="1322"/>
                  </a:lnTo>
                  <a:lnTo>
                    <a:pt x="154" y="1322"/>
                  </a:lnTo>
                  <a:lnTo>
                    <a:pt x="160" y="1322"/>
                  </a:lnTo>
                  <a:lnTo>
                    <a:pt x="164" y="1322"/>
                  </a:lnTo>
                  <a:lnTo>
                    <a:pt x="170" y="1326"/>
                  </a:lnTo>
                  <a:lnTo>
                    <a:pt x="178" y="1334"/>
                  </a:lnTo>
                  <a:lnTo>
                    <a:pt x="184" y="1338"/>
                  </a:lnTo>
                  <a:lnTo>
                    <a:pt x="192" y="1338"/>
                  </a:lnTo>
                  <a:lnTo>
                    <a:pt x="206" y="1334"/>
                  </a:lnTo>
                  <a:lnTo>
                    <a:pt x="220" y="1328"/>
                  </a:lnTo>
                  <a:lnTo>
                    <a:pt x="234" y="1324"/>
                  </a:lnTo>
                  <a:lnTo>
                    <a:pt x="242" y="1320"/>
                  </a:lnTo>
                  <a:lnTo>
                    <a:pt x="246" y="1314"/>
                  </a:lnTo>
                  <a:lnTo>
                    <a:pt x="248" y="1308"/>
                  </a:lnTo>
                  <a:lnTo>
                    <a:pt x="258" y="1296"/>
                  </a:lnTo>
                  <a:lnTo>
                    <a:pt x="266" y="1288"/>
                  </a:lnTo>
                  <a:lnTo>
                    <a:pt x="270" y="1282"/>
                  </a:lnTo>
                  <a:lnTo>
                    <a:pt x="272" y="1276"/>
                  </a:lnTo>
                  <a:lnTo>
                    <a:pt x="274" y="1264"/>
                  </a:lnTo>
                  <a:lnTo>
                    <a:pt x="280" y="1250"/>
                  </a:lnTo>
                  <a:lnTo>
                    <a:pt x="282" y="1244"/>
                  </a:lnTo>
                  <a:lnTo>
                    <a:pt x="288" y="1238"/>
                  </a:lnTo>
                  <a:lnTo>
                    <a:pt x="304" y="1228"/>
                  </a:lnTo>
                  <a:lnTo>
                    <a:pt x="310" y="1224"/>
                  </a:lnTo>
                  <a:lnTo>
                    <a:pt x="316" y="1216"/>
                  </a:lnTo>
                  <a:lnTo>
                    <a:pt x="318" y="1212"/>
                  </a:lnTo>
                  <a:lnTo>
                    <a:pt x="322" y="1206"/>
                  </a:lnTo>
                  <a:lnTo>
                    <a:pt x="326" y="1204"/>
                  </a:lnTo>
                  <a:lnTo>
                    <a:pt x="340" y="1204"/>
                  </a:lnTo>
                  <a:lnTo>
                    <a:pt x="342" y="1204"/>
                  </a:lnTo>
                  <a:lnTo>
                    <a:pt x="350" y="1202"/>
                  </a:lnTo>
                  <a:lnTo>
                    <a:pt x="358" y="1200"/>
                  </a:lnTo>
                  <a:lnTo>
                    <a:pt x="374" y="1188"/>
                  </a:lnTo>
                  <a:lnTo>
                    <a:pt x="380" y="1186"/>
                  </a:lnTo>
                  <a:lnTo>
                    <a:pt x="386" y="1184"/>
                  </a:lnTo>
                  <a:lnTo>
                    <a:pt x="390" y="1182"/>
                  </a:lnTo>
                  <a:lnTo>
                    <a:pt x="396" y="1180"/>
                  </a:lnTo>
                  <a:lnTo>
                    <a:pt x="402" y="1178"/>
                  </a:lnTo>
                  <a:lnTo>
                    <a:pt x="408" y="1178"/>
                  </a:lnTo>
                  <a:lnTo>
                    <a:pt x="412" y="1180"/>
                  </a:lnTo>
                  <a:lnTo>
                    <a:pt x="420" y="1186"/>
                  </a:lnTo>
                  <a:lnTo>
                    <a:pt x="424" y="1192"/>
                  </a:lnTo>
                  <a:lnTo>
                    <a:pt x="436" y="1208"/>
                  </a:lnTo>
                  <a:lnTo>
                    <a:pt x="444" y="1220"/>
                  </a:lnTo>
                  <a:lnTo>
                    <a:pt x="446" y="1226"/>
                  </a:lnTo>
                  <a:lnTo>
                    <a:pt x="450" y="1232"/>
                  </a:lnTo>
                  <a:lnTo>
                    <a:pt x="456" y="1236"/>
                  </a:lnTo>
                  <a:lnTo>
                    <a:pt x="482" y="1250"/>
                  </a:lnTo>
                  <a:lnTo>
                    <a:pt x="488" y="1254"/>
                  </a:lnTo>
                  <a:lnTo>
                    <a:pt x="492" y="1260"/>
                  </a:lnTo>
                  <a:lnTo>
                    <a:pt x="502" y="1274"/>
                  </a:lnTo>
                  <a:lnTo>
                    <a:pt x="506" y="1282"/>
                  </a:lnTo>
                  <a:lnTo>
                    <a:pt x="506" y="1290"/>
                  </a:lnTo>
                  <a:lnTo>
                    <a:pt x="506" y="1304"/>
                  </a:lnTo>
                  <a:lnTo>
                    <a:pt x="506" y="1312"/>
                  </a:lnTo>
                  <a:lnTo>
                    <a:pt x="508" y="1316"/>
                  </a:lnTo>
                  <a:lnTo>
                    <a:pt x="510" y="1316"/>
                  </a:lnTo>
                  <a:lnTo>
                    <a:pt x="512" y="1316"/>
                  </a:lnTo>
                  <a:lnTo>
                    <a:pt x="514" y="1312"/>
                  </a:lnTo>
                  <a:lnTo>
                    <a:pt x="518" y="1302"/>
                  </a:lnTo>
                  <a:lnTo>
                    <a:pt x="522" y="1294"/>
                  </a:lnTo>
                  <a:lnTo>
                    <a:pt x="524" y="1288"/>
                  </a:lnTo>
                  <a:lnTo>
                    <a:pt x="526" y="1282"/>
                  </a:lnTo>
                  <a:lnTo>
                    <a:pt x="528" y="1274"/>
                  </a:lnTo>
                  <a:lnTo>
                    <a:pt x="528" y="1270"/>
                  </a:lnTo>
                  <a:lnTo>
                    <a:pt x="528" y="1268"/>
                  </a:lnTo>
                  <a:lnTo>
                    <a:pt x="530" y="1266"/>
                  </a:lnTo>
                  <a:lnTo>
                    <a:pt x="532" y="1266"/>
                  </a:lnTo>
                  <a:lnTo>
                    <a:pt x="534" y="1266"/>
                  </a:lnTo>
                  <a:lnTo>
                    <a:pt x="540" y="1268"/>
                  </a:lnTo>
                  <a:lnTo>
                    <a:pt x="552" y="1272"/>
                  </a:lnTo>
                  <a:lnTo>
                    <a:pt x="554" y="1272"/>
                  </a:lnTo>
                  <a:lnTo>
                    <a:pt x="554" y="1270"/>
                  </a:lnTo>
                  <a:lnTo>
                    <a:pt x="552" y="1266"/>
                  </a:lnTo>
                  <a:lnTo>
                    <a:pt x="534" y="1248"/>
                  </a:lnTo>
                  <a:lnTo>
                    <a:pt x="520" y="1240"/>
                  </a:lnTo>
                  <a:lnTo>
                    <a:pt x="516" y="1236"/>
                  </a:lnTo>
                  <a:lnTo>
                    <a:pt x="504" y="1228"/>
                  </a:lnTo>
                  <a:lnTo>
                    <a:pt x="494" y="1216"/>
                  </a:lnTo>
                  <a:lnTo>
                    <a:pt x="484" y="1200"/>
                  </a:lnTo>
                  <a:lnTo>
                    <a:pt x="476" y="1188"/>
                  </a:lnTo>
                  <a:lnTo>
                    <a:pt x="472" y="1182"/>
                  </a:lnTo>
                  <a:lnTo>
                    <a:pt x="470" y="1174"/>
                  </a:lnTo>
                  <a:lnTo>
                    <a:pt x="468" y="1166"/>
                  </a:lnTo>
                  <a:lnTo>
                    <a:pt x="468" y="1164"/>
                  </a:lnTo>
                  <a:lnTo>
                    <a:pt x="470" y="1158"/>
                  </a:lnTo>
                  <a:lnTo>
                    <a:pt x="474" y="1156"/>
                  </a:lnTo>
                  <a:lnTo>
                    <a:pt x="478" y="1154"/>
                  </a:lnTo>
                  <a:lnTo>
                    <a:pt x="482" y="1156"/>
                  </a:lnTo>
                  <a:lnTo>
                    <a:pt x="488" y="1156"/>
                  </a:lnTo>
                  <a:lnTo>
                    <a:pt x="496" y="1162"/>
                  </a:lnTo>
                  <a:lnTo>
                    <a:pt x="502" y="1168"/>
                  </a:lnTo>
                  <a:lnTo>
                    <a:pt x="508" y="1176"/>
                  </a:lnTo>
                  <a:lnTo>
                    <a:pt x="510" y="1182"/>
                  </a:lnTo>
                  <a:lnTo>
                    <a:pt x="516" y="1196"/>
                  </a:lnTo>
                  <a:lnTo>
                    <a:pt x="520" y="1204"/>
                  </a:lnTo>
                  <a:lnTo>
                    <a:pt x="524" y="1208"/>
                  </a:lnTo>
                  <a:lnTo>
                    <a:pt x="540" y="1220"/>
                  </a:lnTo>
                  <a:lnTo>
                    <a:pt x="548" y="1224"/>
                  </a:lnTo>
                  <a:lnTo>
                    <a:pt x="552" y="1230"/>
                  </a:lnTo>
                  <a:lnTo>
                    <a:pt x="560" y="1238"/>
                  </a:lnTo>
                  <a:lnTo>
                    <a:pt x="564" y="1244"/>
                  </a:lnTo>
                  <a:lnTo>
                    <a:pt x="566" y="1248"/>
                  </a:lnTo>
                  <a:lnTo>
                    <a:pt x="570" y="1260"/>
                  </a:lnTo>
                  <a:lnTo>
                    <a:pt x="572" y="1266"/>
                  </a:lnTo>
                  <a:lnTo>
                    <a:pt x="576" y="1272"/>
                  </a:lnTo>
                  <a:lnTo>
                    <a:pt x="580" y="1280"/>
                  </a:lnTo>
                  <a:lnTo>
                    <a:pt x="584" y="1286"/>
                  </a:lnTo>
                  <a:lnTo>
                    <a:pt x="588" y="1290"/>
                  </a:lnTo>
                  <a:lnTo>
                    <a:pt x="594" y="1292"/>
                  </a:lnTo>
                  <a:lnTo>
                    <a:pt x="598" y="1292"/>
                  </a:lnTo>
                  <a:lnTo>
                    <a:pt x="602" y="1294"/>
                  </a:lnTo>
                  <a:lnTo>
                    <a:pt x="602" y="1296"/>
                  </a:lnTo>
                  <a:lnTo>
                    <a:pt x="602" y="1298"/>
                  </a:lnTo>
                  <a:lnTo>
                    <a:pt x="598" y="1304"/>
                  </a:lnTo>
                  <a:lnTo>
                    <a:pt x="596" y="1310"/>
                  </a:lnTo>
                  <a:lnTo>
                    <a:pt x="596" y="1314"/>
                  </a:lnTo>
                  <a:lnTo>
                    <a:pt x="598" y="1320"/>
                  </a:lnTo>
                  <a:lnTo>
                    <a:pt x="604" y="1326"/>
                  </a:lnTo>
                  <a:lnTo>
                    <a:pt x="608" y="1328"/>
                  </a:lnTo>
                  <a:lnTo>
                    <a:pt x="616" y="1330"/>
                  </a:lnTo>
                  <a:lnTo>
                    <a:pt x="620" y="1326"/>
                  </a:lnTo>
                  <a:lnTo>
                    <a:pt x="624" y="1322"/>
                  </a:lnTo>
                  <a:lnTo>
                    <a:pt x="626" y="1316"/>
                  </a:lnTo>
                  <a:lnTo>
                    <a:pt x="628" y="1312"/>
                  </a:lnTo>
                  <a:lnTo>
                    <a:pt x="632" y="1308"/>
                  </a:lnTo>
                  <a:lnTo>
                    <a:pt x="638" y="1306"/>
                  </a:lnTo>
                  <a:lnTo>
                    <a:pt x="640" y="1304"/>
                  </a:lnTo>
                  <a:lnTo>
                    <a:pt x="642" y="1302"/>
                  </a:lnTo>
                  <a:lnTo>
                    <a:pt x="640" y="1300"/>
                  </a:lnTo>
                  <a:lnTo>
                    <a:pt x="640" y="1296"/>
                  </a:lnTo>
                  <a:lnTo>
                    <a:pt x="632" y="1288"/>
                  </a:lnTo>
                  <a:lnTo>
                    <a:pt x="628" y="1282"/>
                  </a:lnTo>
                  <a:lnTo>
                    <a:pt x="626" y="1278"/>
                  </a:lnTo>
                  <a:lnTo>
                    <a:pt x="624" y="1272"/>
                  </a:lnTo>
                  <a:lnTo>
                    <a:pt x="620" y="1268"/>
                  </a:lnTo>
                  <a:lnTo>
                    <a:pt x="620" y="1266"/>
                  </a:lnTo>
                  <a:lnTo>
                    <a:pt x="620" y="1264"/>
                  </a:lnTo>
                  <a:lnTo>
                    <a:pt x="624" y="1260"/>
                  </a:lnTo>
                  <a:lnTo>
                    <a:pt x="638" y="1256"/>
                  </a:lnTo>
                  <a:lnTo>
                    <a:pt x="652" y="1254"/>
                  </a:lnTo>
                  <a:lnTo>
                    <a:pt x="656" y="1254"/>
                  </a:lnTo>
                  <a:lnTo>
                    <a:pt x="664" y="1254"/>
                  </a:lnTo>
                  <a:lnTo>
                    <a:pt x="668" y="1260"/>
                  </a:lnTo>
                  <a:lnTo>
                    <a:pt x="670" y="1266"/>
                  </a:lnTo>
                  <a:lnTo>
                    <a:pt x="674" y="1272"/>
                  </a:lnTo>
                  <a:lnTo>
                    <a:pt x="678" y="1280"/>
                  </a:lnTo>
                  <a:lnTo>
                    <a:pt x="680" y="1284"/>
                  </a:lnTo>
                  <a:lnTo>
                    <a:pt x="688" y="1300"/>
                  </a:lnTo>
                  <a:lnTo>
                    <a:pt x="690" y="1304"/>
                  </a:lnTo>
                  <a:lnTo>
                    <a:pt x="698" y="1318"/>
                  </a:lnTo>
                  <a:lnTo>
                    <a:pt x="700" y="1324"/>
                  </a:lnTo>
                  <a:lnTo>
                    <a:pt x="704" y="1328"/>
                  </a:lnTo>
                  <a:lnTo>
                    <a:pt x="712" y="1330"/>
                  </a:lnTo>
                  <a:lnTo>
                    <a:pt x="734" y="1330"/>
                  </a:lnTo>
                  <a:lnTo>
                    <a:pt x="748" y="1330"/>
                  </a:lnTo>
                  <a:lnTo>
                    <a:pt x="760" y="1334"/>
                  </a:lnTo>
                  <a:lnTo>
                    <a:pt x="774" y="1338"/>
                  </a:lnTo>
                  <a:lnTo>
                    <a:pt x="782" y="1338"/>
                  </a:lnTo>
                  <a:lnTo>
                    <a:pt x="788" y="1338"/>
                  </a:lnTo>
                  <a:lnTo>
                    <a:pt x="794" y="1334"/>
                  </a:lnTo>
                  <a:lnTo>
                    <a:pt x="802" y="1332"/>
                  </a:lnTo>
                  <a:lnTo>
                    <a:pt x="808" y="1334"/>
                  </a:lnTo>
                  <a:lnTo>
                    <a:pt x="814" y="1338"/>
                  </a:lnTo>
                  <a:lnTo>
                    <a:pt x="820" y="1340"/>
                  </a:lnTo>
                  <a:lnTo>
                    <a:pt x="824" y="1348"/>
                  </a:lnTo>
                  <a:lnTo>
                    <a:pt x="826" y="1354"/>
                  </a:lnTo>
                  <a:lnTo>
                    <a:pt x="828" y="1360"/>
                  </a:lnTo>
                  <a:lnTo>
                    <a:pt x="828" y="1368"/>
                  </a:lnTo>
                  <a:lnTo>
                    <a:pt x="814" y="1402"/>
                  </a:lnTo>
                  <a:lnTo>
                    <a:pt x="810" y="1408"/>
                  </a:lnTo>
                  <a:lnTo>
                    <a:pt x="806" y="1410"/>
                  </a:lnTo>
                  <a:lnTo>
                    <a:pt x="802" y="1412"/>
                  </a:lnTo>
                  <a:lnTo>
                    <a:pt x="798" y="1416"/>
                  </a:lnTo>
                  <a:lnTo>
                    <a:pt x="796" y="1422"/>
                  </a:lnTo>
                  <a:lnTo>
                    <a:pt x="792" y="1428"/>
                  </a:lnTo>
                  <a:lnTo>
                    <a:pt x="786" y="1434"/>
                  </a:lnTo>
                  <a:lnTo>
                    <a:pt x="780" y="1438"/>
                  </a:lnTo>
                  <a:lnTo>
                    <a:pt x="774" y="1438"/>
                  </a:lnTo>
                  <a:lnTo>
                    <a:pt x="760" y="1438"/>
                  </a:lnTo>
                  <a:lnTo>
                    <a:pt x="754" y="1438"/>
                  </a:lnTo>
                  <a:lnTo>
                    <a:pt x="748" y="1434"/>
                  </a:lnTo>
                  <a:lnTo>
                    <a:pt x="742" y="1430"/>
                  </a:lnTo>
                  <a:lnTo>
                    <a:pt x="734" y="1430"/>
                  </a:lnTo>
                  <a:lnTo>
                    <a:pt x="712" y="1436"/>
                  </a:lnTo>
                  <a:lnTo>
                    <a:pt x="704" y="1438"/>
                  </a:lnTo>
                  <a:lnTo>
                    <a:pt x="696" y="1436"/>
                  </a:lnTo>
                  <a:lnTo>
                    <a:pt x="682" y="1432"/>
                  </a:lnTo>
                  <a:lnTo>
                    <a:pt x="666" y="1428"/>
                  </a:lnTo>
                  <a:lnTo>
                    <a:pt x="662" y="1428"/>
                  </a:lnTo>
                  <a:lnTo>
                    <a:pt x="656" y="1428"/>
                  </a:lnTo>
                  <a:lnTo>
                    <a:pt x="650" y="1424"/>
                  </a:lnTo>
                  <a:lnTo>
                    <a:pt x="638" y="1416"/>
                  </a:lnTo>
                  <a:lnTo>
                    <a:pt x="632" y="1412"/>
                  </a:lnTo>
                  <a:lnTo>
                    <a:pt x="626" y="1410"/>
                  </a:lnTo>
                  <a:lnTo>
                    <a:pt x="618" y="1410"/>
                  </a:lnTo>
                  <a:lnTo>
                    <a:pt x="614" y="1410"/>
                  </a:lnTo>
                  <a:lnTo>
                    <a:pt x="598" y="1412"/>
                  </a:lnTo>
                  <a:lnTo>
                    <a:pt x="584" y="1416"/>
                  </a:lnTo>
                  <a:lnTo>
                    <a:pt x="578" y="1420"/>
                  </a:lnTo>
                  <a:lnTo>
                    <a:pt x="576" y="1428"/>
                  </a:lnTo>
                  <a:lnTo>
                    <a:pt x="576" y="1430"/>
                  </a:lnTo>
                  <a:lnTo>
                    <a:pt x="574" y="1438"/>
                  </a:lnTo>
                  <a:lnTo>
                    <a:pt x="570" y="1442"/>
                  </a:lnTo>
                  <a:lnTo>
                    <a:pt x="554" y="1446"/>
                  </a:lnTo>
                  <a:lnTo>
                    <a:pt x="548" y="1446"/>
                  </a:lnTo>
                  <a:lnTo>
                    <a:pt x="542" y="1442"/>
                  </a:lnTo>
                  <a:lnTo>
                    <a:pt x="534" y="1434"/>
                  </a:lnTo>
                  <a:lnTo>
                    <a:pt x="522" y="1424"/>
                  </a:lnTo>
                  <a:lnTo>
                    <a:pt x="512" y="1414"/>
                  </a:lnTo>
                  <a:lnTo>
                    <a:pt x="508" y="1410"/>
                  </a:lnTo>
                  <a:lnTo>
                    <a:pt x="500" y="1410"/>
                  </a:lnTo>
                  <a:lnTo>
                    <a:pt x="476" y="1410"/>
                  </a:lnTo>
                  <a:lnTo>
                    <a:pt x="470" y="1408"/>
                  </a:lnTo>
                  <a:lnTo>
                    <a:pt x="462" y="1406"/>
                  </a:lnTo>
                  <a:lnTo>
                    <a:pt x="456" y="1404"/>
                  </a:lnTo>
                  <a:lnTo>
                    <a:pt x="442" y="1396"/>
                  </a:lnTo>
                  <a:lnTo>
                    <a:pt x="436" y="1394"/>
                  </a:lnTo>
                  <a:lnTo>
                    <a:pt x="424" y="1386"/>
                  </a:lnTo>
                  <a:lnTo>
                    <a:pt x="422" y="1380"/>
                  </a:lnTo>
                  <a:lnTo>
                    <a:pt x="424" y="1374"/>
                  </a:lnTo>
                  <a:lnTo>
                    <a:pt x="434" y="1358"/>
                  </a:lnTo>
                  <a:lnTo>
                    <a:pt x="436" y="1350"/>
                  </a:lnTo>
                  <a:lnTo>
                    <a:pt x="436" y="1344"/>
                  </a:lnTo>
                  <a:lnTo>
                    <a:pt x="434" y="1338"/>
                  </a:lnTo>
                  <a:lnTo>
                    <a:pt x="428" y="1332"/>
                  </a:lnTo>
                  <a:lnTo>
                    <a:pt x="422" y="1328"/>
                  </a:lnTo>
                  <a:lnTo>
                    <a:pt x="418" y="1326"/>
                  </a:lnTo>
                  <a:lnTo>
                    <a:pt x="406" y="1322"/>
                  </a:lnTo>
                  <a:lnTo>
                    <a:pt x="402" y="1322"/>
                  </a:lnTo>
                  <a:lnTo>
                    <a:pt x="400" y="1324"/>
                  </a:lnTo>
                  <a:lnTo>
                    <a:pt x="400" y="1328"/>
                  </a:lnTo>
                  <a:lnTo>
                    <a:pt x="400" y="1324"/>
                  </a:lnTo>
                  <a:lnTo>
                    <a:pt x="398" y="1324"/>
                  </a:lnTo>
                  <a:lnTo>
                    <a:pt x="396" y="1326"/>
                  </a:lnTo>
                  <a:lnTo>
                    <a:pt x="390" y="1330"/>
                  </a:lnTo>
                  <a:lnTo>
                    <a:pt x="382" y="1332"/>
                  </a:lnTo>
                  <a:lnTo>
                    <a:pt x="378" y="1332"/>
                  </a:lnTo>
                  <a:lnTo>
                    <a:pt x="362" y="1332"/>
                  </a:lnTo>
                  <a:lnTo>
                    <a:pt x="320" y="1332"/>
                  </a:lnTo>
                  <a:lnTo>
                    <a:pt x="312" y="1332"/>
                  </a:lnTo>
                  <a:lnTo>
                    <a:pt x="304" y="1334"/>
                  </a:lnTo>
                  <a:lnTo>
                    <a:pt x="270" y="1348"/>
                  </a:lnTo>
                  <a:lnTo>
                    <a:pt x="254" y="1354"/>
                  </a:lnTo>
                  <a:lnTo>
                    <a:pt x="250" y="1358"/>
                  </a:lnTo>
                  <a:lnTo>
                    <a:pt x="244" y="1360"/>
                  </a:lnTo>
                  <a:lnTo>
                    <a:pt x="242" y="1362"/>
                  </a:lnTo>
                  <a:lnTo>
                    <a:pt x="242" y="1364"/>
                  </a:lnTo>
                  <a:lnTo>
                    <a:pt x="242" y="1362"/>
                  </a:lnTo>
                  <a:lnTo>
                    <a:pt x="240" y="1362"/>
                  </a:lnTo>
                  <a:lnTo>
                    <a:pt x="238" y="1360"/>
                  </a:lnTo>
                  <a:lnTo>
                    <a:pt x="224" y="1360"/>
                  </a:lnTo>
                  <a:lnTo>
                    <a:pt x="220" y="1360"/>
                  </a:lnTo>
                  <a:lnTo>
                    <a:pt x="208" y="1360"/>
                  </a:lnTo>
                  <a:lnTo>
                    <a:pt x="196" y="1356"/>
                  </a:lnTo>
                  <a:lnTo>
                    <a:pt x="190" y="1354"/>
                  </a:lnTo>
                  <a:lnTo>
                    <a:pt x="188" y="1354"/>
                  </a:lnTo>
                  <a:lnTo>
                    <a:pt x="184" y="1354"/>
                  </a:lnTo>
                  <a:lnTo>
                    <a:pt x="182" y="1356"/>
                  </a:lnTo>
                  <a:lnTo>
                    <a:pt x="180" y="1358"/>
                  </a:lnTo>
                  <a:lnTo>
                    <a:pt x="168" y="1374"/>
                  </a:lnTo>
                  <a:lnTo>
                    <a:pt x="158" y="1386"/>
                  </a:lnTo>
                  <a:lnTo>
                    <a:pt x="150" y="1394"/>
                  </a:lnTo>
                  <a:lnTo>
                    <a:pt x="140" y="1406"/>
                  </a:lnTo>
                  <a:lnTo>
                    <a:pt x="130" y="1422"/>
                  </a:lnTo>
                  <a:lnTo>
                    <a:pt x="122" y="1436"/>
                  </a:lnTo>
                  <a:lnTo>
                    <a:pt x="116" y="1460"/>
                  </a:lnTo>
                  <a:lnTo>
                    <a:pt x="114" y="1466"/>
                  </a:lnTo>
                  <a:lnTo>
                    <a:pt x="108" y="1472"/>
                  </a:lnTo>
                  <a:lnTo>
                    <a:pt x="82" y="1484"/>
                  </a:lnTo>
                  <a:lnTo>
                    <a:pt x="70" y="1492"/>
                  </a:lnTo>
                  <a:lnTo>
                    <a:pt x="66" y="1498"/>
                  </a:lnTo>
                  <a:lnTo>
                    <a:pt x="62" y="1502"/>
                  </a:lnTo>
                  <a:lnTo>
                    <a:pt x="52" y="1514"/>
                  </a:lnTo>
                  <a:lnTo>
                    <a:pt x="32" y="1550"/>
                  </a:lnTo>
                  <a:lnTo>
                    <a:pt x="24" y="1564"/>
                  </a:lnTo>
                  <a:lnTo>
                    <a:pt x="12" y="1598"/>
                  </a:lnTo>
                  <a:lnTo>
                    <a:pt x="8" y="1606"/>
                  </a:lnTo>
                  <a:lnTo>
                    <a:pt x="10" y="1614"/>
                  </a:lnTo>
                  <a:lnTo>
                    <a:pt x="16" y="1626"/>
                  </a:lnTo>
                  <a:lnTo>
                    <a:pt x="18" y="1642"/>
                  </a:lnTo>
                  <a:lnTo>
                    <a:pt x="18" y="1666"/>
                  </a:lnTo>
                  <a:lnTo>
                    <a:pt x="16" y="1672"/>
                  </a:lnTo>
                  <a:lnTo>
                    <a:pt x="12" y="1678"/>
                  </a:lnTo>
                  <a:lnTo>
                    <a:pt x="8" y="1684"/>
                  </a:lnTo>
                  <a:lnTo>
                    <a:pt x="6" y="1692"/>
                  </a:lnTo>
                  <a:lnTo>
                    <a:pt x="0" y="1706"/>
                  </a:lnTo>
                  <a:lnTo>
                    <a:pt x="0" y="1712"/>
                  </a:lnTo>
                  <a:lnTo>
                    <a:pt x="0" y="1720"/>
                  </a:lnTo>
                  <a:lnTo>
                    <a:pt x="6" y="1744"/>
                  </a:lnTo>
                  <a:lnTo>
                    <a:pt x="8" y="1750"/>
                  </a:lnTo>
                  <a:lnTo>
                    <a:pt x="12" y="1752"/>
                  </a:lnTo>
                  <a:lnTo>
                    <a:pt x="18" y="1752"/>
                  </a:lnTo>
                  <a:lnTo>
                    <a:pt x="20" y="1752"/>
                  </a:lnTo>
                  <a:lnTo>
                    <a:pt x="18" y="1752"/>
                  </a:lnTo>
                  <a:lnTo>
                    <a:pt x="20" y="1760"/>
                  </a:lnTo>
                  <a:lnTo>
                    <a:pt x="24" y="1764"/>
                  </a:lnTo>
                  <a:lnTo>
                    <a:pt x="26" y="1768"/>
                  </a:lnTo>
                  <a:lnTo>
                    <a:pt x="30" y="1770"/>
                  </a:lnTo>
                  <a:lnTo>
                    <a:pt x="32" y="1768"/>
                  </a:lnTo>
                  <a:lnTo>
                    <a:pt x="30" y="1770"/>
                  </a:lnTo>
                  <a:lnTo>
                    <a:pt x="30" y="1772"/>
                  </a:lnTo>
                  <a:lnTo>
                    <a:pt x="32" y="1772"/>
                  </a:lnTo>
                  <a:lnTo>
                    <a:pt x="36" y="1774"/>
                  </a:lnTo>
                  <a:lnTo>
                    <a:pt x="40" y="1778"/>
                  </a:lnTo>
                  <a:lnTo>
                    <a:pt x="52" y="1804"/>
                  </a:lnTo>
                  <a:lnTo>
                    <a:pt x="56" y="1810"/>
                  </a:lnTo>
                  <a:lnTo>
                    <a:pt x="60" y="1816"/>
                  </a:lnTo>
                  <a:lnTo>
                    <a:pt x="72" y="1824"/>
                  </a:lnTo>
                  <a:lnTo>
                    <a:pt x="84" y="1832"/>
                  </a:lnTo>
                  <a:lnTo>
                    <a:pt x="94" y="1838"/>
                  </a:lnTo>
                  <a:lnTo>
                    <a:pt x="102" y="1844"/>
                  </a:lnTo>
                  <a:lnTo>
                    <a:pt x="128" y="1864"/>
                  </a:lnTo>
                  <a:lnTo>
                    <a:pt x="136" y="1868"/>
                  </a:lnTo>
                  <a:lnTo>
                    <a:pt x="142" y="1870"/>
                  </a:lnTo>
                  <a:lnTo>
                    <a:pt x="146" y="1870"/>
                  </a:lnTo>
                  <a:lnTo>
                    <a:pt x="152" y="1868"/>
                  </a:lnTo>
                  <a:lnTo>
                    <a:pt x="154" y="1868"/>
                  </a:lnTo>
                  <a:lnTo>
                    <a:pt x="154" y="1866"/>
                  </a:lnTo>
                  <a:lnTo>
                    <a:pt x="154" y="1868"/>
                  </a:lnTo>
                  <a:lnTo>
                    <a:pt x="158" y="1868"/>
                  </a:lnTo>
                  <a:lnTo>
                    <a:pt x="162" y="1870"/>
                  </a:lnTo>
                  <a:lnTo>
                    <a:pt x="166" y="1870"/>
                  </a:lnTo>
                  <a:lnTo>
                    <a:pt x="182" y="1868"/>
                  </a:lnTo>
                  <a:lnTo>
                    <a:pt x="206" y="1862"/>
                  </a:lnTo>
                  <a:lnTo>
                    <a:pt x="218" y="1860"/>
                  </a:lnTo>
                  <a:lnTo>
                    <a:pt x="224" y="1860"/>
                  </a:lnTo>
                  <a:lnTo>
                    <a:pt x="232" y="1860"/>
                  </a:lnTo>
                  <a:lnTo>
                    <a:pt x="244" y="1860"/>
                  </a:lnTo>
                  <a:lnTo>
                    <a:pt x="260" y="1856"/>
                  </a:lnTo>
                  <a:lnTo>
                    <a:pt x="274" y="1852"/>
                  </a:lnTo>
                  <a:lnTo>
                    <a:pt x="282" y="1850"/>
                  </a:lnTo>
                  <a:lnTo>
                    <a:pt x="288" y="1844"/>
                  </a:lnTo>
                  <a:lnTo>
                    <a:pt x="294" y="1842"/>
                  </a:lnTo>
                  <a:lnTo>
                    <a:pt x="300" y="1838"/>
                  </a:lnTo>
                  <a:lnTo>
                    <a:pt x="306" y="1838"/>
                  </a:lnTo>
                  <a:lnTo>
                    <a:pt x="312" y="1840"/>
                  </a:lnTo>
                  <a:lnTo>
                    <a:pt x="320" y="1840"/>
                  </a:lnTo>
                  <a:lnTo>
                    <a:pt x="322" y="1840"/>
                  </a:lnTo>
                  <a:lnTo>
                    <a:pt x="330" y="1842"/>
                  </a:lnTo>
                  <a:lnTo>
                    <a:pt x="334" y="1846"/>
                  </a:lnTo>
                  <a:lnTo>
                    <a:pt x="346" y="1862"/>
                  </a:lnTo>
                  <a:lnTo>
                    <a:pt x="352" y="1868"/>
                  </a:lnTo>
                  <a:lnTo>
                    <a:pt x="358" y="1870"/>
                  </a:lnTo>
                  <a:lnTo>
                    <a:pt x="362" y="1870"/>
                  </a:lnTo>
                  <a:lnTo>
                    <a:pt x="370" y="1870"/>
                  </a:lnTo>
                  <a:lnTo>
                    <a:pt x="378" y="1874"/>
                  </a:lnTo>
                  <a:lnTo>
                    <a:pt x="384" y="1876"/>
                  </a:lnTo>
                  <a:lnTo>
                    <a:pt x="388" y="1878"/>
                  </a:lnTo>
                  <a:lnTo>
                    <a:pt x="392" y="1878"/>
                  </a:lnTo>
                  <a:lnTo>
                    <a:pt x="392" y="1876"/>
                  </a:lnTo>
                  <a:lnTo>
                    <a:pt x="392" y="1878"/>
                  </a:lnTo>
                  <a:lnTo>
                    <a:pt x="394" y="1878"/>
                  </a:lnTo>
                  <a:lnTo>
                    <a:pt x="398" y="1878"/>
                  </a:lnTo>
                  <a:lnTo>
                    <a:pt x="404" y="1880"/>
                  </a:lnTo>
                  <a:lnTo>
                    <a:pt x="408" y="1884"/>
                  </a:lnTo>
                  <a:lnTo>
                    <a:pt x="410" y="1890"/>
                  </a:lnTo>
                  <a:lnTo>
                    <a:pt x="410" y="1896"/>
                  </a:lnTo>
                  <a:lnTo>
                    <a:pt x="410" y="1900"/>
                  </a:lnTo>
                  <a:lnTo>
                    <a:pt x="410" y="1908"/>
                  </a:lnTo>
                  <a:lnTo>
                    <a:pt x="410" y="1916"/>
                  </a:lnTo>
                  <a:lnTo>
                    <a:pt x="410" y="1920"/>
                  </a:lnTo>
                  <a:lnTo>
                    <a:pt x="410" y="1936"/>
                  </a:lnTo>
                  <a:lnTo>
                    <a:pt x="410" y="1950"/>
                  </a:lnTo>
                  <a:lnTo>
                    <a:pt x="412" y="1956"/>
                  </a:lnTo>
                  <a:lnTo>
                    <a:pt x="414" y="1964"/>
                  </a:lnTo>
                  <a:lnTo>
                    <a:pt x="434" y="1990"/>
                  </a:lnTo>
                  <a:lnTo>
                    <a:pt x="438" y="1994"/>
                  </a:lnTo>
                  <a:lnTo>
                    <a:pt x="440" y="1994"/>
                  </a:lnTo>
                  <a:lnTo>
                    <a:pt x="442" y="1994"/>
                  </a:lnTo>
                  <a:lnTo>
                    <a:pt x="440" y="1996"/>
                  </a:lnTo>
                  <a:lnTo>
                    <a:pt x="440" y="1998"/>
                  </a:lnTo>
                  <a:lnTo>
                    <a:pt x="444" y="2002"/>
                  </a:lnTo>
                  <a:lnTo>
                    <a:pt x="452" y="2014"/>
                  </a:lnTo>
                  <a:lnTo>
                    <a:pt x="456" y="2020"/>
                  </a:lnTo>
                  <a:lnTo>
                    <a:pt x="458" y="2026"/>
                  </a:lnTo>
                  <a:lnTo>
                    <a:pt x="458" y="2034"/>
                  </a:lnTo>
                  <a:lnTo>
                    <a:pt x="458" y="2038"/>
                  </a:lnTo>
                  <a:lnTo>
                    <a:pt x="458" y="2046"/>
                  </a:lnTo>
                  <a:lnTo>
                    <a:pt x="460" y="2054"/>
                  </a:lnTo>
                  <a:lnTo>
                    <a:pt x="468" y="2096"/>
                  </a:lnTo>
                  <a:lnTo>
                    <a:pt x="472" y="2112"/>
                  </a:lnTo>
                  <a:lnTo>
                    <a:pt x="476" y="2124"/>
                  </a:lnTo>
                  <a:lnTo>
                    <a:pt x="478" y="2134"/>
                  </a:lnTo>
                  <a:lnTo>
                    <a:pt x="472" y="2144"/>
                  </a:lnTo>
                  <a:lnTo>
                    <a:pt x="462" y="2166"/>
                  </a:lnTo>
                  <a:lnTo>
                    <a:pt x="460" y="2172"/>
                  </a:lnTo>
                  <a:lnTo>
                    <a:pt x="458" y="2180"/>
                  </a:lnTo>
                  <a:lnTo>
                    <a:pt x="458" y="2204"/>
                  </a:lnTo>
                  <a:lnTo>
                    <a:pt x="460" y="2212"/>
                  </a:lnTo>
                  <a:lnTo>
                    <a:pt x="460" y="2210"/>
                  </a:lnTo>
                  <a:lnTo>
                    <a:pt x="460" y="2212"/>
                  </a:lnTo>
                  <a:lnTo>
                    <a:pt x="456" y="2220"/>
                  </a:lnTo>
                  <a:lnTo>
                    <a:pt x="452" y="2234"/>
                  </a:lnTo>
                  <a:lnTo>
                    <a:pt x="450" y="2242"/>
                  </a:lnTo>
                  <a:lnTo>
                    <a:pt x="452" y="2248"/>
                  </a:lnTo>
                  <a:lnTo>
                    <a:pt x="484" y="2302"/>
                  </a:lnTo>
                  <a:lnTo>
                    <a:pt x="488" y="2308"/>
                  </a:lnTo>
                  <a:lnTo>
                    <a:pt x="488" y="2314"/>
                  </a:lnTo>
                  <a:lnTo>
                    <a:pt x="490" y="2328"/>
                  </a:lnTo>
                  <a:lnTo>
                    <a:pt x="496" y="2380"/>
                  </a:lnTo>
                  <a:lnTo>
                    <a:pt x="500" y="2386"/>
                  </a:lnTo>
                  <a:lnTo>
                    <a:pt x="504" y="2392"/>
                  </a:lnTo>
                  <a:lnTo>
                    <a:pt x="520" y="2402"/>
                  </a:lnTo>
                  <a:lnTo>
                    <a:pt x="528" y="2406"/>
                  </a:lnTo>
                  <a:lnTo>
                    <a:pt x="528" y="2404"/>
                  </a:lnTo>
                  <a:lnTo>
                    <a:pt x="528" y="2406"/>
                  </a:lnTo>
                  <a:lnTo>
                    <a:pt x="532" y="2414"/>
                  </a:lnTo>
                  <a:lnTo>
                    <a:pt x="534" y="2420"/>
                  </a:lnTo>
                  <a:lnTo>
                    <a:pt x="540" y="2434"/>
                  </a:lnTo>
                  <a:lnTo>
                    <a:pt x="546" y="2458"/>
                  </a:lnTo>
                  <a:lnTo>
                    <a:pt x="548" y="2474"/>
                  </a:lnTo>
                  <a:lnTo>
                    <a:pt x="548" y="2478"/>
                  </a:lnTo>
                  <a:lnTo>
                    <a:pt x="548" y="2486"/>
                  </a:lnTo>
                  <a:lnTo>
                    <a:pt x="552" y="2492"/>
                  </a:lnTo>
                  <a:lnTo>
                    <a:pt x="562" y="2508"/>
                  </a:lnTo>
                  <a:lnTo>
                    <a:pt x="568" y="2512"/>
                  </a:lnTo>
                  <a:lnTo>
                    <a:pt x="574" y="2514"/>
                  </a:lnTo>
                  <a:lnTo>
                    <a:pt x="598" y="2508"/>
                  </a:lnTo>
                  <a:lnTo>
                    <a:pt x="614" y="2504"/>
                  </a:lnTo>
                  <a:lnTo>
                    <a:pt x="638" y="2498"/>
                  </a:lnTo>
                  <a:lnTo>
                    <a:pt x="654" y="2496"/>
                  </a:lnTo>
                  <a:lnTo>
                    <a:pt x="676" y="2496"/>
                  </a:lnTo>
                  <a:lnTo>
                    <a:pt x="684" y="2494"/>
                  </a:lnTo>
                  <a:lnTo>
                    <a:pt x="690" y="2490"/>
                  </a:lnTo>
                  <a:lnTo>
                    <a:pt x="748" y="2424"/>
                  </a:lnTo>
                  <a:lnTo>
                    <a:pt x="756" y="2410"/>
                  </a:lnTo>
                  <a:lnTo>
                    <a:pt x="770" y="2376"/>
                  </a:lnTo>
                  <a:lnTo>
                    <a:pt x="770" y="2370"/>
                  </a:lnTo>
                  <a:lnTo>
                    <a:pt x="770" y="2368"/>
                  </a:lnTo>
                  <a:lnTo>
                    <a:pt x="768" y="2368"/>
                  </a:lnTo>
                  <a:lnTo>
                    <a:pt x="770" y="2368"/>
                  </a:lnTo>
                  <a:lnTo>
                    <a:pt x="772" y="2366"/>
                  </a:lnTo>
                  <a:lnTo>
                    <a:pt x="772" y="2364"/>
                  </a:lnTo>
                  <a:lnTo>
                    <a:pt x="774" y="2358"/>
                  </a:lnTo>
                  <a:lnTo>
                    <a:pt x="778" y="2354"/>
                  </a:lnTo>
                  <a:lnTo>
                    <a:pt x="806" y="2334"/>
                  </a:lnTo>
                  <a:lnTo>
                    <a:pt x="810" y="2328"/>
                  </a:lnTo>
                  <a:lnTo>
                    <a:pt x="814" y="2322"/>
                  </a:lnTo>
                  <a:lnTo>
                    <a:pt x="818" y="2308"/>
                  </a:lnTo>
                  <a:lnTo>
                    <a:pt x="820" y="2300"/>
                  </a:lnTo>
                  <a:lnTo>
                    <a:pt x="820" y="2292"/>
                  </a:lnTo>
                  <a:lnTo>
                    <a:pt x="814" y="2268"/>
                  </a:lnTo>
                  <a:lnTo>
                    <a:pt x="814" y="2260"/>
                  </a:lnTo>
                  <a:lnTo>
                    <a:pt x="816" y="2254"/>
                  </a:lnTo>
                  <a:lnTo>
                    <a:pt x="826" y="2238"/>
                  </a:lnTo>
                  <a:lnTo>
                    <a:pt x="832" y="2232"/>
                  </a:lnTo>
                  <a:lnTo>
                    <a:pt x="838" y="2228"/>
                  </a:lnTo>
                  <a:lnTo>
                    <a:pt x="874" y="2206"/>
                  </a:lnTo>
                  <a:lnTo>
                    <a:pt x="880" y="2202"/>
                  </a:lnTo>
                  <a:lnTo>
                    <a:pt x="884" y="2194"/>
                  </a:lnTo>
                  <a:lnTo>
                    <a:pt x="886" y="2190"/>
                  </a:lnTo>
                  <a:lnTo>
                    <a:pt x="894" y="2176"/>
                  </a:lnTo>
                  <a:lnTo>
                    <a:pt x="896" y="2170"/>
                  </a:lnTo>
                  <a:lnTo>
                    <a:pt x="898" y="2162"/>
                  </a:lnTo>
                  <a:lnTo>
                    <a:pt x="898" y="2156"/>
                  </a:lnTo>
                  <a:lnTo>
                    <a:pt x="892" y="2132"/>
                  </a:lnTo>
                  <a:lnTo>
                    <a:pt x="890" y="2116"/>
                  </a:lnTo>
                  <a:lnTo>
                    <a:pt x="890" y="2112"/>
                  </a:lnTo>
                  <a:lnTo>
                    <a:pt x="890" y="2108"/>
                  </a:lnTo>
                  <a:lnTo>
                    <a:pt x="888" y="2106"/>
                  </a:lnTo>
                  <a:lnTo>
                    <a:pt x="886" y="2108"/>
                  </a:lnTo>
                  <a:lnTo>
                    <a:pt x="888" y="2106"/>
                  </a:lnTo>
                  <a:lnTo>
                    <a:pt x="888" y="2102"/>
                  </a:lnTo>
                  <a:lnTo>
                    <a:pt x="886" y="2098"/>
                  </a:lnTo>
                  <a:lnTo>
                    <a:pt x="882" y="2094"/>
                  </a:lnTo>
                  <a:lnTo>
                    <a:pt x="880" y="2086"/>
                  </a:lnTo>
                  <a:lnTo>
                    <a:pt x="880" y="2054"/>
                  </a:lnTo>
                  <a:lnTo>
                    <a:pt x="880" y="2046"/>
                  </a:lnTo>
                  <a:lnTo>
                    <a:pt x="876" y="2038"/>
                  </a:lnTo>
                  <a:lnTo>
                    <a:pt x="874" y="2032"/>
                  </a:lnTo>
                  <a:lnTo>
                    <a:pt x="872" y="2026"/>
                  </a:lnTo>
                  <a:lnTo>
                    <a:pt x="876" y="2020"/>
                  </a:lnTo>
                  <a:lnTo>
                    <a:pt x="880" y="2016"/>
                  </a:lnTo>
                  <a:lnTo>
                    <a:pt x="880" y="2012"/>
                  </a:lnTo>
                  <a:lnTo>
                    <a:pt x="882" y="2006"/>
                  </a:lnTo>
                  <a:lnTo>
                    <a:pt x="884" y="2000"/>
                  </a:lnTo>
                  <a:lnTo>
                    <a:pt x="894" y="1984"/>
                  </a:lnTo>
                  <a:lnTo>
                    <a:pt x="900" y="1978"/>
                  </a:lnTo>
                  <a:lnTo>
                    <a:pt x="906" y="1974"/>
                  </a:lnTo>
                  <a:lnTo>
                    <a:pt x="912" y="1970"/>
                  </a:lnTo>
                  <a:lnTo>
                    <a:pt x="918" y="1968"/>
                  </a:lnTo>
                  <a:lnTo>
                    <a:pt x="922" y="1960"/>
                  </a:lnTo>
                  <a:lnTo>
                    <a:pt x="934" y="1936"/>
                  </a:lnTo>
                  <a:lnTo>
                    <a:pt x="940" y="1930"/>
                  </a:lnTo>
                  <a:lnTo>
                    <a:pt x="946" y="1924"/>
                  </a:lnTo>
                  <a:lnTo>
                    <a:pt x="970" y="1912"/>
                  </a:lnTo>
                  <a:lnTo>
                    <a:pt x="984" y="1902"/>
                  </a:lnTo>
                  <a:lnTo>
                    <a:pt x="1012" y="1874"/>
                  </a:lnTo>
                  <a:lnTo>
                    <a:pt x="1016" y="1868"/>
                  </a:lnTo>
                  <a:lnTo>
                    <a:pt x="1020" y="1862"/>
                  </a:lnTo>
                  <a:lnTo>
                    <a:pt x="1044" y="1808"/>
                  </a:lnTo>
                  <a:lnTo>
                    <a:pt x="1048" y="1792"/>
                  </a:lnTo>
                  <a:lnTo>
                    <a:pt x="1054" y="1770"/>
                  </a:lnTo>
                  <a:lnTo>
                    <a:pt x="1054" y="1766"/>
                  </a:lnTo>
                  <a:lnTo>
                    <a:pt x="1054" y="1764"/>
                  </a:lnTo>
                  <a:lnTo>
                    <a:pt x="1050" y="1764"/>
                  </a:lnTo>
                  <a:lnTo>
                    <a:pt x="1048" y="1764"/>
                  </a:lnTo>
                  <a:lnTo>
                    <a:pt x="976" y="1780"/>
                  </a:lnTo>
                  <a:lnTo>
                    <a:pt x="968" y="1780"/>
                  </a:lnTo>
                  <a:lnTo>
                    <a:pt x="960" y="1778"/>
                  </a:lnTo>
                  <a:lnTo>
                    <a:pt x="956" y="1774"/>
                  </a:lnTo>
                  <a:lnTo>
                    <a:pt x="944" y="1766"/>
                  </a:lnTo>
                  <a:lnTo>
                    <a:pt x="934" y="1754"/>
                  </a:lnTo>
                  <a:lnTo>
                    <a:pt x="904" y="1710"/>
                  </a:lnTo>
                  <a:lnTo>
                    <a:pt x="898" y="1704"/>
                  </a:lnTo>
                  <a:lnTo>
                    <a:pt x="892" y="1700"/>
                  </a:lnTo>
                  <a:lnTo>
                    <a:pt x="886" y="1696"/>
                  </a:lnTo>
                  <a:lnTo>
                    <a:pt x="880" y="1692"/>
                  </a:lnTo>
                  <a:lnTo>
                    <a:pt x="876" y="1686"/>
                  </a:lnTo>
                  <a:lnTo>
                    <a:pt x="864" y="1670"/>
                  </a:lnTo>
                  <a:lnTo>
                    <a:pt x="860" y="1664"/>
                  </a:lnTo>
                  <a:lnTo>
                    <a:pt x="858" y="1656"/>
                  </a:lnTo>
                  <a:lnTo>
                    <a:pt x="852" y="1642"/>
                  </a:lnTo>
                  <a:lnTo>
                    <a:pt x="848" y="1626"/>
                  </a:lnTo>
                  <a:lnTo>
                    <a:pt x="842" y="1602"/>
                  </a:lnTo>
                  <a:lnTo>
                    <a:pt x="840" y="1596"/>
                  </a:lnTo>
                  <a:lnTo>
                    <a:pt x="834" y="1590"/>
                  </a:lnTo>
                  <a:lnTo>
                    <a:pt x="826" y="1582"/>
                  </a:lnTo>
                  <a:lnTo>
                    <a:pt x="822" y="1574"/>
                  </a:lnTo>
                  <a:lnTo>
                    <a:pt x="818" y="1568"/>
                  </a:lnTo>
                  <a:lnTo>
                    <a:pt x="814" y="1544"/>
                  </a:lnTo>
                  <a:lnTo>
                    <a:pt x="808" y="1530"/>
                  </a:lnTo>
                  <a:lnTo>
                    <a:pt x="796" y="1504"/>
                  </a:lnTo>
                  <a:lnTo>
                    <a:pt x="786" y="1492"/>
                  </a:lnTo>
                  <a:lnTo>
                    <a:pt x="768" y="1474"/>
                  </a:lnTo>
                  <a:lnTo>
                    <a:pt x="766" y="1470"/>
                  </a:lnTo>
                  <a:lnTo>
                    <a:pt x="770" y="1472"/>
                  </a:lnTo>
                  <a:lnTo>
                    <a:pt x="794" y="1484"/>
                  </a:lnTo>
                  <a:lnTo>
                    <a:pt x="798" y="1484"/>
                  </a:lnTo>
                  <a:lnTo>
                    <a:pt x="800" y="1484"/>
                  </a:lnTo>
                  <a:lnTo>
                    <a:pt x="804" y="1482"/>
                  </a:lnTo>
                  <a:lnTo>
                    <a:pt x="804" y="1480"/>
                  </a:lnTo>
                  <a:lnTo>
                    <a:pt x="808" y="1476"/>
                  </a:lnTo>
                  <a:lnTo>
                    <a:pt x="810" y="1474"/>
                  </a:lnTo>
                  <a:lnTo>
                    <a:pt x="810" y="1472"/>
                  </a:lnTo>
                  <a:lnTo>
                    <a:pt x="812" y="1474"/>
                  </a:lnTo>
                  <a:lnTo>
                    <a:pt x="814" y="1476"/>
                  </a:lnTo>
                  <a:lnTo>
                    <a:pt x="818" y="1480"/>
                  </a:lnTo>
                  <a:lnTo>
                    <a:pt x="824" y="1494"/>
                  </a:lnTo>
                  <a:lnTo>
                    <a:pt x="856" y="1550"/>
                  </a:lnTo>
                  <a:lnTo>
                    <a:pt x="866" y="1562"/>
                  </a:lnTo>
                  <a:lnTo>
                    <a:pt x="874" y="1570"/>
                  </a:lnTo>
                  <a:lnTo>
                    <a:pt x="878" y="1576"/>
                  </a:lnTo>
                  <a:lnTo>
                    <a:pt x="882" y="1584"/>
                  </a:lnTo>
                  <a:lnTo>
                    <a:pt x="886" y="1598"/>
                  </a:lnTo>
                  <a:lnTo>
                    <a:pt x="892" y="1614"/>
                  </a:lnTo>
                  <a:lnTo>
                    <a:pt x="898" y="1636"/>
                  </a:lnTo>
                  <a:lnTo>
                    <a:pt x="900" y="1644"/>
                  </a:lnTo>
                  <a:lnTo>
                    <a:pt x="904" y="1650"/>
                  </a:lnTo>
                  <a:lnTo>
                    <a:pt x="924" y="1668"/>
                  </a:lnTo>
                  <a:lnTo>
                    <a:pt x="928" y="1674"/>
                  </a:lnTo>
                  <a:lnTo>
                    <a:pt x="928" y="1678"/>
                  </a:lnTo>
                  <a:lnTo>
                    <a:pt x="928" y="1684"/>
                  </a:lnTo>
                  <a:lnTo>
                    <a:pt x="932" y="1690"/>
                  </a:lnTo>
                  <a:lnTo>
                    <a:pt x="936" y="1696"/>
                  </a:lnTo>
                  <a:lnTo>
                    <a:pt x="942" y="1710"/>
                  </a:lnTo>
                  <a:lnTo>
                    <a:pt x="954" y="1736"/>
                  </a:lnTo>
                  <a:lnTo>
                    <a:pt x="960" y="1740"/>
                  </a:lnTo>
                  <a:lnTo>
                    <a:pt x="966" y="1740"/>
                  </a:lnTo>
                  <a:lnTo>
                    <a:pt x="980" y="1736"/>
                  </a:lnTo>
                  <a:lnTo>
                    <a:pt x="996" y="1732"/>
                  </a:lnTo>
                  <a:lnTo>
                    <a:pt x="1000" y="1732"/>
                  </a:lnTo>
                  <a:lnTo>
                    <a:pt x="1006" y="1732"/>
                  </a:lnTo>
                  <a:lnTo>
                    <a:pt x="1012" y="1728"/>
                  </a:lnTo>
                  <a:lnTo>
                    <a:pt x="1020" y="1718"/>
                  </a:lnTo>
                  <a:lnTo>
                    <a:pt x="1028" y="1714"/>
                  </a:lnTo>
                  <a:lnTo>
                    <a:pt x="1034" y="1710"/>
                  </a:lnTo>
                  <a:lnTo>
                    <a:pt x="1048" y="1706"/>
                  </a:lnTo>
                  <a:lnTo>
                    <a:pt x="1064" y="1700"/>
                  </a:lnTo>
                  <a:lnTo>
                    <a:pt x="1088" y="1688"/>
                  </a:lnTo>
                  <a:lnTo>
                    <a:pt x="1096" y="1684"/>
                  </a:lnTo>
                  <a:lnTo>
                    <a:pt x="1102" y="1680"/>
                  </a:lnTo>
                  <a:lnTo>
                    <a:pt x="1128" y="1668"/>
                  </a:lnTo>
                  <a:lnTo>
                    <a:pt x="1134" y="1664"/>
                  </a:lnTo>
                  <a:lnTo>
                    <a:pt x="1140" y="1658"/>
                  </a:lnTo>
                  <a:lnTo>
                    <a:pt x="1158" y="1632"/>
                  </a:lnTo>
                  <a:lnTo>
                    <a:pt x="1168" y="1618"/>
                  </a:lnTo>
                  <a:lnTo>
                    <a:pt x="1170" y="1612"/>
                  </a:lnTo>
                  <a:lnTo>
                    <a:pt x="1180" y="1600"/>
                  </a:lnTo>
                  <a:lnTo>
                    <a:pt x="1188" y="1592"/>
                  </a:lnTo>
                  <a:lnTo>
                    <a:pt x="1188" y="1588"/>
                  </a:lnTo>
                  <a:lnTo>
                    <a:pt x="1190" y="1586"/>
                  </a:lnTo>
                  <a:lnTo>
                    <a:pt x="1188" y="1584"/>
                  </a:lnTo>
                  <a:lnTo>
                    <a:pt x="1186" y="1582"/>
                  </a:lnTo>
                  <a:lnTo>
                    <a:pt x="1160" y="1562"/>
                  </a:lnTo>
                  <a:lnTo>
                    <a:pt x="1154" y="1558"/>
                  </a:lnTo>
                  <a:lnTo>
                    <a:pt x="1148" y="1556"/>
                  </a:lnTo>
                  <a:lnTo>
                    <a:pt x="1144" y="1554"/>
                  </a:lnTo>
                  <a:lnTo>
                    <a:pt x="1140" y="1548"/>
                  </a:lnTo>
                  <a:lnTo>
                    <a:pt x="1138" y="1544"/>
                  </a:lnTo>
                  <a:lnTo>
                    <a:pt x="1132" y="1540"/>
                  </a:lnTo>
                  <a:lnTo>
                    <a:pt x="1126" y="1538"/>
                  </a:lnTo>
                  <a:lnTo>
                    <a:pt x="1102" y="1544"/>
                  </a:lnTo>
                  <a:lnTo>
                    <a:pt x="1096" y="1544"/>
                  </a:lnTo>
                  <a:lnTo>
                    <a:pt x="1088" y="1542"/>
                  </a:lnTo>
                  <a:lnTo>
                    <a:pt x="1082" y="1540"/>
                  </a:lnTo>
                  <a:lnTo>
                    <a:pt x="1076" y="1536"/>
                  </a:lnTo>
                  <a:lnTo>
                    <a:pt x="1070" y="1536"/>
                  </a:lnTo>
                  <a:lnTo>
                    <a:pt x="1058" y="1534"/>
                  </a:lnTo>
                  <a:lnTo>
                    <a:pt x="1054" y="1530"/>
                  </a:lnTo>
                  <a:lnTo>
                    <a:pt x="1048" y="1526"/>
                  </a:lnTo>
                  <a:lnTo>
                    <a:pt x="1044" y="1520"/>
                  </a:lnTo>
                  <a:lnTo>
                    <a:pt x="1040" y="1506"/>
                  </a:lnTo>
                  <a:lnTo>
                    <a:pt x="1036" y="1498"/>
                  </a:lnTo>
                  <a:lnTo>
                    <a:pt x="1032" y="1492"/>
                  </a:lnTo>
                  <a:lnTo>
                    <a:pt x="1022" y="1484"/>
                  </a:lnTo>
                  <a:lnTo>
                    <a:pt x="1018" y="1478"/>
                  </a:lnTo>
                  <a:lnTo>
                    <a:pt x="1018" y="1472"/>
                  </a:lnTo>
                  <a:lnTo>
                    <a:pt x="1018" y="1468"/>
                  </a:lnTo>
                  <a:lnTo>
                    <a:pt x="1022" y="1462"/>
                  </a:lnTo>
                  <a:lnTo>
                    <a:pt x="1026" y="1458"/>
                  </a:lnTo>
                  <a:lnTo>
                    <a:pt x="1026" y="1452"/>
                  </a:lnTo>
                  <a:lnTo>
                    <a:pt x="1028" y="1452"/>
                  </a:lnTo>
                  <a:lnTo>
                    <a:pt x="1032" y="1454"/>
                  </a:lnTo>
                  <a:lnTo>
                    <a:pt x="1040" y="1462"/>
                  </a:lnTo>
                  <a:lnTo>
                    <a:pt x="1052" y="1474"/>
                  </a:lnTo>
                  <a:lnTo>
                    <a:pt x="1060" y="1482"/>
                  </a:lnTo>
                  <a:lnTo>
                    <a:pt x="1072" y="1492"/>
                  </a:lnTo>
                  <a:lnTo>
                    <a:pt x="1088" y="1504"/>
                  </a:lnTo>
                  <a:lnTo>
                    <a:pt x="1102" y="1510"/>
                  </a:lnTo>
                  <a:lnTo>
                    <a:pt x="1116" y="1514"/>
                  </a:lnTo>
                  <a:lnTo>
                    <a:pt x="1124" y="1516"/>
                  </a:lnTo>
                  <a:lnTo>
                    <a:pt x="1132" y="1514"/>
                  </a:lnTo>
                  <a:lnTo>
                    <a:pt x="1136" y="1510"/>
                  </a:lnTo>
                  <a:lnTo>
                    <a:pt x="1144" y="1510"/>
                  </a:lnTo>
                  <a:lnTo>
                    <a:pt x="1150" y="1514"/>
                  </a:lnTo>
                  <a:lnTo>
                    <a:pt x="1158" y="1522"/>
                  </a:lnTo>
                  <a:lnTo>
                    <a:pt x="1164" y="1526"/>
                  </a:lnTo>
                  <a:lnTo>
                    <a:pt x="1172" y="1530"/>
                  </a:lnTo>
                  <a:lnTo>
                    <a:pt x="1206" y="1544"/>
                  </a:lnTo>
                  <a:lnTo>
                    <a:pt x="1218" y="1546"/>
                  </a:lnTo>
                  <a:lnTo>
                    <a:pt x="1222" y="1546"/>
                  </a:lnTo>
                  <a:lnTo>
                    <a:pt x="1230" y="1544"/>
                  </a:lnTo>
                  <a:lnTo>
                    <a:pt x="1244" y="1538"/>
                  </a:lnTo>
                  <a:lnTo>
                    <a:pt x="1260" y="1536"/>
                  </a:lnTo>
                  <a:lnTo>
                    <a:pt x="1292" y="1536"/>
                  </a:lnTo>
                  <a:lnTo>
                    <a:pt x="1300" y="1538"/>
                  </a:lnTo>
                  <a:lnTo>
                    <a:pt x="1306" y="1544"/>
                  </a:lnTo>
                  <a:lnTo>
                    <a:pt x="1316" y="1558"/>
                  </a:lnTo>
                  <a:lnTo>
                    <a:pt x="1320" y="1566"/>
                  </a:lnTo>
                  <a:lnTo>
                    <a:pt x="1326" y="1572"/>
                  </a:lnTo>
                  <a:lnTo>
                    <a:pt x="1336" y="1588"/>
                  </a:lnTo>
                  <a:lnTo>
                    <a:pt x="1346" y="1602"/>
                  </a:lnTo>
                  <a:lnTo>
                    <a:pt x="1354" y="1610"/>
                  </a:lnTo>
                  <a:lnTo>
                    <a:pt x="1360" y="1612"/>
                  </a:lnTo>
                  <a:lnTo>
                    <a:pt x="1366" y="1610"/>
                  </a:lnTo>
                  <a:lnTo>
                    <a:pt x="1382" y="1600"/>
                  </a:lnTo>
                  <a:lnTo>
                    <a:pt x="1386" y="1598"/>
                  </a:lnTo>
                  <a:lnTo>
                    <a:pt x="1388" y="1600"/>
                  </a:lnTo>
                  <a:lnTo>
                    <a:pt x="1390" y="1600"/>
                  </a:lnTo>
                  <a:lnTo>
                    <a:pt x="1390" y="1604"/>
                  </a:lnTo>
                  <a:lnTo>
                    <a:pt x="1398" y="1676"/>
                  </a:lnTo>
                  <a:lnTo>
                    <a:pt x="1402" y="1692"/>
                  </a:lnTo>
                  <a:lnTo>
                    <a:pt x="1408" y="1714"/>
                  </a:lnTo>
                  <a:lnTo>
                    <a:pt x="1414" y="1730"/>
                  </a:lnTo>
                  <a:lnTo>
                    <a:pt x="1434" y="1764"/>
                  </a:lnTo>
                  <a:lnTo>
                    <a:pt x="1442" y="1778"/>
                  </a:lnTo>
                  <a:lnTo>
                    <a:pt x="1444" y="1784"/>
                  </a:lnTo>
                  <a:lnTo>
                    <a:pt x="1452" y="1798"/>
                  </a:lnTo>
                  <a:lnTo>
                    <a:pt x="1464" y="1814"/>
                  </a:lnTo>
                  <a:lnTo>
                    <a:pt x="1466" y="1816"/>
                  </a:lnTo>
                  <a:lnTo>
                    <a:pt x="1468" y="1816"/>
                  </a:lnTo>
                  <a:lnTo>
                    <a:pt x="1470" y="1816"/>
                  </a:lnTo>
                  <a:lnTo>
                    <a:pt x="1472" y="1814"/>
                  </a:lnTo>
                  <a:lnTo>
                    <a:pt x="1474" y="1808"/>
                  </a:lnTo>
                  <a:lnTo>
                    <a:pt x="1484" y="1796"/>
                  </a:lnTo>
                  <a:lnTo>
                    <a:pt x="1492" y="1786"/>
                  </a:lnTo>
                  <a:lnTo>
                    <a:pt x="1500" y="1774"/>
                  </a:lnTo>
                  <a:lnTo>
                    <a:pt x="1504" y="1768"/>
                  </a:lnTo>
                  <a:lnTo>
                    <a:pt x="1506" y="1762"/>
                  </a:lnTo>
                  <a:lnTo>
                    <a:pt x="1506" y="1754"/>
                  </a:lnTo>
                  <a:lnTo>
                    <a:pt x="1506" y="1730"/>
                  </a:lnTo>
                  <a:lnTo>
                    <a:pt x="1510" y="1716"/>
                  </a:lnTo>
                  <a:lnTo>
                    <a:pt x="1514" y="1700"/>
                  </a:lnTo>
                  <a:lnTo>
                    <a:pt x="1518" y="1694"/>
                  </a:lnTo>
                  <a:lnTo>
                    <a:pt x="1522" y="1688"/>
                  </a:lnTo>
                  <a:lnTo>
                    <a:pt x="1540" y="1670"/>
                  </a:lnTo>
                  <a:lnTo>
                    <a:pt x="1554" y="1660"/>
                  </a:lnTo>
                  <a:lnTo>
                    <a:pt x="1578" y="1648"/>
                  </a:lnTo>
                  <a:lnTo>
                    <a:pt x="1590" y="1638"/>
                  </a:lnTo>
                  <a:lnTo>
                    <a:pt x="1598" y="1630"/>
                  </a:lnTo>
                  <a:lnTo>
                    <a:pt x="1604" y="1624"/>
                  </a:lnTo>
                  <a:lnTo>
                    <a:pt x="1608" y="1618"/>
                  </a:lnTo>
                  <a:lnTo>
                    <a:pt x="1612" y="1604"/>
                  </a:lnTo>
                  <a:lnTo>
                    <a:pt x="1616" y="1598"/>
                  </a:lnTo>
                  <a:lnTo>
                    <a:pt x="1622" y="1596"/>
                  </a:lnTo>
                  <a:lnTo>
                    <a:pt x="1636" y="1596"/>
                  </a:lnTo>
                  <a:lnTo>
                    <a:pt x="1644" y="1596"/>
                  </a:lnTo>
                  <a:lnTo>
                    <a:pt x="1652" y="1592"/>
                  </a:lnTo>
                  <a:lnTo>
                    <a:pt x="1666" y="1588"/>
                  </a:lnTo>
                  <a:lnTo>
                    <a:pt x="1676" y="1586"/>
                  </a:lnTo>
                  <a:lnTo>
                    <a:pt x="1686" y="1588"/>
                  </a:lnTo>
                  <a:lnTo>
                    <a:pt x="1688" y="1590"/>
                  </a:lnTo>
                  <a:lnTo>
                    <a:pt x="1694" y="1594"/>
                  </a:lnTo>
                  <a:lnTo>
                    <a:pt x="1700" y="1598"/>
                  </a:lnTo>
                  <a:lnTo>
                    <a:pt x="1702" y="1604"/>
                  </a:lnTo>
                  <a:lnTo>
                    <a:pt x="1706" y="1612"/>
                  </a:lnTo>
                  <a:lnTo>
                    <a:pt x="1708" y="1618"/>
                  </a:lnTo>
                  <a:lnTo>
                    <a:pt x="1714" y="1632"/>
                  </a:lnTo>
                  <a:lnTo>
                    <a:pt x="1728" y="1676"/>
                  </a:lnTo>
                  <a:lnTo>
                    <a:pt x="1732" y="1682"/>
                  </a:lnTo>
                  <a:lnTo>
                    <a:pt x="1738" y="1688"/>
                  </a:lnTo>
                  <a:lnTo>
                    <a:pt x="1744" y="1690"/>
                  </a:lnTo>
                  <a:lnTo>
                    <a:pt x="1750" y="1692"/>
                  </a:lnTo>
                  <a:lnTo>
                    <a:pt x="1758" y="1690"/>
                  </a:lnTo>
                  <a:lnTo>
                    <a:pt x="1764" y="1688"/>
                  </a:lnTo>
                  <a:lnTo>
                    <a:pt x="1770" y="1686"/>
                  </a:lnTo>
                  <a:lnTo>
                    <a:pt x="1776" y="1688"/>
                  </a:lnTo>
                  <a:lnTo>
                    <a:pt x="1780" y="1694"/>
                  </a:lnTo>
                  <a:lnTo>
                    <a:pt x="1782" y="1700"/>
                  </a:lnTo>
                  <a:lnTo>
                    <a:pt x="1788" y="1716"/>
                  </a:lnTo>
                  <a:lnTo>
                    <a:pt x="1790" y="1730"/>
                  </a:lnTo>
                  <a:lnTo>
                    <a:pt x="1790" y="1754"/>
                  </a:lnTo>
                  <a:lnTo>
                    <a:pt x="1790" y="1770"/>
                  </a:lnTo>
                  <a:lnTo>
                    <a:pt x="1790" y="1802"/>
                  </a:lnTo>
                  <a:lnTo>
                    <a:pt x="1792" y="1810"/>
                  </a:lnTo>
                  <a:lnTo>
                    <a:pt x="1796" y="1816"/>
                  </a:lnTo>
                  <a:lnTo>
                    <a:pt x="1804" y="1824"/>
                  </a:lnTo>
                  <a:lnTo>
                    <a:pt x="1814" y="1838"/>
                  </a:lnTo>
                  <a:lnTo>
                    <a:pt x="1816" y="1842"/>
                  </a:lnTo>
                  <a:lnTo>
                    <a:pt x="1822" y="1858"/>
                  </a:lnTo>
                  <a:lnTo>
                    <a:pt x="1826" y="1862"/>
                  </a:lnTo>
                  <a:lnTo>
                    <a:pt x="1834" y="1876"/>
                  </a:lnTo>
                  <a:lnTo>
                    <a:pt x="1842" y="1884"/>
                  </a:lnTo>
                  <a:lnTo>
                    <a:pt x="1854" y="1894"/>
                  </a:lnTo>
                  <a:lnTo>
                    <a:pt x="1872" y="1912"/>
                  </a:lnTo>
                  <a:lnTo>
                    <a:pt x="1878" y="1916"/>
                  </a:lnTo>
                  <a:lnTo>
                    <a:pt x="1880" y="1914"/>
                  </a:lnTo>
                  <a:lnTo>
                    <a:pt x="1884" y="1914"/>
                  </a:lnTo>
                  <a:lnTo>
                    <a:pt x="1886" y="1908"/>
                  </a:lnTo>
                  <a:lnTo>
                    <a:pt x="1886" y="1900"/>
                  </a:lnTo>
                  <a:lnTo>
                    <a:pt x="1880" y="1886"/>
                  </a:lnTo>
                  <a:lnTo>
                    <a:pt x="1874" y="1872"/>
                  </a:lnTo>
                  <a:lnTo>
                    <a:pt x="1872" y="1866"/>
                  </a:lnTo>
                  <a:lnTo>
                    <a:pt x="1862" y="1854"/>
                  </a:lnTo>
                  <a:lnTo>
                    <a:pt x="1854" y="1846"/>
                  </a:lnTo>
                  <a:lnTo>
                    <a:pt x="1842" y="1836"/>
                  </a:lnTo>
                  <a:lnTo>
                    <a:pt x="1836" y="1834"/>
                  </a:lnTo>
                  <a:lnTo>
                    <a:pt x="1824" y="1826"/>
                  </a:lnTo>
                  <a:lnTo>
                    <a:pt x="1820" y="1820"/>
                  </a:lnTo>
                  <a:lnTo>
                    <a:pt x="1818" y="1812"/>
                  </a:lnTo>
                  <a:lnTo>
                    <a:pt x="1812" y="1790"/>
                  </a:lnTo>
                  <a:lnTo>
                    <a:pt x="1810" y="1774"/>
                  </a:lnTo>
                  <a:lnTo>
                    <a:pt x="1810" y="1770"/>
                  </a:lnTo>
                  <a:lnTo>
                    <a:pt x="1812" y="1754"/>
                  </a:lnTo>
                  <a:lnTo>
                    <a:pt x="1816" y="1740"/>
                  </a:lnTo>
                  <a:lnTo>
                    <a:pt x="1818" y="1736"/>
                  </a:lnTo>
                  <a:lnTo>
                    <a:pt x="1820" y="1734"/>
                  </a:lnTo>
                  <a:lnTo>
                    <a:pt x="1824" y="1734"/>
                  </a:lnTo>
                  <a:lnTo>
                    <a:pt x="1826" y="1734"/>
                  </a:lnTo>
                  <a:lnTo>
                    <a:pt x="1842" y="1740"/>
                  </a:lnTo>
                  <a:lnTo>
                    <a:pt x="1848" y="1742"/>
                  </a:lnTo>
                  <a:lnTo>
                    <a:pt x="1854" y="1746"/>
                  </a:lnTo>
                  <a:lnTo>
                    <a:pt x="1858" y="1752"/>
                  </a:lnTo>
                  <a:lnTo>
                    <a:pt x="1864" y="1758"/>
                  </a:lnTo>
                  <a:lnTo>
                    <a:pt x="1872" y="1766"/>
                  </a:lnTo>
                  <a:lnTo>
                    <a:pt x="1884" y="1776"/>
                  </a:lnTo>
                  <a:lnTo>
                    <a:pt x="1888" y="1782"/>
                  </a:lnTo>
                  <a:lnTo>
                    <a:pt x="1894" y="1780"/>
                  </a:lnTo>
                  <a:lnTo>
                    <a:pt x="1898" y="1782"/>
                  </a:lnTo>
                  <a:lnTo>
                    <a:pt x="1902" y="1788"/>
                  </a:lnTo>
                  <a:lnTo>
                    <a:pt x="1904" y="1794"/>
                  </a:lnTo>
                  <a:lnTo>
                    <a:pt x="1906" y="1796"/>
                  </a:lnTo>
                  <a:lnTo>
                    <a:pt x="1908" y="1798"/>
                  </a:lnTo>
                  <a:lnTo>
                    <a:pt x="1912" y="1798"/>
                  </a:lnTo>
                  <a:lnTo>
                    <a:pt x="1914" y="1796"/>
                  </a:lnTo>
                  <a:lnTo>
                    <a:pt x="1940" y="1776"/>
                  </a:lnTo>
                  <a:lnTo>
                    <a:pt x="1952" y="1766"/>
                  </a:lnTo>
                  <a:lnTo>
                    <a:pt x="1962" y="1758"/>
                  </a:lnTo>
                  <a:lnTo>
                    <a:pt x="1964" y="1752"/>
                  </a:lnTo>
                  <a:lnTo>
                    <a:pt x="1964" y="1744"/>
                  </a:lnTo>
                  <a:lnTo>
                    <a:pt x="1950" y="1690"/>
                  </a:lnTo>
                  <a:lnTo>
                    <a:pt x="1946" y="1684"/>
                  </a:lnTo>
                  <a:lnTo>
                    <a:pt x="1942" y="1678"/>
                  </a:lnTo>
                  <a:lnTo>
                    <a:pt x="1932" y="1666"/>
                  </a:lnTo>
                  <a:lnTo>
                    <a:pt x="1922" y="1650"/>
                  </a:lnTo>
                  <a:lnTo>
                    <a:pt x="1914" y="1636"/>
                  </a:lnTo>
                  <a:lnTo>
                    <a:pt x="1912" y="1632"/>
                  </a:lnTo>
                  <a:lnTo>
                    <a:pt x="1910" y="1626"/>
                  </a:lnTo>
                  <a:lnTo>
                    <a:pt x="1912" y="1620"/>
                  </a:lnTo>
                  <a:lnTo>
                    <a:pt x="1924" y="1612"/>
                  </a:lnTo>
                  <a:lnTo>
                    <a:pt x="1930" y="1608"/>
                  </a:lnTo>
                  <a:lnTo>
                    <a:pt x="1942" y="1606"/>
                  </a:lnTo>
                  <a:lnTo>
                    <a:pt x="1948" y="1606"/>
                  </a:lnTo>
                  <a:lnTo>
                    <a:pt x="1954" y="1610"/>
                  </a:lnTo>
                  <a:lnTo>
                    <a:pt x="1970" y="1620"/>
                  </a:lnTo>
                  <a:lnTo>
                    <a:pt x="1972" y="1622"/>
                  </a:lnTo>
                  <a:lnTo>
                    <a:pt x="1974" y="1620"/>
                  </a:lnTo>
                  <a:lnTo>
                    <a:pt x="1976" y="1620"/>
                  </a:lnTo>
                  <a:lnTo>
                    <a:pt x="1976" y="1616"/>
                  </a:lnTo>
                  <a:lnTo>
                    <a:pt x="1976" y="1614"/>
                  </a:lnTo>
                  <a:lnTo>
                    <a:pt x="1978" y="1606"/>
                  </a:lnTo>
                  <a:lnTo>
                    <a:pt x="1984" y="1604"/>
                  </a:lnTo>
                  <a:lnTo>
                    <a:pt x="2008" y="1598"/>
                  </a:lnTo>
                  <a:lnTo>
                    <a:pt x="2014" y="1594"/>
                  </a:lnTo>
                  <a:lnTo>
                    <a:pt x="2020" y="1590"/>
                  </a:lnTo>
                  <a:lnTo>
                    <a:pt x="2024" y="1586"/>
                  </a:lnTo>
                  <a:lnTo>
                    <a:pt x="2030" y="1586"/>
                  </a:lnTo>
                  <a:lnTo>
                    <a:pt x="2040" y="1586"/>
                  </a:lnTo>
                  <a:lnTo>
                    <a:pt x="2052" y="1582"/>
                  </a:lnTo>
                  <a:lnTo>
                    <a:pt x="2056" y="1580"/>
                  </a:lnTo>
                  <a:lnTo>
                    <a:pt x="2072" y="1572"/>
                  </a:lnTo>
                  <a:lnTo>
                    <a:pt x="2076" y="1570"/>
                  </a:lnTo>
                  <a:lnTo>
                    <a:pt x="2090" y="1562"/>
                  </a:lnTo>
                  <a:lnTo>
                    <a:pt x="2106" y="1550"/>
                  </a:lnTo>
                  <a:lnTo>
                    <a:pt x="2112" y="1546"/>
                  </a:lnTo>
                  <a:lnTo>
                    <a:pt x="2116" y="1540"/>
                  </a:lnTo>
                  <a:lnTo>
                    <a:pt x="2120" y="1534"/>
                  </a:lnTo>
                  <a:lnTo>
                    <a:pt x="2126" y="1520"/>
                  </a:lnTo>
                  <a:lnTo>
                    <a:pt x="2130" y="1514"/>
                  </a:lnTo>
                  <a:lnTo>
                    <a:pt x="2138" y="1500"/>
                  </a:lnTo>
                  <a:lnTo>
                    <a:pt x="2148" y="1484"/>
                  </a:lnTo>
                  <a:lnTo>
                    <a:pt x="2150" y="1478"/>
                  </a:lnTo>
                  <a:lnTo>
                    <a:pt x="2152" y="1470"/>
                  </a:lnTo>
                  <a:lnTo>
                    <a:pt x="2152" y="1466"/>
                  </a:lnTo>
                  <a:lnTo>
                    <a:pt x="2150" y="1460"/>
                  </a:lnTo>
                  <a:lnTo>
                    <a:pt x="2148" y="1454"/>
                  </a:lnTo>
                  <a:lnTo>
                    <a:pt x="2146" y="1448"/>
                  </a:lnTo>
                  <a:lnTo>
                    <a:pt x="2148" y="1444"/>
                  </a:lnTo>
                  <a:lnTo>
                    <a:pt x="2150" y="1438"/>
                  </a:lnTo>
                  <a:lnTo>
                    <a:pt x="2148" y="1432"/>
                  </a:lnTo>
                  <a:lnTo>
                    <a:pt x="2146" y="1426"/>
                  </a:lnTo>
                  <a:lnTo>
                    <a:pt x="2140" y="1412"/>
                  </a:lnTo>
                  <a:lnTo>
                    <a:pt x="2126" y="1378"/>
                  </a:lnTo>
                  <a:lnTo>
                    <a:pt x="2122" y="1366"/>
                  </a:lnTo>
                  <a:lnTo>
                    <a:pt x="2124" y="1360"/>
                  </a:lnTo>
                  <a:lnTo>
                    <a:pt x="2128" y="1354"/>
                  </a:lnTo>
                  <a:lnTo>
                    <a:pt x="2136" y="1346"/>
                  </a:lnTo>
                  <a:lnTo>
                    <a:pt x="2150" y="1338"/>
                  </a:lnTo>
                  <a:lnTo>
                    <a:pt x="2154" y="1334"/>
                  </a:lnTo>
                  <a:lnTo>
                    <a:pt x="2160" y="1330"/>
                  </a:lnTo>
                  <a:lnTo>
                    <a:pt x="2162" y="1326"/>
                  </a:lnTo>
                  <a:lnTo>
                    <a:pt x="2160" y="1322"/>
                  </a:lnTo>
                  <a:lnTo>
                    <a:pt x="2154" y="1322"/>
                  </a:lnTo>
                  <a:lnTo>
                    <a:pt x="2140" y="1322"/>
                  </a:lnTo>
                  <a:lnTo>
                    <a:pt x="2128" y="1322"/>
                  </a:lnTo>
                  <a:lnTo>
                    <a:pt x="2118" y="1322"/>
                  </a:lnTo>
                  <a:lnTo>
                    <a:pt x="2114" y="1320"/>
                  </a:lnTo>
                  <a:lnTo>
                    <a:pt x="2110" y="1314"/>
                  </a:lnTo>
                  <a:lnTo>
                    <a:pt x="2106" y="1308"/>
                  </a:lnTo>
                  <a:lnTo>
                    <a:pt x="2098" y="1296"/>
                  </a:lnTo>
                  <a:lnTo>
                    <a:pt x="2096" y="1294"/>
                  </a:lnTo>
                  <a:lnTo>
                    <a:pt x="2096" y="1292"/>
                  </a:lnTo>
                  <a:lnTo>
                    <a:pt x="2100" y="1288"/>
                  </a:lnTo>
                  <a:lnTo>
                    <a:pt x="2106" y="1286"/>
                  </a:lnTo>
                  <a:lnTo>
                    <a:pt x="2120" y="1278"/>
                  </a:lnTo>
                  <a:lnTo>
                    <a:pt x="2126" y="1276"/>
                  </a:lnTo>
                  <a:lnTo>
                    <a:pt x="2138" y="1266"/>
                  </a:lnTo>
                  <a:lnTo>
                    <a:pt x="2146" y="1258"/>
                  </a:lnTo>
                  <a:lnTo>
                    <a:pt x="2152" y="1254"/>
                  </a:lnTo>
                  <a:lnTo>
                    <a:pt x="2158" y="1252"/>
                  </a:lnTo>
                  <a:lnTo>
                    <a:pt x="2158" y="1254"/>
                  </a:lnTo>
                  <a:lnTo>
                    <a:pt x="2160" y="1254"/>
                  </a:lnTo>
                  <a:lnTo>
                    <a:pt x="2158" y="1260"/>
                  </a:lnTo>
                  <a:lnTo>
                    <a:pt x="2156" y="1266"/>
                  </a:lnTo>
                  <a:lnTo>
                    <a:pt x="2154" y="1272"/>
                  </a:lnTo>
                  <a:lnTo>
                    <a:pt x="2158" y="1278"/>
                  </a:lnTo>
                  <a:lnTo>
                    <a:pt x="2162" y="1280"/>
                  </a:lnTo>
                  <a:lnTo>
                    <a:pt x="2166" y="1282"/>
                  </a:lnTo>
                  <a:lnTo>
                    <a:pt x="2180" y="1280"/>
                  </a:lnTo>
                  <a:lnTo>
                    <a:pt x="2194" y="1274"/>
                  </a:lnTo>
                  <a:lnTo>
                    <a:pt x="2202" y="1274"/>
                  </a:lnTo>
                  <a:lnTo>
                    <a:pt x="2208" y="1276"/>
                  </a:lnTo>
                  <a:lnTo>
                    <a:pt x="2214" y="1278"/>
                  </a:lnTo>
                  <a:lnTo>
                    <a:pt x="2220" y="1284"/>
                  </a:lnTo>
                  <a:lnTo>
                    <a:pt x="2224" y="1290"/>
                  </a:lnTo>
                  <a:lnTo>
                    <a:pt x="2228" y="1294"/>
                  </a:lnTo>
                  <a:lnTo>
                    <a:pt x="2230" y="1306"/>
                  </a:lnTo>
                  <a:lnTo>
                    <a:pt x="2230" y="1320"/>
                  </a:lnTo>
                  <a:lnTo>
                    <a:pt x="2230" y="1332"/>
                  </a:lnTo>
                  <a:lnTo>
                    <a:pt x="2228" y="1348"/>
                  </a:lnTo>
                  <a:lnTo>
                    <a:pt x="2224" y="1362"/>
                  </a:lnTo>
                  <a:lnTo>
                    <a:pt x="2222" y="1366"/>
                  </a:lnTo>
                  <a:lnTo>
                    <a:pt x="2224" y="1368"/>
                  </a:lnTo>
                  <a:lnTo>
                    <a:pt x="2226" y="1370"/>
                  </a:lnTo>
                  <a:lnTo>
                    <a:pt x="2228" y="1370"/>
                  </a:lnTo>
                  <a:lnTo>
                    <a:pt x="2232" y="1370"/>
                  </a:lnTo>
                  <a:lnTo>
                    <a:pt x="2240" y="1370"/>
                  </a:lnTo>
                  <a:lnTo>
                    <a:pt x="2248" y="1366"/>
                  </a:lnTo>
                  <a:lnTo>
                    <a:pt x="2252" y="1364"/>
                  </a:lnTo>
                  <a:lnTo>
                    <a:pt x="2264" y="1356"/>
                  </a:lnTo>
                  <a:lnTo>
                    <a:pt x="2274" y="1346"/>
                  </a:lnTo>
                  <a:lnTo>
                    <a:pt x="2278" y="1340"/>
                  </a:lnTo>
                  <a:lnTo>
                    <a:pt x="2276" y="1334"/>
                  </a:lnTo>
                  <a:lnTo>
                    <a:pt x="2264" y="1308"/>
                  </a:lnTo>
                  <a:lnTo>
                    <a:pt x="2260" y="1296"/>
                  </a:lnTo>
                  <a:lnTo>
                    <a:pt x="2260" y="1284"/>
                  </a:lnTo>
                  <a:lnTo>
                    <a:pt x="2260" y="1280"/>
                  </a:lnTo>
                  <a:lnTo>
                    <a:pt x="2260" y="1268"/>
                  </a:lnTo>
                  <a:lnTo>
                    <a:pt x="2256" y="1256"/>
                  </a:lnTo>
                  <a:lnTo>
                    <a:pt x="2254" y="1250"/>
                  </a:lnTo>
                  <a:lnTo>
                    <a:pt x="2252" y="1244"/>
                  </a:lnTo>
                  <a:lnTo>
                    <a:pt x="2256" y="1238"/>
                  </a:lnTo>
                  <a:lnTo>
                    <a:pt x="2266" y="1228"/>
                  </a:lnTo>
                  <a:lnTo>
                    <a:pt x="2274" y="1220"/>
                  </a:lnTo>
                  <a:lnTo>
                    <a:pt x="2280" y="1216"/>
                  </a:lnTo>
                  <a:lnTo>
                    <a:pt x="2286" y="1214"/>
                  </a:lnTo>
                  <a:lnTo>
                    <a:pt x="2290" y="1216"/>
                  </a:lnTo>
                  <a:lnTo>
                    <a:pt x="2292" y="1218"/>
                  </a:lnTo>
                  <a:lnTo>
                    <a:pt x="2292" y="1222"/>
                  </a:lnTo>
                  <a:lnTo>
                    <a:pt x="2294" y="1224"/>
                  </a:lnTo>
                  <a:lnTo>
                    <a:pt x="2304" y="1224"/>
                  </a:lnTo>
                  <a:lnTo>
                    <a:pt x="2310" y="1222"/>
                  </a:lnTo>
                  <a:lnTo>
                    <a:pt x="2314" y="1218"/>
                  </a:lnTo>
                  <a:lnTo>
                    <a:pt x="2320" y="1216"/>
                  </a:lnTo>
                  <a:lnTo>
                    <a:pt x="2326" y="1218"/>
                  </a:lnTo>
                  <a:lnTo>
                    <a:pt x="2332" y="1220"/>
                  </a:lnTo>
                  <a:lnTo>
                    <a:pt x="2338" y="1222"/>
                  </a:lnTo>
                  <a:lnTo>
                    <a:pt x="2344" y="1218"/>
                  </a:lnTo>
                  <a:lnTo>
                    <a:pt x="2362" y="1200"/>
                  </a:lnTo>
                  <a:lnTo>
                    <a:pt x="2374" y="1188"/>
                  </a:lnTo>
                  <a:lnTo>
                    <a:pt x="2382" y="1180"/>
                  </a:lnTo>
                  <a:lnTo>
                    <a:pt x="2392" y="1168"/>
                  </a:lnTo>
                  <a:lnTo>
                    <a:pt x="2422" y="1132"/>
                  </a:lnTo>
                  <a:lnTo>
                    <a:pt x="2430" y="1118"/>
                  </a:lnTo>
                  <a:lnTo>
                    <a:pt x="2442" y="1094"/>
                  </a:lnTo>
                  <a:lnTo>
                    <a:pt x="2446" y="1086"/>
                  </a:lnTo>
                  <a:lnTo>
                    <a:pt x="2446" y="1078"/>
                  </a:lnTo>
                  <a:lnTo>
                    <a:pt x="2446" y="1056"/>
                  </a:lnTo>
                  <a:lnTo>
                    <a:pt x="2448" y="1040"/>
                  </a:lnTo>
                  <a:lnTo>
                    <a:pt x="2454" y="996"/>
                  </a:lnTo>
                  <a:lnTo>
                    <a:pt x="2456" y="980"/>
                  </a:lnTo>
                  <a:lnTo>
                    <a:pt x="2456" y="978"/>
                  </a:lnTo>
                  <a:lnTo>
                    <a:pt x="2454" y="970"/>
                  </a:lnTo>
                  <a:lnTo>
                    <a:pt x="2450" y="964"/>
                  </a:lnTo>
                  <a:lnTo>
                    <a:pt x="2442" y="956"/>
                  </a:lnTo>
                  <a:lnTo>
                    <a:pt x="2436" y="952"/>
                  </a:lnTo>
                  <a:lnTo>
                    <a:pt x="2430" y="954"/>
                  </a:lnTo>
                  <a:lnTo>
                    <a:pt x="2414" y="964"/>
                  </a:lnTo>
                  <a:lnTo>
                    <a:pt x="2406" y="968"/>
                  </a:lnTo>
                  <a:lnTo>
                    <a:pt x="2400" y="966"/>
                  </a:lnTo>
                  <a:lnTo>
                    <a:pt x="2394" y="964"/>
                  </a:lnTo>
                  <a:lnTo>
                    <a:pt x="2388" y="958"/>
                  </a:lnTo>
                  <a:lnTo>
                    <a:pt x="2384" y="952"/>
                  </a:lnTo>
                  <a:lnTo>
                    <a:pt x="2382" y="948"/>
                  </a:lnTo>
                  <a:lnTo>
                    <a:pt x="2378" y="942"/>
                  </a:lnTo>
                  <a:lnTo>
                    <a:pt x="2372" y="940"/>
                  </a:lnTo>
                  <a:lnTo>
                    <a:pt x="2370" y="938"/>
                  </a:lnTo>
                  <a:lnTo>
                    <a:pt x="2372" y="936"/>
                  </a:lnTo>
                  <a:lnTo>
                    <a:pt x="2384" y="924"/>
                  </a:lnTo>
                  <a:lnTo>
                    <a:pt x="2402" y="906"/>
                  </a:lnTo>
                  <a:lnTo>
                    <a:pt x="2412" y="896"/>
                  </a:lnTo>
                  <a:lnTo>
                    <a:pt x="2420" y="888"/>
                  </a:lnTo>
                  <a:lnTo>
                    <a:pt x="2424" y="882"/>
                  </a:lnTo>
                  <a:lnTo>
                    <a:pt x="2426" y="876"/>
                  </a:lnTo>
                  <a:lnTo>
                    <a:pt x="2428" y="872"/>
                  </a:lnTo>
                  <a:lnTo>
                    <a:pt x="2432" y="866"/>
                  </a:lnTo>
                  <a:lnTo>
                    <a:pt x="2490" y="808"/>
                  </a:lnTo>
                  <a:lnTo>
                    <a:pt x="2496" y="804"/>
                  </a:lnTo>
                  <a:lnTo>
                    <a:pt x="2504" y="802"/>
                  </a:lnTo>
                  <a:lnTo>
                    <a:pt x="2506" y="802"/>
                  </a:lnTo>
                  <a:lnTo>
                    <a:pt x="2522" y="802"/>
                  </a:lnTo>
                  <a:lnTo>
                    <a:pt x="2556" y="802"/>
                  </a:lnTo>
                  <a:lnTo>
                    <a:pt x="2564" y="802"/>
                  </a:lnTo>
                  <a:lnTo>
                    <a:pt x="2570" y="800"/>
                  </a:lnTo>
                  <a:lnTo>
                    <a:pt x="2576" y="796"/>
                  </a:lnTo>
                  <a:lnTo>
                    <a:pt x="2584" y="794"/>
                  </a:lnTo>
                  <a:lnTo>
                    <a:pt x="2590" y="796"/>
                  </a:lnTo>
                  <a:lnTo>
                    <a:pt x="2604" y="800"/>
                  </a:lnTo>
                  <a:lnTo>
                    <a:pt x="2610" y="804"/>
                  </a:lnTo>
                  <a:lnTo>
                    <a:pt x="2612" y="810"/>
                  </a:lnTo>
                  <a:lnTo>
                    <a:pt x="2612" y="814"/>
                  </a:lnTo>
                  <a:lnTo>
                    <a:pt x="2614" y="818"/>
                  </a:lnTo>
                  <a:lnTo>
                    <a:pt x="2614" y="820"/>
                  </a:lnTo>
                  <a:lnTo>
                    <a:pt x="2618" y="820"/>
                  </a:lnTo>
                  <a:lnTo>
                    <a:pt x="2620" y="822"/>
                  </a:lnTo>
                  <a:lnTo>
                    <a:pt x="2654" y="814"/>
                  </a:lnTo>
                  <a:lnTo>
                    <a:pt x="2666" y="812"/>
                  </a:lnTo>
                  <a:lnTo>
                    <a:pt x="2668" y="812"/>
                  </a:lnTo>
                  <a:lnTo>
                    <a:pt x="2666" y="808"/>
                  </a:lnTo>
                  <a:lnTo>
                    <a:pt x="2664" y="802"/>
                  </a:lnTo>
                  <a:lnTo>
                    <a:pt x="2664" y="796"/>
                  </a:lnTo>
                  <a:lnTo>
                    <a:pt x="2668" y="782"/>
                  </a:lnTo>
                  <a:lnTo>
                    <a:pt x="2674" y="766"/>
                  </a:lnTo>
                  <a:lnTo>
                    <a:pt x="2678" y="752"/>
                  </a:lnTo>
                  <a:lnTo>
                    <a:pt x="2682" y="746"/>
                  </a:lnTo>
                  <a:lnTo>
                    <a:pt x="2688" y="740"/>
                  </a:lnTo>
                  <a:lnTo>
                    <a:pt x="2704" y="730"/>
                  </a:lnTo>
                  <a:lnTo>
                    <a:pt x="2710" y="726"/>
                  </a:lnTo>
                  <a:lnTo>
                    <a:pt x="2718" y="726"/>
                  </a:lnTo>
                  <a:lnTo>
                    <a:pt x="2742" y="732"/>
                  </a:lnTo>
                  <a:lnTo>
                    <a:pt x="2748" y="736"/>
                  </a:lnTo>
                  <a:lnTo>
                    <a:pt x="2754" y="742"/>
                  </a:lnTo>
                  <a:lnTo>
                    <a:pt x="2756" y="746"/>
                  </a:lnTo>
                  <a:lnTo>
                    <a:pt x="2758" y="750"/>
                  </a:lnTo>
                  <a:lnTo>
                    <a:pt x="2760" y="750"/>
                  </a:lnTo>
                  <a:lnTo>
                    <a:pt x="2762" y="750"/>
                  </a:lnTo>
                  <a:lnTo>
                    <a:pt x="2764" y="748"/>
                  </a:lnTo>
                  <a:lnTo>
                    <a:pt x="2774" y="740"/>
                  </a:lnTo>
                  <a:lnTo>
                    <a:pt x="2786" y="730"/>
                  </a:lnTo>
                  <a:lnTo>
                    <a:pt x="2812" y="710"/>
                  </a:lnTo>
                  <a:lnTo>
                    <a:pt x="2814" y="708"/>
                  </a:lnTo>
                  <a:lnTo>
                    <a:pt x="2816" y="708"/>
                  </a:lnTo>
                  <a:lnTo>
                    <a:pt x="2818" y="710"/>
                  </a:lnTo>
                  <a:lnTo>
                    <a:pt x="2818" y="714"/>
                  </a:lnTo>
                  <a:lnTo>
                    <a:pt x="2818" y="736"/>
                  </a:lnTo>
                  <a:lnTo>
                    <a:pt x="2816" y="744"/>
                  </a:lnTo>
                  <a:lnTo>
                    <a:pt x="2812" y="750"/>
                  </a:lnTo>
                  <a:lnTo>
                    <a:pt x="2794" y="768"/>
                  </a:lnTo>
                  <a:lnTo>
                    <a:pt x="2782" y="778"/>
                  </a:lnTo>
                  <a:lnTo>
                    <a:pt x="2776" y="780"/>
                  </a:lnTo>
                  <a:lnTo>
                    <a:pt x="2770" y="784"/>
                  </a:lnTo>
                  <a:lnTo>
                    <a:pt x="2764" y="790"/>
                  </a:lnTo>
                  <a:lnTo>
                    <a:pt x="2754" y="806"/>
                  </a:lnTo>
                  <a:lnTo>
                    <a:pt x="2744" y="818"/>
                  </a:lnTo>
                  <a:lnTo>
                    <a:pt x="2736" y="826"/>
                  </a:lnTo>
                  <a:lnTo>
                    <a:pt x="2724" y="838"/>
                  </a:lnTo>
                  <a:lnTo>
                    <a:pt x="2716" y="846"/>
                  </a:lnTo>
                  <a:lnTo>
                    <a:pt x="2710" y="850"/>
                  </a:lnTo>
                  <a:lnTo>
                    <a:pt x="2706" y="852"/>
                  </a:lnTo>
                  <a:lnTo>
                    <a:pt x="2702" y="854"/>
                  </a:lnTo>
                  <a:lnTo>
                    <a:pt x="2698" y="860"/>
                  </a:lnTo>
                  <a:lnTo>
                    <a:pt x="2684" y="904"/>
                  </a:lnTo>
                  <a:lnTo>
                    <a:pt x="2682" y="910"/>
                  </a:lnTo>
                  <a:lnTo>
                    <a:pt x="2682" y="918"/>
                  </a:lnTo>
                  <a:lnTo>
                    <a:pt x="2700" y="1020"/>
                  </a:lnTo>
                  <a:lnTo>
                    <a:pt x="2700" y="1022"/>
                  </a:lnTo>
                  <a:lnTo>
                    <a:pt x="2702" y="1024"/>
                  </a:lnTo>
                  <a:lnTo>
                    <a:pt x="2704" y="1024"/>
                  </a:lnTo>
                  <a:lnTo>
                    <a:pt x="2706" y="1022"/>
                  </a:lnTo>
                  <a:lnTo>
                    <a:pt x="2726" y="996"/>
                  </a:lnTo>
                  <a:lnTo>
                    <a:pt x="2734" y="984"/>
                  </a:lnTo>
                  <a:lnTo>
                    <a:pt x="2744" y="972"/>
                  </a:lnTo>
                  <a:lnTo>
                    <a:pt x="2746" y="966"/>
                  </a:lnTo>
                  <a:lnTo>
                    <a:pt x="2754" y="952"/>
                  </a:lnTo>
                  <a:lnTo>
                    <a:pt x="2756" y="948"/>
                  </a:lnTo>
                  <a:lnTo>
                    <a:pt x="2760" y="940"/>
                  </a:lnTo>
                  <a:lnTo>
                    <a:pt x="2766" y="936"/>
                  </a:lnTo>
                  <a:lnTo>
                    <a:pt x="2772" y="934"/>
                  </a:lnTo>
                  <a:lnTo>
                    <a:pt x="2776" y="928"/>
                  </a:lnTo>
                  <a:lnTo>
                    <a:pt x="2778" y="922"/>
                  </a:lnTo>
                  <a:lnTo>
                    <a:pt x="2778" y="918"/>
                  </a:lnTo>
                  <a:lnTo>
                    <a:pt x="2780" y="912"/>
                  </a:lnTo>
                  <a:lnTo>
                    <a:pt x="2784" y="906"/>
                  </a:lnTo>
                  <a:lnTo>
                    <a:pt x="2788" y="900"/>
                  </a:lnTo>
                  <a:lnTo>
                    <a:pt x="2790" y="894"/>
                  </a:lnTo>
                  <a:lnTo>
                    <a:pt x="2796" y="870"/>
                  </a:lnTo>
                  <a:lnTo>
                    <a:pt x="2798" y="856"/>
                  </a:lnTo>
                  <a:lnTo>
                    <a:pt x="2796" y="854"/>
                  </a:lnTo>
                  <a:lnTo>
                    <a:pt x="2790" y="852"/>
                  </a:lnTo>
                  <a:lnTo>
                    <a:pt x="2786" y="852"/>
                  </a:lnTo>
                  <a:lnTo>
                    <a:pt x="2784" y="852"/>
                  </a:lnTo>
                  <a:lnTo>
                    <a:pt x="2782" y="850"/>
                  </a:lnTo>
                  <a:lnTo>
                    <a:pt x="2782" y="848"/>
                  </a:lnTo>
                  <a:lnTo>
                    <a:pt x="2782" y="844"/>
                  </a:lnTo>
                  <a:lnTo>
                    <a:pt x="2796" y="810"/>
                  </a:lnTo>
                  <a:lnTo>
                    <a:pt x="2798" y="804"/>
                  </a:lnTo>
                  <a:lnTo>
                    <a:pt x="2804" y="798"/>
                  </a:lnTo>
                  <a:lnTo>
                    <a:pt x="2816" y="790"/>
                  </a:lnTo>
                  <a:lnTo>
                    <a:pt x="2820" y="786"/>
                  </a:lnTo>
                  <a:lnTo>
                    <a:pt x="2832" y="784"/>
                  </a:lnTo>
                  <a:lnTo>
                    <a:pt x="2838" y="784"/>
                  </a:lnTo>
                  <a:lnTo>
                    <a:pt x="2842" y="788"/>
                  </a:lnTo>
                  <a:lnTo>
                    <a:pt x="2844" y="790"/>
                  </a:lnTo>
                  <a:lnTo>
                    <a:pt x="2848" y="790"/>
                  </a:lnTo>
                  <a:lnTo>
                    <a:pt x="2854" y="788"/>
                  </a:lnTo>
                  <a:lnTo>
                    <a:pt x="2870" y="770"/>
                  </a:lnTo>
                  <a:lnTo>
                    <a:pt x="2874" y="768"/>
                  </a:lnTo>
                  <a:lnTo>
                    <a:pt x="2876" y="768"/>
                  </a:lnTo>
                  <a:lnTo>
                    <a:pt x="2880" y="768"/>
                  </a:lnTo>
                  <a:lnTo>
                    <a:pt x="2882" y="770"/>
                  </a:lnTo>
                  <a:lnTo>
                    <a:pt x="2900" y="788"/>
                  </a:lnTo>
                  <a:lnTo>
                    <a:pt x="2902" y="790"/>
                  </a:lnTo>
                  <a:lnTo>
                    <a:pt x="2906" y="790"/>
                  </a:lnTo>
                  <a:lnTo>
                    <a:pt x="2908" y="788"/>
                  </a:lnTo>
                  <a:lnTo>
                    <a:pt x="2908" y="786"/>
                  </a:lnTo>
                  <a:lnTo>
                    <a:pt x="2914" y="772"/>
                  </a:lnTo>
                  <a:lnTo>
                    <a:pt x="2918" y="766"/>
                  </a:lnTo>
                  <a:lnTo>
                    <a:pt x="2924" y="764"/>
                  </a:lnTo>
                  <a:lnTo>
                    <a:pt x="2928" y="764"/>
                  </a:lnTo>
                  <a:lnTo>
                    <a:pt x="2934" y="762"/>
                  </a:lnTo>
                  <a:lnTo>
                    <a:pt x="2940" y="758"/>
                  </a:lnTo>
                  <a:lnTo>
                    <a:pt x="2960" y="732"/>
                  </a:lnTo>
                  <a:lnTo>
                    <a:pt x="2966" y="726"/>
                  </a:lnTo>
                  <a:lnTo>
                    <a:pt x="2972" y="722"/>
                  </a:lnTo>
                  <a:lnTo>
                    <a:pt x="2996" y="708"/>
                  </a:lnTo>
                  <a:lnTo>
                    <a:pt x="3004" y="706"/>
                  </a:lnTo>
                  <a:lnTo>
                    <a:pt x="3012" y="706"/>
                  </a:lnTo>
                  <a:lnTo>
                    <a:pt x="3016" y="706"/>
                  </a:lnTo>
                  <a:lnTo>
                    <a:pt x="3024" y="706"/>
                  </a:lnTo>
                  <a:lnTo>
                    <a:pt x="3030" y="708"/>
                  </a:lnTo>
                  <a:lnTo>
                    <a:pt x="3036" y="712"/>
                  </a:lnTo>
                  <a:lnTo>
                    <a:pt x="3042" y="712"/>
                  </a:lnTo>
                  <a:lnTo>
                    <a:pt x="3044" y="710"/>
                  </a:lnTo>
                  <a:lnTo>
                    <a:pt x="3044" y="698"/>
                  </a:lnTo>
                  <a:lnTo>
                    <a:pt x="3044" y="694"/>
                  </a:lnTo>
                  <a:lnTo>
                    <a:pt x="3040" y="678"/>
                  </a:lnTo>
                  <a:lnTo>
                    <a:pt x="3036" y="664"/>
                  </a:lnTo>
                  <a:lnTo>
                    <a:pt x="3032" y="656"/>
                  </a:lnTo>
                  <a:lnTo>
                    <a:pt x="3028" y="650"/>
                  </a:lnTo>
                  <a:lnTo>
                    <a:pt x="3020" y="642"/>
                  </a:lnTo>
                  <a:lnTo>
                    <a:pt x="3018" y="640"/>
                  </a:lnTo>
                  <a:lnTo>
                    <a:pt x="3018" y="638"/>
                  </a:lnTo>
                  <a:lnTo>
                    <a:pt x="3018" y="634"/>
                  </a:lnTo>
                  <a:lnTo>
                    <a:pt x="3022" y="634"/>
                  </a:lnTo>
                  <a:lnTo>
                    <a:pt x="3026" y="630"/>
                  </a:lnTo>
                  <a:lnTo>
                    <a:pt x="3040" y="624"/>
                  </a:lnTo>
                  <a:lnTo>
                    <a:pt x="3046" y="620"/>
                  </a:lnTo>
                  <a:close/>
                  <a:moveTo>
                    <a:pt x="420" y="930"/>
                  </a:moveTo>
                  <a:lnTo>
                    <a:pt x="420" y="930"/>
                  </a:lnTo>
                  <a:lnTo>
                    <a:pt x="414" y="924"/>
                  </a:lnTo>
                  <a:lnTo>
                    <a:pt x="410" y="920"/>
                  </a:lnTo>
                  <a:lnTo>
                    <a:pt x="414" y="924"/>
                  </a:lnTo>
                  <a:lnTo>
                    <a:pt x="420" y="930"/>
                  </a:lnTo>
                  <a:close/>
                  <a:moveTo>
                    <a:pt x="938" y="1244"/>
                  </a:moveTo>
                  <a:lnTo>
                    <a:pt x="938" y="1244"/>
                  </a:lnTo>
                  <a:lnTo>
                    <a:pt x="934" y="1238"/>
                  </a:lnTo>
                  <a:lnTo>
                    <a:pt x="928" y="1236"/>
                  </a:lnTo>
                  <a:lnTo>
                    <a:pt x="924" y="1234"/>
                  </a:lnTo>
                  <a:lnTo>
                    <a:pt x="914" y="1234"/>
                  </a:lnTo>
                  <a:lnTo>
                    <a:pt x="902" y="1238"/>
                  </a:lnTo>
                  <a:lnTo>
                    <a:pt x="896" y="1240"/>
                  </a:lnTo>
                  <a:lnTo>
                    <a:pt x="890" y="1242"/>
                  </a:lnTo>
                  <a:lnTo>
                    <a:pt x="882" y="1244"/>
                  </a:lnTo>
                  <a:lnTo>
                    <a:pt x="878" y="1244"/>
                  </a:lnTo>
                  <a:lnTo>
                    <a:pt x="864" y="1244"/>
                  </a:lnTo>
                  <a:lnTo>
                    <a:pt x="852" y="1240"/>
                  </a:lnTo>
                  <a:lnTo>
                    <a:pt x="848" y="1238"/>
                  </a:lnTo>
                  <a:lnTo>
                    <a:pt x="836" y="1234"/>
                  </a:lnTo>
                  <a:lnTo>
                    <a:pt x="822" y="1234"/>
                  </a:lnTo>
                  <a:lnTo>
                    <a:pt x="800" y="1234"/>
                  </a:lnTo>
                  <a:lnTo>
                    <a:pt x="786" y="1234"/>
                  </a:lnTo>
                  <a:lnTo>
                    <a:pt x="774" y="1234"/>
                  </a:lnTo>
                  <a:lnTo>
                    <a:pt x="770" y="1234"/>
                  </a:lnTo>
                  <a:lnTo>
                    <a:pt x="764" y="1236"/>
                  </a:lnTo>
                  <a:lnTo>
                    <a:pt x="758" y="1238"/>
                  </a:lnTo>
                  <a:lnTo>
                    <a:pt x="746" y="1248"/>
                  </a:lnTo>
                  <a:lnTo>
                    <a:pt x="740" y="1250"/>
                  </a:lnTo>
                  <a:lnTo>
                    <a:pt x="734" y="1250"/>
                  </a:lnTo>
                  <a:lnTo>
                    <a:pt x="728" y="1248"/>
                  </a:lnTo>
                  <a:lnTo>
                    <a:pt x="722" y="1244"/>
                  </a:lnTo>
                  <a:lnTo>
                    <a:pt x="716" y="1240"/>
                  </a:lnTo>
                  <a:lnTo>
                    <a:pt x="702" y="1236"/>
                  </a:lnTo>
                  <a:lnTo>
                    <a:pt x="696" y="1232"/>
                  </a:lnTo>
                  <a:lnTo>
                    <a:pt x="694" y="1226"/>
                  </a:lnTo>
                  <a:lnTo>
                    <a:pt x="694" y="1222"/>
                  </a:lnTo>
                  <a:lnTo>
                    <a:pt x="696" y="1214"/>
                  </a:lnTo>
                  <a:lnTo>
                    <a:pt x="700" y="1208"/>
                  </a:lnTo>
                  <a:lnTo>
                    <a:pt x="708" y="1200"/>
                  </a:lnTo>
                  <a:lnTo>
                    <a:pt x="714" y="1194"/>
                  </a:lnTo>
                  <a:lnTo>
                    <a:pt x="714" y="1186"/>
                  </a:lnTo>
                  <a:lnTo>
                    <a:pt x="714" y="1172"/>
                  </a:lnTo>
                  <a:lnTo>
                    <a:pt x="714" y="1166"/>
                  </a:lnTo>
                  <a:lnTo>
                    <a:pt x="718" y="1160"/>
                  </a:lnTo>
                  <a:lnTo>
                    <a:pt x="724" y="1156"/>
                  </a:lnTo>
                  <a:lnTo>
                    <a:pt x="728" y="1150"/>
                  </a:lnTo>
                  <a:lnTo>
                    <a:pt x="740" y="1142"/>
                  </a:lnTo>
                  <a:lnTo>
                    <a:pt x="746" y="1140"/>
                  </a:lnTo>
                  <a:lnTo>
                    <a:pt x="754" y="1136"/>
                  </a:lnTo>
                  <a:lnTo>
                    <a:pt x="760" y="1136"/>
                  </a:lnTo>
                  <a:lnTo>
                    <a:pt x="764" y="1136"/>
                  </a:lnTo>
                  <a:lnTo>
                    <a:pt x="772" y="1138"/>
                  </a:lnTo>
                  <a:lnTo>
                    <a:pt x="778" y="1140"/>
                  </a:lnTo>
                  <a:lnTo>
                    <a:pt x="780" y="1146"/>
                  </a:lnTo>
                  <a:lnTo>
                    <a:pt x="778" y="1150"/>
                  </a:lnTo>
                  <a:lnTo>
                    <a:pt x="776" y="1152"/>
                  </a:lnTo>
                  <a:lnTo>
                    <a:pt x="776" y="1156"/>
                  </a:lnTo>
                  <a:lnTo>
                    <a:pt x="778" y="1160"/>
                  </a:lnTo>
                  <a:lnTo>
                    <a:pt x="786" y="1170"/>
                  </a:lnTo>
                  <a:lnTo>
                    <a:pt x="792" y="1172"/>
                  </a:lnTo>
                  <a:lnTo>
                    <a:pt x="800" y="1172"/>
                  </a:lnTo>
                  <a:lnTo>
                    <a:pt x="824" y="1158"/>
                  </a:lnTo>
                  <a:lnTo>
                    <a:pt x="832" y="1156"/>
                  </a:lnTo>
                  <a:lnTo>
                    <a:pt x="838" y="1158"/>
                  </a:lnTo>
                  <a:lnTo>
                    <a:pt x="862" y="1164"/>
                  </a:lnTo>
                  <a:lnTo>
                    <a:pt x="870" y="1166"/>
                  </a:lnTo>
                  <a:lnTo>
                    <a:pt x="874" y="1172"/>
                  </a:lnTo>
                  <a:lnTo>
                    <a:pt x="886" y="1188"/>
                  </a:lnTo>
                  <a:lnTo>
                    <a:pt x="888" y="1194"/>
                  </a:lnTo>
                  <a:lnTo>
                    <a:pt x="890" y="1200"/>
                  </a:lnTo>
                  <a:lnTo>
                    <a:pt x="892" y="1204"/>
                  </a:lnTo>
                  <a:lnTo>
                    <a:pt x="894" y="1210"/>
                  </a:lnTo>
                  <a:lnTo>
                    <a:pt x="900" y="1212"/>
                  </a:lnTo>
                  <a:lnTo>
                    <a:pt x="908" y="1214"/>
                  </a:lnTo>
                  <a:lnTo>
                    <a:pt x="912" y="1214"/>
                  </a:lnTo>
                  <a:lnTo>
                    <a:pt x="918" y="1216"/>
                  </a:lnTo>
                  <a:lnTo>
                    <a:pt x="924" y="1218"/>
                  </a:lnTo>
                  <a:lnTo>
                    <a:pt x="932" y="1232"/>
                  </a:lnTo>
                  <a:lnTo>
                    <a:pt x="936" y="1236"/>
                  </a:lnTo>
                  <a:lnTo>
                    <a:pt x="938" y="1244"/>
                  </a:lnTo>
                  <a:close/>
                  <a:moveTo>
                    <a:pt x="1094" y="1156"/>
                  </a:moveTo>
                  <a:lnTo>
                    <a:pt x="1094" y="1156"/>
                  </a:lnTo>
                  <a:lnTo>
                    <a:pt x="1078" y="1156"/>
                  </a:lnTo>
                  <a:lnTo>
                    <a:pt x="1074" y="1156"/>
                  </a:lnTo>
                  <a:lnTo>
                    <a:pt x="1068" y="1156"/>
                  </a:lnTo>
                  <a:lnTo>
                    <a:pt x="1062" y="1160"/>
                  </a:lnTo>
                  <a:lnTo>
                    <a:pt x="1058" y="1166"/>
                  </a:lnTo>
                  <a:lnTo>
                    <a:pt x="1058" y="1172"/>
                  </a:lnTo>
                  <a:lnTo>
                    <a:pt x="1064" y="1196"/>
                  </a:lnTo>
                  <a:lnTo>
                    <a:pt x="1068" y="1204"/>
                  </a:lnTo>
                  <a:lnTo>
                    <a:pt x="1072" y="1210"/>
                  </a:lnTo>
                  <a:lnTo>
                    <a:pt x="1080" y="1218"/>
                  </a:lnTo>
                  <a:lnTo>
                    <a:pt x="1084" y="1224"/>
                  </a:lnTo>
                  <a:lnTo>
                    <a:pt x="1086" y="1232"/>
                  </a:lnTo>
                  <a:lnTo>
                    <a:pt x="1086" y="1256"/>
                  </a:lnTo>
                  <a:lnTo>
                    <a:pt x="1086" y="1264"/>
                  </a:lnTo>
                  <a:lnTo>
                    <a:pt x="1080" y="1266"/>
                  </a:lnTo>
                  <a:lnTo>
                    <a:pt x="1020" y="1278"/>
                  </a:lnTo>
                  <a:lnTo>
                    <a:pt x="1014" y="1278"/>
                  </a:lnTo>
                  <a:lnTo>
                    <a:pt x="1010" y="1276"/>
                  </a:lnTo>
                  <a:lnTo>
                    <a:pt x="1006" y="1274"/>
                  </a:lnTo>
                  <a:lnTo>
                    <a:pt x="1002" y="1278"/>
                  </a:lnTo>
                  <a:lnTo>
                    <a:pt x="998" y="1280"/>
                  </a:lnTo>
                  <a:lnTo>
                    <a:pt x="990" y="1282"/>
                  </a:lnTo>
                  <a:lnTo>
                    <a:pt x="982" y="1284"/>
                  </a:lnTo>
                  <a:lnTo>
                    <a:pt x="976" y="1284"/>
                  </a:lnTo>
                  <a:lnTo>
                    <a:pt x="972" y="1284"/>
                  </a:lnTo>
                  <a:lnTo>
                    <a:pt x="962" y="1278"/>
                  </a:lnTo>
                  <a:lnTo>
                    <a:pt x="958" y="1272"/>
                  </a:lnTo>
                  <a:lnTo>
                    <a:pt x="954" y="1268"/>
                  </a:lnTo>
                  <a:lnTo>
                    <a:pt x="954" y="1266"/>
                  </a:lnTo>
                  <a:lnTo>
                    <a:pt x="954" y="1264"/>
                  </a:lnTo>
                  <a:lnTo>
                    <a:pt x="960" y="1264"/>
                  </a:lnTo>
                  <a:lnTo>
                    <a:pt x="968" y="1262"/>
                  </a:lnTo>
                  <a:lnTo>
                    <a:pt x="976" y="1260"/>
                  </a:lnTo>
                  <a:lnTo>
                    <a:pt x="980" y="1256"/>
                  </a:lnTo>
                  <a:lnTo>
                    <a:pt x="986" y="1256"/>
                  </a:lnTo>
                  <a:lnTo>
                    <a:pt x="992" y="1258"/>
                  </a:lnTo>
                  <a:lnTo>
                    <a:pt x="996" y="1264"/>
                  </a:lnTo>
                  <a:lnTo>
                    <a:pt x="998" y="1268"/>
                  </a:lnTo>
                  <a:lnTo>
                    <a:pt x="998" y="1270"/>
                  </a:lnTo>
                  <a:lnTo>
                    <a:pt x="1002" y="1266"/>
                  </a:lnTo>
                  <a:lnTo>
                    <a:pt x="1004" y="1260"/>
                  </a:lnTo>
                  <a:lnTo>
                    <a:pt x="1012" y="1248"/>
                  </a:lnTo>
                  <a:lnTo>
                    <a:pt x="1022" y="1240"/>
                  </a:lnTo>
                  <a:lnTo>
                    <a:pt x="1024" y="1234"/>
                  </a:lnTo>
                  <a:lnTo>
                    <a:pt x="1024" y="1226"/>
                  </a:lnTo>
                  <a:lnTo>
                    <a:pt x="1010" y="1202"/>
                  </a:lnTo>
                  <a:lnTo>
                    <a:pt x="1002" y="1188"/>
                  </a:lnTo>
                  <a:lnTo>
                    <a:pt x="974" y="1152"/>
                  </a:lnTo>
                  <a:lnTo>
                    <a:pt x="970" y="1146"/>
                  </a:lnTo>
                  <a:lnTo>
                    <a:pt x="972" y="1138"/>
                  </a:lnTo>
                  <a:lnTo>
                    <a:pt x="984" y="1122"/>
                  </a:lnTo>
                  <a:lnTo>
                    <a:pt x="988" y="1118"/>
                  </a:lnTo>
                  <a:lnTo>
                    <a:pt x="994" y="1112"/>
                  </a:lnTo>
                  <a:lnTo>
                    <a:pt x="1000" y="1110"/>
                  </a:lnTo>
                  <a:lnTo>
                    <a:pt x="1006" y="1108"/>
                  </a:lnTo>
                  <a:lnTo>
                    <a:pt x="1012" y="1112"/>
                  </a:lnTo>
                  <a:lnTo>
                    <a:pt x="1018" y="1114"/>
                  </a:lnTo>
                  <a:lnTo>
                    <a:pt x="1026" y="1116"/>
                  </a:lnTo>
                  <a:lnTo>
                    <a:pt x="1048" y="1116"/>
                  </a:lnTo>
                  <a:lnTo>
                    <a:pt x="1064" y="1116"/>
                  </a:lnTo>
                  <a:lnTo>
                    <a:pt x="1078" y="1116"/>
                  </a:lnTo>
                  <a:lnTo>
                    <a:pt x="1084" y="1118"/>
                  </a:lnTo>
                  <a:lnTo>
                    <a:pt x="1090" y="1122"/>
                  </a:lnTo>
                  <a:lnTo>
                    <a:pt x="1110" y="1148"/>
                  </a:lnTo>
                  <a:lnTo>
                    <a:pt x="1112" y="1152"/>
                  </a:lnTo>
                  <a:lnTo>
                    <a:pt x="1112" y="1154"/>
                  </a:lnTo>
                  <a:lnTo>
                    <a:pt x="1110" y="1154"/>
                  </a:lnTo>
                  <a:lnTo>
                    <a:pt x="1108" y="1156"/>
                  </a:lnTo>
                  <a:lnTo>
                    <a:pt x="1094" y="1156"/>
                  </a:lnTo>
                  <a:close/>
                  <a:moveTo>
                    <a:pt x="1098" y="350"/>
                  </a:moveTo>
                  <a:lnTo>
                    <a:pt x="1098" y="350"/>
                  </a:lnTo>
                  <a:lnTo>
                    <a:pt x="1102" y="354"/>
                  </a:lnTo>
                  <a:lnTo>
                    <a:pt x="1106" y="358"/>
                  </a:lnTo>
                  <a:lnTo>
                    <a:pt x="1108" y="362"/>
                  </a:lnTo>
                  <a:lnTo>
                    <a:pt x="1112" y="366"/>
                  </a:lnTo>
                  <a:lnTo>
                    <a:pt x="1118" y="368"/>
                  </a:lnTo>
                  <a:lnTo>
                    <a:pt x="1124" y="372"/>
                  </a:lnTo>
                  <a:lnTo>
                    <a:pt x="1132" y="372"/>
                  </a:lnTo>
                  <a:lnTo>
                    <a:pt x="1156" y="372"/>
                  </a:lnTo>
                  <a:lnTo>
                    <a:pt x="1158" y="372"/>
                  </a:lnTo>
                  <a:lnTo>
                    <a:pt x="1160" y="370"/>
                  </a:lnTo>
                  <a:lnTo>
                    <a:pt x="1160" y="368"/>
                  </a:lnTo>
                  <a:lnTo>
                    <a:pt x="1158" y="366"/>
                  </a:lnTo>
                  <a:lnTo>
                    <a:pt x="1150" y="358"/>
                  </a:lnTo>
                  <a:lnTo>
                    <a:pt x="1146" y="352"/>
                  </a:lnTo>
                  <a:lnTo>
                    <a:pt x="1142" y="346"/>
                  </a:lnTo>
                  <a:lnTo>
                    <a:pt x="1128" y="302"/>
                  </a:lnTo>
                  <a:lnTo>
                    <a:pt x="1126" y="294"/>
                  </a:lnTo>
                  <a:lnTo>
                    <a:pt x="1128" y="286"/>
                  </a:lnTo>
                  <a:lnTo>
                    <a:pt x="1140" y="262"/>
                  </a:lnTo>
                  <a:lnTo>
                    <a:pt x="1148" y="248"/>
                  </a:lnTo>
                  <a:lnTo>
                    <a:pt x="1180" y="184"/>
                  </a:lnTo>
                  <a:lnTo>
                    <a:pt x="1184" y="178"/>
                  </a:lnTo>
                  <a:lnTo>
                    <a:pt x="1190" y="172"/>
                  </a:lnTo>
                  <a:lnTo>
                    <a:pt x="1216" y="152"/>
                  </a:lnTo>
                  <a:lnTo>
                    <a:pt x="1226" y="140"/>
                  </a:lnTo>
                  <a:lnTo>
                    <a:pt x="1238" y="124"/>
                  </a:lnTo>
                  <a:lnTo>
                    <a:pt x="1244" y="120"/>
                  </a:lnTo>
                  <a:lnTo>
                    <a:pt x="1250" y="116"/>
                  </a:lnTo>
                  <a:lnTo>
                    <a:pt x="1264" y="110"/>
                  </a:lnTo>
                  <a:lnTo>
                    <a:pt x="1278" y="104"/>
                  </a:lnTo>
                  <a:lnTo>
                    <a:pt x="1294" y="94"/>
                  </a:lnTo>
                  <a:lnTo>
                    <a:pt x="1306" y="84"/>
                  </a:lnTo>
                  <a:lnTo>
                    <a:pt x="1334" y="56"/>
                  </a:lnTo>
                  <a:lnTo>
                    <a:pt x="1338" y="50"/>
                  </a:lnTo>
                  <a:lnTo>
                    <a:pt x="1336" y="42"/>
                  </a:lnTo>
                  <a:lnTo>
                    <a:pt x="1334" y="38"/>
                  </a:lnTo>
                  <a:lnTo>
                    <a:pt x="1328" y="32"/>
                  </a:lnTo>
                  <a:lnTo>
                    <a:pt x="1322" y="30"/>
                  </a:lnTo>
                  <a:lnTo>
                    <a:pt x="1308" y="30"/>
                  </a:lnTo>
                  <a:lnTo>
                    <a:pt x="1302" y="32"/>
                  </a:lnTo>
                  <a:lnTo>
                    <a:pt x="1296" y="36"/>
                  </a:lnTo>
                  <a:lnTo>
                    <a:pt x="1286" y="44"/>
                  </a:lnTo>
                  <a:lnTo>
                    <a:pt x="1276" y="54"/>
                  </a:lnTo>
                  <a:lnTo>
                    <a:pt x="1270" y="58"/>
                  </a:lnTo>
                  <a:lnTo>
                    <a:pt x="1264" y="62"/>
                  </a:lnTo>
                  <a:lnTo>
                    <a:pt x="1250" y="66"/>
                  </a:lnTo>
                  <a:lnTo>
                    <a:pt x="1234" y="70"/>
                  </a:lnTo>
                  <a:lnTo>
                    <a:pt x="1220" y="70"/>
                  </a:lnTo>
                  <a:lnTo>
                    <a:pt x="1214" y="70"/>
                  </a:lnTo>
                  <a:lnTo>
                    <a:pt x="1208" y="74"/>
                  </a:lnTo>
                  <a:lnTo>
                    <a:pt x="1198" y="84"/>
                  </a:lnTo>
                  <a:lnTo>
                    <a:pt x="1188" y="94"/>
                  </a:lnTo>
                  <a:lnTo>
                    <a:pt x="1160" y="122"/>
                  </a:lnTo>
                  <a:lnTo>
                    <a:pt x="1146" y="132"/>
                  </a:lnTo>
                  <a:lnTo>
                    <a:pt x="1142" y="134"/>
                  </a:lnTo>
                  <a:lnTo>
                    <a:pt x="1136" y="140"/>
                  </a:lnTo>
                  <a:lnTo>
                    <a:pt x="1134" y="146"/>
                  </a:lnTo>
                  <a:lnTo>
                    <a:pt x="1134" y="160"/>
                  </a:lnTo>
                  <a:lnTo>
                    <a:pt x="1132" y="166"/>
                  </a:lnTo>
                  <a:lnTo>
                    <a:pt x="1128" y="170"/>
                  </a:lnTo>
                  <a:lnTo>
                    <a:pt x="1122" y="174"/>
                  </a:lnTo>
                  <a:lnTo>
                    <a:pt x="1116" y="178"/>
                  </a:lnTo>
                  <a:lnTo>
                    <a:pt x="1110" y="184"/>
                  </a:lnTo>
                  <a:lnTo>
                    <a:pt x="1100" y="200"/>
                  </a:lnTo>
                  <a:lnTo>
                    <a:pt x="1096" y="206"/>
                  </a:lnTo>
                  <a:lnTo>
                    <a:pt x="1096" y="214"/>
                  </a:lnTo>
                  <a:lnTo>
                    <a:pt x="1096" y="218"/>
                  </a:lnTo>
                  <a:lnTo>
                    <a:pt x="1094" y="226"/>
                  </a:lnTo>
                  <a:lnTo>
                    <a:pt x="1092" y="232"/>
                  </a:lnTo>
                  <a:lnTo>
                    <a:pt x="1090" y="238"/>
                  </a:lnTo>
                  <a:lnTo>
                    <a:pt x="1082" y="252"/>
                  </a:lnTo>
                  <a:lnTo>
                    <a:pt x="1080" y="258"/>
                  </a:lnTo>
                  <a:lnTo>
                    <a:pt x="1076" y="266"/>
                  </a:lnTo>
                  <a:lnTo>
                    <a:pt x="1076" y="272"/>
                  </a:lnTo>
                  <a:lnTo>
                    <a:pt x="1076" y="286"/>
                  </a:lnTo>
                  <a:lnTo>
                    <a:pt x="1074" y="294"/>
                  </a:lnTo>
                  <a:lnTo>
                    <a:pt x="1072" y="302"/>
                  </a:lnTo>
                  <a:lnTo>
                    <a:pt x="1070" y="306"/>
                  </a:lnTo>
                  <a:lnTo>
                    <a:pt x="1068" y="314"/>
                  </a:lnTo>
                  <a:lnTo>
                    <a:pt x="1068" y="322"/>
                  </a:lnTo>
                  <a:lnTo>
                    <a:pt x="1074" y="336"/>
                  </a:lnTo>
                  <a:lnTo>
                    <a:pt x="1078" y="342"/>
                  </a:lnTo>
                  <a:lnTo>
                    <a:pt x="1084" y="346"/>
                  </a:lnTo>
                  <a:lnTo>
                    <a:pt x="1098" y="350"/>
                  </a:lnTo>
                  <a:close/>
                  <a:moveTo>
                    <a:pt x="148" y="1002"/>
                  </a:moveTo>
                  <a:lnTo>
                    <a:pt x="148" y="1002"/>
                  </a:lnTo>
                  <a:lnTo>
                    <a:pt x="162" y="994"/>
                  </a:lnTo>
                  <a:lnTo>
                    <a:pt x="168" y="992"/>
                  </a:lnTo>
                  <a:lnTo>
                    <a:pt x="172" y="988"/>
                  </a:lnTo>
                  <a:lnTo>
                    <a:pt x="174" y="980"/>
                  </a:lnTo>
                  <a:lnTo>
                    <a:pt x="174" y="978"/>
                  </a:lnTo>
                  <a:lnTo>
                    <a:pt x="174" y="962"/>
                  </a:lnTo>
                  <a:lnTo>
                    <a:pt x="174" y="958"/>
                  </a:lnTo>
                  <a:lnTo>
                    <a:pt x="176" y="950"/>
                  </a:lnTo>
                  <a:lnTo>
                    <a:pt x="180" y="944"/>
                  </a:lnTo>
                  <a:lnTo>
                    <a:pt x="182" y="940"/>
                  </a:lnTo>
                  <a:lnTo>
                    <a:pt x="180" y="936"/>
                  </a:lnTo>
                  <a:lnTo>
                    <a:pt x="176" y="930"/>
                  </a:lnTo>
                  <a:lnTo>
                    <a:pt x="174" y="926"/>
                  </a:lnTo>
                  <a:lnTo>
                    <a:pt x="172" y="922"/>
                  </a:lnTo>
                  <a:lnTo>
                    <a:pt x="170" y="920"/>
                  </a:lnTo>
                  <a:lnTo>
                    <a:pt x="164" y="920"/>
                  </a:lnTo>
                  <a:lnTo>
                    <a:pt x="160" y="916"/>
                  </a:lnTo>
                  <a:lnTo>
                    <a:pt x="158" y="914"/>
                  </a:lnTo>
                  <a:lnTo>
                    <a:pt x="154" y="914"/>
                  </a:lnTo>
                  <a:lnTo>
                    <a:pt x="148" y="916"/>
                  </a:lnTo>
                  <a:lnTo>
                    <a:pt x="140" y="924"/>
                  </a:lnTo>
                  <a:lnTo>
                    <a:pt x="136" y="930"/>
                  </a:lnTo>
                  <a:lnTo>
                    <a:pt x="134" y="936"/>
                  </a:lnTo>
                  <a:lnTo>
                    <a:pt x="132" y="938"/>
                  </a:lnTo>
                  <a:lnTo>
                    <a:pt x="126" y="940"/>
                  </a:lnTo>
                  <a:lnTo>
                    <a:pt x="124" y="940"/>
                  </a:lnTo>
                  <a:lnTo>
                    <a:pt x="120" y="940"/>
                  </a:lnTo>
                  <a:lnTo>
                    <a:pt x="118" y="942"/>
                  </a:lnTo>
                  <a:lnTo>
                    <a:pt x="118" y="944"/>
                  </a:lnTo>
                  <a:lnTo>
                    <a:pt x="118" y="948"/>
                  </a:lnTo>
                  <a:lnTo>
                    <a:pt x="122" y="952"/>
                  </a:lnTo>
                  <a:lnTo>
                    <a:pt x="122" y="958"/>
                  </a:lnTo>
                  <a:lnTo>
                    <a:pt x="120" y="960"/>
                  </a:lnTo>
                  <a:lnTo>
                    <a:pt x="118" y="960"/>
                  </a:lnTo>
                  <a:lnTo>
                    <a:pt x="120" y="964"/>
                  </a:lnTo>
                  <a:lnTo>
                    <a:pt x="124" y="970"/>
                  </a:lnTo>
                  <a:lnTo>
                    <a:pt x="124" y="974"/>
                  </a:lnTo>
                  <a:lnTo>
                    <a:pt x="124" y="978"/>
                  </a:lnTo>
                  <a:lnTo>
                    <a:pt x="120" y="984"/>
                  </a:lnTo>
                  <a:lnTo>
                    <a:pt x="116" y="988"/>
                  </a:lnTo>
                  <a:lnTo>
                    <a:pt x="116" y="994"/>
                  </a:lnTo>
                  <a:lnTo>
                    <a:pt x="116" y="1004"/>
                  </a:lnTo>
                  <a:lnTo>
                    <a:pt x="116" y="1008"/>
                  </a:lnTo>
                  <a:lnTo>
                    <a:pt x="120" y="1012"/>
                  </a:lnTo>
                  <a:lnTo>
                    <a:pt x="126" y="1016"/>
                  </a:lnTo>
                  <a:lnTo>
                    <a:pt x="132" y="1014"/>
                  </a:lnTo>
                  <a:lnTo>
                    <a:pt x="148" y="1002"/>
                  </a:lnTo>
                  <a:close/>
                  <a:moveTo>
                    <a:pt x="1506" y="1812"/>
                  </a:moveTo>
                  <a:lnTo>
                    <a:pt x="1506" y="1812"/>
                  </a:lnTo>
                  <a:lnTo>
                    <a:pt x="1506" y="1828"/>
                  </a:lnTo>
                  <a:lnTo>
                    <a:pt x="1506" y="1832"/>
                  </a:lnTo>
                  <a:lnTo>
                    <a:pt x="1508" y="1836"/>
                  </a:lnTo>
                  <a:lnTo>
                    <a:pt x="1510" y="1838"/>
                  </a:lnTo>
                  <a:lnTo>
                    <a:pt x="1512" y="1840"/>
                  </a:lnTo>
                  <a:lnTo>
                    <a:pt x="1514" y="1840"/>
                  </a:lnTo>
                  <a:lnTo>
                    <a:pt x="1518" y="1840"/>
                  </a:lnTo>
                  <a:lnTo>
                    <a:pt x="1524" y="1838"/>
                  </a:lnTo>
                  <a:lnTo>
                    <a:pt x="1530" y="1834"/>
                  </a:lnTo>
                  <a:lnTo>
                    <a:pt x="1532" y="1828"/>
                  </a:lnTo>
                  <a:lnTo>
                    <a:pt x="1532" y="1822"/>
                  </a:lnTo>
                  <a:lnTo>
                    <a:pt x="1530" y="1816"/>
                  </a:lnTo>
                  <a:lnTo>
                    <a:pt x="1514" y="1806"/>
                  </a:lnTo>
                  <a:lnTo>
                    <a:pt x="1510" y="1804"/>
                  </a:lnTo>
                  <a:lnTo>
                    <a:pt x="1508" y="1804"/>
                  </a:lnTo>
                  <a:lnTo>
                    <a:pt x="1508" y="1806"/>
                  </a:lnTo>
                  <a:lnTo>
                    <a:pt x="1506" y="1808"/>
                  </a:lnTo>
                  <a:lnTo>
                    <a:pt x="1506" y="1812"/>
                  </a:lnTo>
                  <a:close/>
                  <a:moveTo>
                    <a:pt x="1910" y="1994"/>
                  </a:moveTo>
                  <a:lnTo>
                    <a:pt x="1910" y="1994"/>
                  </a:lnTo>
                  <a:lnTo>
                    <a:pt x="1904" y="1980"/>
                  </a:lnTo>
                  <a:lnTo>
                    <a:pt x="1892" y="1964"/>
                  </a:lnTo>
                  <a:lnTo>
                    <a:pt x="1884" y="1952"/>
                  </a:lnTo>
                  <a:lnTo>
                    <a:pt x="1872" y="1942"/>
                  </a:lnTo>
                  <a:lnTo>
                    <a:pt x="1846" y="1914"/>
                  </a:lnTo>
                  <a:lnTo>
                    <a:pt x="1832" y="1904"/>
                  </a:lnTo>
                  <a:lnTo>
                    <a:pt x="1826" y="1902"/>
                  </a:lnTo>
                  <a:lnTo>
                    <a:pt x="1812" y="1896"/>
                  </a:lnTo>
                  <a:lnTo>
                    <a:pt x="1808" y="1892"/>
                  </a:lnTo>
                  <a:lnTo>
                    <a:pt x="1800" y="1888"/>
                  </a:lnTo>
                  <a:lnTo>
                    <a:pt x="1796" y="1882"/>
                  </a:lnTo>
                  <a:lnTo>
                    <a:pt x="1784" y="1866"/>
                  </a:lnTo>
                  <a:lnTo>
                    <a:pt x="1780" y="1862"/>
                  </a:lnTo>
                  <a:lnTo>
                    <a:pt x="1772" y="1860"/>
                  </a:lnTo>
                  <a:lnTo>
                    <a:pt x="1768" y="1860"/>
                  </a:lnTo>
                  <a:lnTo>
                    <a:pt x="1766" y="1860"/>
                  </a:lnTo>
                  <a:lnTo>
                    <a:pt x="1764" y="1862"/>
                  </a:lnTo>
                  <a:lnTo>
                    <a:pt x="1762" y="1864"/>
                  </a:lnTo>
                  <a:lnTo>
                    <a:pt x="1762" y="1868"/>
                  </a:lnTo>
                  <a:lnTo>
                    <a:pt x="1768" y="1890"/>
                  </a:lnTo>
                  <a:lnTo>
                    <a:pt x="1772" y="1898"/>
                  </a:lnTo>
                  <a:lnTo>
                    <a:pt x="1776" y="1904"/>
                  </a:lnTo>
                  <a:lnTo>
                    <a:pt x="1784" y="1912"/>
                  </a:lnTo>
                  <a:lnTo>
                    <a:pt x="1796" y="1924"/>
                  </a:lnTo>
                  <a:lnTo>
                    <a:pt x="1804" y="1932"/>
                  </a:lnTo>
                  <a:lnTo>
                    <a:pt x="1814" y="1942"/>
                  </a:lnTo>
                  <a:lnTo>
                    <a:pt x="1824" y="1956"/>
                  </a:lnTo>
                  <a:lnTo>
                    <a:pt x="1836" y="1980"/>
                  </a:lnTo>
                  <a:lnTo>
                    <a:pt x="1840" y="1986"/>
                  </a:lnTo>
                  <a:lnTo>
                    <a:pt x="1846" y="1992"/>
                  </a:lnTo>
                  <a:lnTo>
                    <a:pt x="1862" y="2002"/>
                  </a:lnTo>
                  <a:lnTo>
                    <a:pt x="1876" y="2012"/>
                  </a:lnTo>
                  <a:lnTo>
                    <a:pt x="1892" y="2022"/>
                  </a:lnTo>
                  <a:lnTo>
                    <a:pt x="1898" y="2024"/>
                  </a:lnTo>
                  <a:lnTo>
                    <a:pt x="1906" y="2022"/>
                  </a:lnTo>
                  <a:lnTo>
                    <a:pt x="1910" y="2020"/>
                  </a:lnTo>
                  <a:lnTo>
                    <a:pt x="1916" y="2016"/>
                  </a:lnTo>
                  <a:lnTo>
                    <a:pt x="1916" y="2008"/>
                  </a:lnTo>
                  <a:lnTo>
                    <a:pt x="1910" y="1994"/>
                  </a:lnTo>
                  <a:close/>
                  <a:moveTo>
                    <a:pt x="1004" y="2148"/>
                  </a:moveTo>
                  <a:lnTo>
                    <a:pt x="1004" y="2148"/>
                  </a:lnTo>
                  <a:lnTo>
                    <a:pt x="998" y="2154"/>
                  </a:lnTo>
                  <a:lnTo>
                    <a:pt x="994" y="2160"/>
                  </a:lnTo>
                  <a:lnTo>
                    <a:pt x="982" y="2176"/>
                  </a:lnTo>
                  <a:lnTo>
                    <a:pt x="978" y="2182"/>
                  </a:lnTo>
                  <a:lnTo>
                    <a:pt x="970" y="2186"/>
                  </a:lnTo>
                  <a:lnTo>
                    <a:pt x="966" y="2188"/>
                  </a:lnTo>
                  <a:lnTo>
                    <a:pt x="954" y="2198"/>
                  </a:lnTo>
                  <a:lnTo>
                    <a:pt x="950" y="2202"/>
                  </a:lnTo>
                  <a:lnTo>
                    <a:pt x="950" y="2210"/>
                  </a:lnTo>
                  <a:lnTo>
                    <a:pt x="956" y="2234"/>
                  </a:lnTo>
                  <a:lnTo>
                    <a:pt x="958" y="2242"/>
                  </a:lnTo>
                  <a:lnTo>
                    <a:pt x="956" y="2248"/>
                  </a:lnTo>
                  <a:lnTo>
                    <a:pt x="952" y="2264"/>
                  </a:lnTo>
                  <a:lnTo>
                    <a:pt x="946" y="2278"/>
                  </a:lnTo>
                  <a:lnTo>
                    <a:pt x="942" y="2284"/>
                  </a:lnTo>
                  <a:lnTo>
                    <a:pt x="940" y="2290"/>
                  </a:lnTo>
                  <a:lnTo>
                    <a:pt x="938" y="2298"/>
                  </a:lnTo>
                  <a:lnTo>
                    <a:pt x="938" y="2302"/>
                  </a:lnTo>
                  <a:lnTo>
                    <a:pt x="938" y="2318"/>
                  </a:lnTo>
                  <a:lnTo>
                    <a:pt x="938" y="2322"/>
                  </a:lnTo>
                  <a:lnTo>
                    <a:pt x="940" y="2328"/>
                  </a:lnTo>
                  <a:lnTo>
                    <a:pt x="944" y="2336"/>
                  </a:lnTo>
                  <a:lnTo>
                    <a:pt x="952" y="2344"/>
                  </a:lnTo>
                  <a:lnTo>
                    <a:pt x="958" y="2346"/>
                  </a:lnTo>
                  <a:lnTo>
                    <a:pt x="966" y="2346"/>
                  </a:lnTo>
                  <a:lnTo>
                    <a:pt x="970" y="2342"/>
                  </a:lnTo>
                  <a:lnTo>
                    <a:pt x="978" y="2340"/>
                  </a:lnTo>
                  <a:lnTo>
                    <a:pt x="986" y="2340"/>
                  </a:lnTo>
                  <a:lnTo>
                    <a:pt x="990" y="2340"/>
                  </a:lnTo>
                  <a:lnTo>
                    <a:pt x="996" y="2338"/>
                  </a:lnTo>
                  <a:lnTo>
                    <a:pt x="1000" y="2332"/>
                  </a:lnTo>
                  <a:lnTo>
                    <a:pt x="1034" y="2210"/>
                  </a:lnTo>
                  <a:lnTo>
                    <a:pt x="1036" y="2194"/>
                  </a:lnTo>
                  <a:lnTo>
                    <a:pt x="1036" y="2190"/>
                  </a:lnTo>
                  <a:lnTo>
                    <a:pt x="1036" y="2174"/>
                  </a:lnTo>
                  <a:lnTo>
                    <a:pt x="1036" y="2160"/>
                  </a:lnTo>
                  <a:lnTo>
                    <a:pt x="1036" y="2154"/>
                  </a:lnTo>
                  <a:lnTo>
                    <a:pt x="1034" y="2146"/>
                  </a:lnTo>
                  <a:lnTo>
                    <a:pt x="1030" y="2140"/>
                  </a:lnTo>
                  <a:lnTo>
                    <a:pt x="1028" y="2138"/>
                  </a:lnTo>
                  <a:lnTo>
                    <a:pt x="1026" y="2136"/>
                  </a:lnTo>
                  <a:lnTo>
                    <a:pt x="1024" y="2136"/>
                  </a:lnTo>
                  <a:lnTo>
                    <a:pt x="1020" y="2138"/>
                  </a:lnTo>
                  <a:lnTo>
                    <a:pt x="1004" y="2148"/>
                  </a:lnTo>
                  <a:close/>
                  <a:moveTo>
                    <a:pt x="184" y="906"/>
                  </a:moveTo>
                  <a:lnTo>
                    <a:pt x="184" y="906"/>
                  </a:lnTo>
                  <a:lnTo>
                    <a:pt x="186" y="902"/>
                  </a:lnTo>
                  <a:lnTo>
                    <a:pt x="188" y="900"/>
                  </a:lnTo>
                  <a:lnTo>
                    <a:pt x="192" y="902"/>
                  </a:lnTo>
                  <a:lnTo>
                    <a:pt x="194" y="908"/>
                  </a:lnTo>
                  <a:lnTo>
                    <a:pt x="194" y="912"/>
                  </a:lnTo>
                  <a:lnTo>
                    <a:pt x="194" y="926"/>
                  </a:lnTo>
                  <a:lnTo>
                    <a:pt x="194" y="928"/>
                  </a:lnTo>
                  <a:lnTo>
                    <a:pt x="198" y="930"/>
                  </a:lnTo>
                  <a:lnTo>
                    <a:pt x="208" y="930"/>
                  </a:lnTo>
                  <a:lnTo>
                    <a:pt x="212" y="932"/>
                  </a:lnTo>
                  <a:lnTo>
                    <a:pt x="218" y="934"/>
                  </a:lnTo>
                  <a:lnTo>
                    <a:pt x="222" y="940"/>
                  </a:lnTo>
                  <a:lnTo>
                    <a:pt x="222" y="944"/>
                  </a:lnTo>
                  <a:lnTo>
                    <a:pt x="222" y="954"/>
                  </a:lnTo>
                  <a:lnTo>
                    <a:pt x="220" y="960"/>
                  </a:lnTo>
                  <a:lnTo>
                    <a:pt x="216" y="964"/>
                  </a:lnTo>
                  <a:lnTo>
                    <a:pt x="210" y="966"/>
                  </a:lnTo>
                  <a:lnTo>
                    <a:pt x="198" y="974"/>
                  </a:lnTo>
                  <a:lnTo>
                    <a:pt x="196" y="978"/>
                  </a:lnTo>
                  <a:lnTo>
                    <a:pt x="198" y="980"/>
                  </a:lnTo>
                  <a:lnTo>
                    <a:pt x="202" y="980"/>
                  </a:lnTo>
                  <a:lnTo>
                    <a:pt x="204" y="984"/>
                  </a:lnTo>
                  <a:lnTo>
                    <a:pt x="202" y="988"/>
                  </a:lnTo>
                  <a:lnTo>
                    <a:pt x="198" y="994"/>
                  </a:lnTo>
                  <a:lnTo>
                    <a:pt x="194" y="998"/>
                  </a:lnTo>
                  <a:lnTo>
                    <a:pt x="194" y="1004"/>
                  </a:lnTo>
                  <a:lnTo>
                    <a:pt x="194" y="1008"/>
                  </a:lnTo>
                  <a:lnTo>
                    <a:pt x="198" y="1008"/>
                  </a:lnTo>
                  <a:lnTo>
                    <a:pt x="208" y="1008"/>
                  </a:lnTo>
                  <a:lnTo>
                    <a:pt x="210" y="1010"/>
                  </a:lnTo>
                  <a:lnTo>
                    <a:pt x="210" y="1016"/>
                  </a:lnTo>
                  <a:lnTo>
                    <a:pt x="206" y="1020"/>
                  </a:lnTo>
                  <a:lnTo>
                    <a:pt x="202" y="1028"/>
                  </a:lnTo>
                  <a:lnTo>
                    <a:pt x="196" y="1032"/>
                  </a:lnTo>
                  <a:lnTo>
                    <a:pt x="190" y="1034"/>
                  </a:lnTo>
                  <a:lnTo>
                    <a:pt x="186" y="1038"/>
                  </a:lnTo>
                  <a:lnTo>
                    <a:pt x="184" y="1042"/>
                  </a:lnTo>
                  <a:lnTo>
                    <a:pt x="186" y="1046"/>
                  </a:lnTo>
                  <a:lnTo>
                    <a:pt x="188" y="1048"/>
                  </a:lnTo>
                  <a:lnTo>
                    <a:pt x="192" y="1046"/>
                  </a:lnTo>
                  <a:lnTo>
                    <a:pt x="194" y="1042"/>
                  </a:lnTo>
                  <a:lnTo>
                    <a:pt x="194" y="1040"/>
                  </a:lnTo>
                  <a:lnTo>
                    <a:pt x="198" y="1038"/>
                  </a:lnTo>
                  <a:lnTo>
                    <a:pt x="208" y="1038"/>
                  </a:lnTo>
                  <a:lnTo>
                    <a:pt x="212" y="1036"/>
                  </a:lnTo>
                  <a:lnTo>
                    <a:pt x="218" y="1034"/>
                  </a:lnTo>
                  <a:lnTo>
                    <a:pt x="222" y="1032"/>
                  </a:lnTo>
                  <a:lnTo>
                    <a:pt x="228" y="1034"/>
                  </a:lnTo>
                  <a:lnTo>
                    <a:pt x="232" y="1036"/>
                  </a:lnTo>
                  <a:lnTo>
                    <a:pt x="238" y="1034"/>
                  </a:lnTo>
                  <a:lnTo>
                    <a:pt x="244" y="1030"/>
                  </a:lnTo>
                  <a:lnTo>
                    <a:pt x="250" y="1028"/>
                  </a:lnTo>
                  <a:lnTo>
                    <a:pt x="254" y="1028"/>
                  </a:lnTo>
                  <a:lnTo>
                    <a:pt x="262" y="1028"/>
                  </a:lnTo>
                  <a:lnTo>
                    <a:pt x="268" y="1024"/>
                  </a:lnTo>
                  <a:lnTo>
                    <a:pt x="274" y="1022"/>
                  </a:lnTo>
                  <a:lnTo>
                    <a:pt x="280" y="1018"/>
                  </a:lnTo>
                  <a:lnTo>
                    <a:pt x="282" y="1014"/>
                  </a:lnTo>
                  <a:lnTo>
                    <a:pt x="282" y="1008"/>
                  </a:lnTo>
                  <a:lnTo>
                    <a:pt x="286" y="1004"/>
                  </a:lnTo>
                  <a:lnTo>
                    <a:pt x="290" y="998"/>
                  </a:lnTo>
                  <a:lnTo>
                    <a:pt x="290" y="990"/>
                  </a:lnTo>
                  <a:lnTo>
                    <a:pt x="290" y="988"/>
                  </a:lnTo>
                  <a:lnTo>
                    <a:pt x="290" y="982"/>
                  </a:lnTo>
                  <a:lnTo>
                    <a:pt x="286" y="980"/>
                  </a:lnTo>
                  <a:lnTo>
                    <a:pt x="276" y="980"/>
                  </a:lnTo>
                  <a:lnTo>
                    <a:pt x="272" y="978"/>
                  </a:lnTo>
                  <a:lnTo>
                    <a:pt x="272" y="974"/>
                  </a:lnTo>
                  <a:lnTo>
                    <a:pt x="272" y="964"/>
                  </a:lnTo>
                  <a:lnTo>
                    <a:pt x="268" y="952"/>
                  </a:lnTo>
                  <a:lnTo>
                    <a:pt x="266" y="946"/>
                  </a:lnTo>
                  <a:lnTo>
                    <a:pt x="256" y="934"/>
                  </a:lnTo>
                  <a:lnTo>
                    <a:pt x="252" y="930"/>
                  </a:lnTo>
                  <a:lnTo>
                    <a:pt x="250" y="922"/>
                  </a:lnTo>
                  <a:lnTo>
                    <a:pt x="244" y="908"/>
                  </a:lnTo>
                  <a:lnTo>
                    <a:pt x="242" y="902"/>
                  </a:lnTo>
                  <a:lnTo>
                    <a:pt x="238" y="900"/>
                  </a:lnTo>
                  <a:lnTo>
                    <a:pt x="232" y="900"/>
                  </a:lnTo>
                  <a:lnTo>
                    <a:pt x="228" y="896"/>
                  </a:lnTo>
                  <a:lnTo>
                    <a:pt x="226" y="890"/>
                  </a:lnTo>
                  <a:lnTo>
                    <a:pt x="226" y="884"/>
                  </a:lnTo>
                  <a:lnTo>
                    <a:pt x="228" y="878"/>
                  </a:lnTo>
                  <a:lnTo>
                    <a:pt x="232" y="866"/>
                  </a:lnTo>
                  <a:lnTo>
                    <a:pt x="234" y="862"/>
                  </a:lnTo>
                  <a:lnTo>
                    <a:pt x="238" y="856"/>
                  </a:lnTo>
                  <a:lnTo>
                    <a:pt x="238" y="854"/>
                  </a:lnTo>
                  <a:lnTo>
                    <a:pt x="238" y="852"/>
                  </a:lnTo>
                  <a:lnTo>
                    <a:pt x="236" y="848"/>
                  </a:lnTo>
                  <a:lnTo>
                    <a:pt x="230" y="846"/>
                  </a:lnTo>
                  <a:lnTo>
                    <a:pt x="224" y="844"/>
                  </a:lnTo>
                  <a:lnTo>
                    <a:pt x="218" y="846"/>
                  </a:lnTo>
                  <a:lnTo>
                    <a:pt x="212" y="848"/>
                  </a:lnTo>
                  <a:lnTo>
                    <a:pt x="208" y="846"/>
                  </a:lnTo>
                  <a:lnTo>
                    <a:pt x="206" y="840"/>
                  </a:lnTo>
                  <a:lnTo>
                    <a:pt x="206" y="834"/>
                  </a:lnTo>
                  <a:lnTo>
                    <a:pt x="210" y="830"/>
                  </a:lnTo>
                  <a:lnTo>
                    <a:pt x="210" y="824"/>
                  </a:lnTo>
                  <a:lnTo>
                    <a:pt x="210" y="822"/>
                  </a:lnTo>
                  <a:lnTo>
                    <a:pt x="208" y="822"/>
                  </a:lnTo>
                  <a:lnTo>
                    <a:pt x="198" y="822"/>
                  </a:lnTo>
                  <a:lnTo>
                    <a:pt x="194" y="824"/>
                  </a:lnTo>
                  <a:lnTo>
                    <a:pt x="190" y="830"/>
                  </a:lnTo>
                  <a:lnTo>
                    <a:pt x="188" y="834"/>
                  </a:lnTo>
                  <a:lnTo>
                    <a:pt x="178" y="846"/>
                  </a:lnTo>
                  <a:lnTo>
                    <a:pt x="176" y="852"/>
                  </a:lnTo>
                  <a:lnTo>
                    <a:pt x="174" y="856"/>
                  </a:lnTo>
                  <a:lnTo>
                    <a:pt x="174" y="866"/>
                  </a:lnTo>
                  <a:lnTo>
                    <a:pt x="174" y="876"/>
                  </a:lnTo>
                  <a:lnTo>
                    <a:pt x="174" y="888"/>
                  </a:lnTo>
                  <a:lnTo>
                    <a:pt x="174" y="892"/>
                  </a:lnTo>
                  <a:lnTo>
                    <a:pt x="176" y="900"/>
                  </a:lnTo>
                  <a:lnTo>
                    <a:pt x="178" y="906"/>
                  </a:lnTo>
                  <a:lnTo>
                    <a:pt x="182" y="908"/>
                  </a:lnTo>
                  <a:lnTo>
                    <a:pt x="184" y="906"/>
                  </a:lnTo>
                  <a:close/>
                  <a:moveTo>
                    <a:pt x="3012" y="2570"/>
                  </a:moveTo>
                  <a:lnTo>
                    <a:pt x="3012" y="2570"/>
                  </a:lnTo>
                  <a:lnTo>
                    <a:pt x="3004" y="2572"/>
                  </a:lnTo>
                  <a:lnTo>
                    <a:pt x="2996" y="2570"/>
                  </a:lnTo>
                  <a:lnTo>
                    <a:pt x="2992" y="2568"/>
                  </a:lnTo>
                  <a:lnTo>
                    <a:pt x="2986" y="2562"/>
                  </a:lnTo>
                  <a:lnTo>
                    <a:pt x="2980" y="2556"/>
                  </a:lnTo>
                  <a:lnTo>
                    <a:pt x="2978" y="2552"/>
                  </a:lnTo>
                  <a:lnTo>
                    <a:pt x="2976" y="2544"/>
                  </a:lnTo>
                  <a:lnTo>
                    <a:pt x="2974" y="2536"/>
                  </a:lnTo>
                  <a:lnTo>
                    <a:pt x="2974" y="2532"/>
                  </a:lnTo>
                  <a:lnTo>
                    <a:pt x="2972" y="2526"/>
                  </a:lnTo>
                  <a:lnTo>
                    <a:pt x="2968" y="2522"/>
                  </a:lnTo>
                  <a:lnTo>
                    <a:pt x="2962" y="2518"/>
                  </a:lnTo>
                  <a:lnTo>
                    <a:pt x="2958" y="2518"/>
                  </a:lnTo>
                  <a:lnTo>
                    <a:pt x="2958" y="2522"/>
                  </a:lnTo>
                  <a:lnTo>
                    <a:pt x="2970" y="2548"/>
                  </a:lnTo>
                  <a:lnTo>
                    <a:pt x="2974" y="2554"/>
                  </a:lnTo>
                  <a:lnTo>
                    <a:pt x="2974" y="2562"/>
                  </a:lnTo>
                  <a:lnTo>
                    <a:pt x="2974" y="2566"/>
                  </a:lnTo>
                  <a:lnTo>
                    <a:pt x="2974" y="2574"/>
                  </a:lnTo>
                  <a:lnTo>
                    <a:pt x="2970" y="2580"/>
                  </a:lnTo>
                  <a:lnTo>
                    <a:pt x="2960" y="2596"/>
                  </a:lnTo>
                  <a:lnTo>
                    <a:pt x="2958" y="2600"/>
                  </a:lnTo>
                  <a:lnTo>
                    <a:pt x="2958" y="2602"/>
                  </a:lnTo>
                  <a:lnTo>
                    <a:pt x="2960" y="2604"/>
                  </a:lnTo>
                  <a:lnTo>
                    <a:pt x="2962" y="2606"/>
                  </a:lnTo>
                  <a:lnTo>
                    <a:pt x="2968" y="2610"/>
                  </a:lnTo>
                  <a:lnTo>
                    <a:pt x="2972" y="2614"/>
                  </a:lnTo>
                  <a:lnTo>
                    <a:pt x="2974" y="2620"/>
                  </a:lnTo>
                  <a:lnTo>
                    <a:pt x="2974" y="2624"/>
                  </a:lnTo>
                  <a:lnTo>
                    <a:pt x="2976" y="2632"/>
                  </a:lnTo>
                  <a:lnTo>
                    <a:pt x="2980" y="2638"/>
                  </a:lnTo>
                  <a:lnTo>
                    <a:pt x="2982" y="2638"/>
                  </a:lnTo>
                  <a:lnTo>
                    <a:pt x="2984" y="2638"/>
                  </a:lnTo>
                  <a:lnTo>
                    <a:pt x="2990" y="2636"/>
                  </a:lnTo>
                  <a:lnTo>
                    <a:pt x="2998" y="2628"/>
                  </a:lnTo>
                  <a:lnTo>
                    <a:pt x="3002" y="2622"/>
                  </a:lnTo>
                  <a:lnTo>
                    <a:pt x="3004" y="2614"/>
                  </a:lnTo>
                  <a:lnTo>
                    <a:pt x="3004" y="2610"/>
                  </a:lnTo>
                  <a:lnTo>
                    <a:pt x="3006" y="2604"/>
                  </a:lnTo>
                  <a:lnTo>
                    <a:pt x="3008" y="2598"/>
                  </a:lnTo>
                  <a:lnTo>
                    <a:pt x="3018" y="2588"/>
                  </a:lnTo>
                  <a:lnTo>
                    <a:pt x="3028" y="2578"/>
                  </a:lnTo>
                  <a:lnTo>
                    <a:pt x="3030" y="2574"/>
                  </a:lnTo>
                  <a:lnTo>
                    <a:pt x="3028" y="2568"/>
                  </a:lnTo>
                  <a:lnTo>
                    <a:pt x="3024" y="2566"/>
                  </a:lnTo>
                  <a:lnTo>
                    <a:pt x="3016" y="2568"/>
                  </a:lnTo>
                  <a:lnTo>
                    <a:pt x="3012" y="2570"/>
                  </a:lnTo>
                  <a:close/>
                  <a:moveTo>
                    <a:pt x="490" y="1328"/>
                  </a:moveTo>
                  <a:lnTo>
                    <a:pt x="490" y="1328"/>
                  </a:lnTo>
                  <a:lnTo>
                    <a:pt x="494" y="1328"/>
                  </a:lnTo>
                  <a:lnTo>
                    <a:pt x="496" y="1328"/>
                  </a:lnTo>
                  <a:lnTo>
                    <a:pt x="498" y="1326"/>
                  </a:lnTo>
                  <a:lnTo>
                    <a:pt x="498" y="1324"/>
                  </a:lnTo>
                  <a:lnTo>
                    <a:pt x="498" y="1320"/>
                  </a:lnTo>
                  <a:lnTo>
                    <a:pt x="498" y="1306"/>
                  </a:lnTo>
                  <a:lnTo>
                    <a:pt x="496" y="1304"/>
                  </a:lnTo>
                  <a:lnTo>
                    <a:pt x="490" y="1302"/>
                  </a:lnTo>
                  <a:lnTo>
                    <a:pt x="486" y="1302"/>
                  </a:lnTo>
                  <a:lnTo>
                    <a:pt x="470" y="1304"/>
                  </a:lnTo>
                  <a:lnTo>
                    <a:pt x="456" y="1310"/>
                  </a:lnTo>
                  <a:lnTo>
                    <a:pt x="454" y="1312"/>
                  </a:lnTo>
                  <a:lnTo>
                    <a:pt x="456" y="1314"/>
                  </a:lnTo>
                  <a:lnTo>
                    <a:pt x="470" y="1320"/>
                  </a:lnTo>
                  <a:lnTo>
                    <a:pt x="486" y="1326"/>
                  </a:lnTo>
                  <a:lnTo>
                    <a:pt x="490" y="1328"/>
                  </a:lnTo>
                  <a:close/>
                  <a:moveTo>
                    <a:pt x="2940" y="2636"/>
                  </a:moveTo>
                  <a:lnTo>
                    <a:pt x="2940" y="2636"/>
                  </a:lnTo>
                  <a:lnTo>
                    <a:pt x="2938" y="2636"/>
                  </a:lnTo>
                  <a:lnTo>
                    <a:pt x="2936" y="2636"/>
                  </a:lnTo>
                  <a:lnTo>
                    <a:pt x="2932" y="2640"/>
                  </a:lnTo>
                  <a:lnTo>
                    <a:pt x="2928" y="2644"/>
                  </a:lnTo>
                  <a:lnTo>
                    <a:pt x="2922" y="2658"/>
                  </a:lnTo>
                  <a:lnTo>
                    <a:pt x="2920" y="2664"/>
                  </a:lnTo>
                  <a:lnTo>
                    <a:pt x="2910" y="2676"/>
                  </a:lnTo>
                  <a:lnTo>
                    <a:pt x="2906" y="2680"/>
                  </a:lnTo>
                  <a:lnTo>
                    <a:pt x="2898" y="2684"/>
                  </a:lnTo>
                  <a:lnTo>
                    <a:pt x="2884" y="2688"/>
                  </a:lnTo>
                  <a:lnTo>
                    <a:pt x="2878" y="2692"/>
                  </a:lnTo>
                  <a:lnTo>
                    <a:pt x="2872" y="2698"/>
                  </a:lnTo>
                  <a:lnTo>
                    <a:pt x="2870" y="2704"/>
                  </a:lnTo>
                  <a:lnTo>
                    <a:pt x="2864" y="2718"/>
                  </a:lnTo>
                  <a:lnTo>
                    <a:pt x="2860" y="2732"/>
                  </a:lnTo>
                  <a:lnTo>
                    <a:pt x="2858" y="2740"/>
                  </a:lnTo>
                  <a:lnTo>
                    <a:pt x="2862" y="2746"/>
                  </a:lnTo>
                  <a:lnTo>
                    <a:pt x="2874" y="2754"/>
                  </a:lnTo>
                  <a:lnTo>
                    <a:pt x="2880" y="2756"/>
                  </a:lnTo>
                  <a:lnTo>
                    <a:pt x="2886" y="2758"/>
                  </a:lnTo>
                  <a:lnTo>
                    <a:pt x="2894" y="2756"/>
                  </a:lnTo>
                  <a:lnTo>
                    <a:pt x="2898" y="2754"/>
                  </a:lnTo>
                  <a:lnTo>
                    <a:pt x="2904" y="2750"/>
                  </a:lnTo>
                  <a:lnTo>
                    <a:pt x="2908" y="2742"/>
                  </a:lnTo>
                  <a:lnTo>
                    <a:pt x="2914" y="2728"/>
                  </a:lnTo>
                  <a:lnTo>
                    <a:pt x="2916" y="2712"/>
                  </a:lnTo>
                  <a:lnTo>
                    <a:pt x="2916" y="2708"/>
                  </a:lnTo>
                  <a:lnTo>
                    <a:pt x="2918" y="2702"/>
                  </a:lnTo>
                  <a:lnTo>
                    <a:pt x="2922" y="2696"/>
                  </a:lnTo>
                  <a:lnTo>
                    <a:pt x="2930" y="2686"/>
                  </a:lnTo>
                  <a:lnTo>
                    <a:pt x="2940" y="2676"/>
                  </a:lnTo>
                  <a:lnTo>
                    <a:pt x="2952" y="2668"/>
                  </a:lnTo>
                  <a:lnTo>
                    <a:pt x="2958" y="2666"/>
                  </a:lnTo>
                  <a:lnTo>
                    <a:pt x="2962" y="2660"/>
                  </a:lnTo>
                  <a:lnTo>
                    <a:pt x="2964" y="2654"/>
                  </a:lnTo>
                  <a:lnTo>
                    <a:pt x="2964" y="2650"/>
                  </a:lnTo>
                  <a:lnTo>
                    <a:pt x="2964" y="2646"/>
                  </a:lnTo>
                  <a:lnTo>
                    <a:pt x="2962" y="2644"/>
                  </a:lnTo>
                  <a:lnTo>
                    <a:pt x="2960" y="2642"/>
                  </a:lnTo>
                  <a:lnTo>
                    <a:pt x="2956" y="2642"/>
                  </a:lnTo>
                  <a:lnTo>
                    <a:pt x="2954" y="2642"/>
                  </a:lnTo>
                  <a:lnTo>
                    <a:pt x="2946" y="2640"/>
                  </a:lnTo>
                  <a:lnTo>
                    <a:pt x="2940" y="2636"/>
                  </a:lnTo>
                  <a:close/>
                  <a:moveTo>
                    <a:pt x="406" y="1248"/>
                  </a:moveTo>
                  <a:lnTo>
                    <a:pt x="406" y="1248"/>
                  </a:lnTo>
                  <a:lnTo>
                    <a:pt x="402" y="1254"/>
                  </a:lnTo>
                  <a:lnTo>
                    <a:pt x="400" y="1260"/>
                  </a:lnTo>
                  <a:lnTo>
                    <a:pt x="400" y="1274"/>
                  </a:lnTo>
                  <a:lnTo>
                    <a:pt x="400" y="1278"/>
                  </a:lnTo>
                  <a:lnTo>
                    <a:pt x="402" y="1280"/>
                  </a:lnTo>
                  <a:lnTo>
                    <a:pt x="404" y="1282"/>
                  </a:lnTo>
                  <a:lnTo>
                    <a:pt x="408" y="1282"/>
                  </a:lnTo>
                  <a:lnTo>
                    <a:pt x="412" y="1282"/>
                  </a:lnTo>
                  <a:lnTo>
                    <a:pt x="416" y="1282"/>
                  </a:lnTo>
                  <a:lnTo>
                    <a:pt x="418" y="1280"/>
                  </a:lnTo>
                  <a:lnTo>
                    <a:pt x="420" y="1278"/>
                  </a:lnTo>
                  <a:lnTo>
                    <a:pt x="420" y="1274"/>
                  </a:lnTo>
                  <a:lnTo>
                    <a:pt x="420" y="1270"/>
                  </a:lnTo>
                  <a:lnTo>
                    <a:pt x="418" y="1262"/>
                  </a:lnTo>
                  <a:lnTo>
                    <a:pt x="416" y="1256"/>
                  </a:lnTo>
                  <a:lnTo>
                    <a:pt x="414" y="1250"/>
                  </a:lnTo>
                  <a:lnTo>
                    <a:pt x="412" y="1248"/>
                  </a:lnTo>
                  <a:lnTo>
                    <a:pt x="410" y="1246"/>
                  </a:lnTo>
                  <a:lnTo>
                    <a:pt x="408" y="1246"/>
                  </a:lnTo>
                  <a:lnTo>
                    <a:pt x="406" y="1248"/>
                  </a:lnTo>
                  <a:close/>
                  <a:moveTo>
                    <a:pt x="2286" y="1412"/>
                  </a:moveTo>
                  <a:lnTo>
                    <a:pt x="2286" y="1412"/>
                  </a:lnTo>
                  <a:lnTo>
                    <a:pt x="2290" y="1424"/>
                  </a:lnTo>
                  <a:lnTo>
                    <a:pt x="2290" y="1426"/>
                  </a:lnTo>
                  <a:lnTo>
                    <a:pt x="2292" y="1426"/>
                  </a:lnTo>
                  <a:lnTo>
                    <a:pt x="2296" y="1426"/>
                  </a:lnTo>
                  <a:lnTo>
                    <a:pt x="2302" y="1422"/>
                  </a:lnTo>
                  <a:lnTo>
                    <a:pt x="2306" y="1418"/>
                  </a:lnTo>
                  <a:lnTo>
                    <a:pt x="2308" y="1410"/>
                  </a:lnTo>
                  <a:lnTo>
                    <a:pt x="2308" y="1408"/>
                  </a:lnTo>
                  <a:lnTo>
                    <a:pt x="2308" y="1394"/>
                  </a:lnTo>
                  <a:lnTo>
                    <a:pt x="2308" y="1392"/>
                  </a:lnTo>
                  <a:lnTo>
                    <a:pt x="2306" y="1392"/>
                  </a:lnTo>
                  <a:lnTo>
                    <a:pt x="2302" y="1392"/>
                  </a:lnTo>
                  <a:lnTo>
                    <a:pt x="2288" y="1396"/>
                  </a:lnTo>
                  <a:lnTo>
                    <a:pt x="2284" y="1398"/>
                  </a:lnTo>
                  <a:lnTo>
                    <a:pt x="2284" y="1400"/>
                  </a:lnTo>
                  <a:lnTo>
                    <a:pt x="2282" y="1404"/>
                  </a:lnTo>
                  <a:lnTo>
                    <a:pt x="2284" y="1406"/>
                  </a:lnTo>
                  <a:lnTo>
                    <a:pt x="2286" y="1412"/>
                  </a:lnTo>
                  <a:close/>
                  <a:moveTo>
                    <a:pt x="414" y="1210"/>
                  </a:moveTo>
                  <a:lnTo>
                    <a:pt x="414" y="1210"/>
                  </a:lnTo>
                  <a:lnTo>
                    <a:pt x="412" y="1208"/>
                  </a:lnTo>
                  <a:lnTo>
                    <a:pt x="410" y="1206"/>
                  </a:lnTo>
                  <a:lnTo>
                    <a:pt x="406" y="1206"/>
                  </a:lnTo>
                  <a:lnTo>
                    <a:pt x="404" y="1208"/>
                  </a:lnTo>
                  <a:lnTo>
                    <a:pt x="398" y="1210"/>
                  </a:lnTo>
                  <a:lnTo>
                    <a:pt x="396" y="1212"/>
                  </a:lnTo>
                  <a:lnTo>
                    <a:pt x="394" y="1214"/>
                  </a:lnTo>
                  <a:lnTo>
                    <a:pt x="394" y="1216"/>
                  </a:lnTo>
                  <a:lnTo>
                    <a:pt x="396" y="1220"/>
                  </a:lnTo>
                  <a:lnTo>
                    <a:pt x="404" y="1228"/>
                  </a:lnTo>
                  <a:lnTo>
                    <a:pt x="410" y="1230"/>
                  </a:lnTo>
                  <a:lnTo>
                    <a:pt x="412" y="1230"/>
                  </a:lnTo>
                  <a:lnTo>
                    <a:pt x="416" y="1228"/>
                  </a:lnTo>
                  <a:lnTo>
                    <a:pt x="418" y="1224"/>
                  </a:lnTo>
                  <a:lnTo>
                    <a:pt x="416" y="1216"/>
                  </a:lnTo>
                  <a:lnTo>
                    <a:pt x="414" y="1210"/>
                  </a:lnTo>
                  <a:close/>
                  <a:moveTo>
                    <a:pt x="2302" y="1960"/>
                  </a:moveTo>
                  <a:lnTo>
                    <a:pt x="2302" y="1960"/>
                  </a:lnTo>
                  <a:lnTo>
                    <a:pt x="2302" y="1962"/>
                  </a:lnTo>
                  <a:lnTo>
                    <a:pt x="2302" y="1966"/>
                  </a:lnTo>
                  <a:lnTo>
                    <a:pt x="2304" y="1968"/>
                  </a:lnTo>
                  <a:lnTo>
                    <a:pt x="2306" y="1970"/>
                  </a:lnTo>
                  <a:lnTo>
                    <a:pt x="2312" y="1974"/>
                  </a:lnTo>
                  <a:lnTo>
                    <a:pt x="2324" y="1982"/>
                  </a:lnTo>
                  <a:lnTo>
                    <a:pt x="2326" y="1988"/>
                  </a:lnTo>
                  <a:lnTo>
                    <a:pt x="2328" y="1994"/>
                  </a:lnTo>
                  <a:lnTo>
                    <a:pt x="2328" y="1998"/>
                  </a:lnTo>
                  <a:lnTo>
                    <a:pt x="2328" y="2002"/>
                  </a:lnTo>
                  <a:lnTo>
                    <a:pt x="2330" y="2004"/>
                  </a:lnTo>
                  <a:lnTo>
                    <a:pt x="2334" y="2006"/>
                  </a:lnTo>
                  <a:lnTo>
                    <a:pt x="2336" y="2006"/>
                  </a:lnTo>
                  <a:lnTo>
                    <a:pt x="2340" y="2006"/>
                  </a:lnTo>
                  <a:lnTo>
                    <a:pt x="2352" y="2006"/>
                  </a:lnTo>
                  <a:lnTo>
                    <a:pt x="2358" y="2008"/>
                  </a:lnTo>
                  <a:lnTo>
                    <a:pt x="2364" y="2010"/>
                  </a:lnTo>
                  <a:lnTo>
                    <a:pt x="2380" y="2022"/>
                  </a:lnTo>
                  <a:lnTo>
                    <a:pt x="2394" y="2030"/>
                  </a:lnTo>
                  <a:lnTo>
                    <a:pt x="2420" y="2042"/>
                  </a:lnTo>
                  <a:lnTo>
                    <a:pt x="2424" y="2046"/>
                  </a:lnTo>
                  <a:lnTo>
                    <a:pt x="2426" y="2050"/>
                  </a:lnTo>
                  <a:lnTo>
                    <a:pt x="2424" y="2054"/>
                  </a:lnTo>
                  <a:lnTo>
                    <a:pt x="2420" y="2058"/>
                  </a:lnTo>
                  <a:lnTo>
                    <a:pt x="2414" y="2062"/>
                  </a:lnTo>
                  <a:lnTo>
                    <a:pt x="2410" y="2064"/>
                  </a:lnTo>
                  <a:lnTo>
                    <a:pt x="2414" y="2066"/>
                  </a:lnTo>
                  <a:lnTo>
                    <a:pt x="2418" y="2066"/>
                  </a:lnTo>
                  <a:lnTo>
                    <a:pt x="2426" y="2066"/>
                  </a:lnTo>
                  <a:lnTo>
                    <a:pt x="2434" y="2068"/>
                  </a:lnTo>
                  <a:lnTo>
                    <a:pt x="2438" y="2072"/>
                  </a:lnTo>
                  <a:lnTo>
                    <a:pt x="2452" y="2078"/>
                  </a:lnTo>
                  <a:lnTo>
                    <a:pt x="2458" y="2082"/>
                  </a:lnTo>
                  <a:lnTo>
                    <a:pt x="2470" y="2084"/>
                  </a:lnTo>
                  <a:lnTo>
                    <a:pt x="2476" y="2084"/>
                  </a:lnTo>
                  <a:lnTo>
                    <a:pt x="2480" y="2080"/>
                  </a:lnTo>
                  <a:lnTo>
                    <a:pt x="2488" y="2070"/>
                  </a:lnTo>
                  <a:lnTo>
                    <a:pt x="2502" y="2062"/>
                  </a:lnTo>
                  <a:lnTo>
                    <a:pt x="2508" y="2058"/>
                  </a:lnTo>
                  <a:lnTo>
                    <a:pt x="2514" y="2058"/>
                  </a:lnTo>
                  <a:lnTo>
                    <a:pt x="2522" y="2058"/>
                  </a:lnTo>
                  <a:lnTo>
                    <a:pt x="2526" y="2062"/>
                  </a:lnTo>
                  <a:lnTo>
                    <a:pt x="2540" y="2070"/>
                  </a:lnTo>
                  <a:lnTo>
                    <a:pt x="2558" y="2088"/>
                  </a:lnTo>
                  <a:lnTo>
                    <a:pt x="2570" y="2098"/>
                  </a:lnTo>
                  <a:lnTo>
                    <a:pt x="2576" y="2100"/>
                  </a:lnTo>
                  <a:lnTo>
                    <a:pt x="2578" y="2102"/>
                  </a:lnTo>
                  <a:lnTo>
                    <a:pt x="2580" y="2100"/>
                  </a:lnTo>
                  <a:lnTo>
                    <a:pt x="2582" y="2100"/>
                  </a:lnTo>
                  <a:lnTo>
                    <a:pt x="2582" y="2096"/>
                  </a:lnTo>
                  <a:lnTo>
                    <a:pt x="2582" y="2082"/>
                  </a:lnTo>
                  <a:lnTo>
                    <a:pt x="2580" y="2076"/>
                  </a:lnTo>
                  <a:lnTo>
                    <a:pt x="2576" y="2072"/>
                  </a:lnTo>
                  <a:lnTo>
                    <a:pt x="2560" y="2068"/>
                  </a:lnTo>
                  <a:lnTo>
                    <a:pt x="2556" y="2064"/>
                  </a:lnTo>
                  <a:lnTo>
                    <a:pt x="2554" y="2058"/>
                  </a:lnTo>
                  <a:lnTo>
                    <a:pt x="2554" y="2054"/>
                  </a:lnTo>
                  <a:lnTo>
                    <a:pt x="2554" y="2046"/>
                  </a:lnTo>
                  <a:lnTo>
                    <a:pt x="2558" y="2040"/>
                  </a:lnTo>
                  <a:lnTo>
                    <a:pt x="2560" y="2038"/>
                  </a:lnTo>
                  <a:lnTo>
                    <a:pt x="2560" y="2036"/>
                  </a:lnTo>
                  <a:lnTo>
                    <a:pt x="2556" y="2034"/>
                  </a:lnTo>
                  <a:lnTo>
                    <a:pt x="2542" y="2028"/>
                  </a:lnTo>
                  <a:lnTo>
                    <a:pt x="2534" y="2024"/>
                  </a:lnTo>
                  <a:lnTo>
                    <a:pt x="2530" y="2018"/>
                  </a:lnTo>
                  <a:lnTo>
                    <a:pt x="2528" y="2014"/>
                  </a:lnTo>
                  <a:lnTo>
                    <a:pt x="2524" y="2006"/>
                  </a:lnTo>
                  <a:lnTo>
                    <a:pt x="2518" y="2002"/>
                  </a:lnTo>
                  <a:lnTo>
                    <a:pt x="2502" y="1992"/>
                  </a:lnTo>
                  <a:lnTo>
                    <a:pt x="2486" y="1984"/>
                  </a:lnTo>
                  <a:lnTo>
                    <a:pt x="2424" y="1968"/>
                  </a:lnTo>
                  <a:lnTo>
                    <a:pt x="2416" y="1968"/>
                  </a:lnTo>
                  <a:lnTo>
                    <a:pt x="2410" y="1972"/>
                  </a:lnTo>
                  <a:lnTo>
                    <a:pt x="2394" y="1982"/>
                  </a:lnTo>
                  <a:lnTo>
                    <a:pt x="2386" y="1986"/>
                  </a:lnTo>
                  <a:lnTo>
                    <a:pt x="2378" y="1986"/>
                  </a:lnTo>
                  <a:lnTo>
                    <a:pt x="2376" y="1986"/>
                  </a:lnTo>
                  <a:lnTo>
                    <a:pt x="2368" y="1986"/>
                  </a:lnTo>
                  <a:lnTo>
                    <a:pt x="2362" y="1982"/>
                  </a:lnTo>
                  <a:lnTo>
                    <a:pt x="2354" y="1972"/>
                  </a:lnTo>
                  <a:lnTo>
                    <a:pt x="2342" y="1962"/>
                  </a:lnTo>
                  <a:lnTo>
                    <a:pt x="2334" y="1954"/>
                  </a:lnTo>
                  <a:lnTo>
                    <a:pt x="2328" y="1950"/>
                  </a:lnTo>
                  <a:lnTo>
                    <a:pt x="2320" y="1948"/>
                  </a:lnTo>
                  <a:lnTo>
                    <a:pt x="2316" y="1948"/>
                  </a:lnTo>
                  <a:lnTo>
                    <a:pt x="2310" y="1950"/>
                  </a:lnTo>
                  <a:lnTo>
                    <a:pt x="2306" y="1954"/>
                  </a:lnTo>
                  <a:lnTo>
                    <a:pt x="2302" y="1960"/>
                  </a:lnTo>
                  <a:close/>
                  <a:moveTo>
                    <a:pt x="2606" y="2298"/>
                  </a:moveTo>
                  <a:lnTo>
                    <a:pt x="2606" y="2298"/>
                  </a:lnTo>
                  <a:lnTo>
                    <a:pt x="2602" y="2290"/>
                  </a:lnTo>
                  <a:lnTo>
                    <a:pt x="2598" y="2284"/>
                  </a:lnTo>
                  <a:lnTo>
                    <a:pt x="2594" y="2280"/>
                  </a:lnTo>
                  <a:lnTo>
                    <a:pt x="2590" y="2272"/>
                  </a:lnTo>
                  <a:lnTo>
                    <a:pt x="2586" y="2258"/>
                  </a:lnTo>
                  <a:lnTo>
                    <a:pt x="2582" y="2252"/>
                  </a:lnTo>
                  <a:lnTo>
                    <a:pt x="2576" y="2248"/>
                  </a:lnTo>
                  <a:lnTo>
                    <a:pt x="2562" y="2244"/>
                  </a:lnTo>
                  <a:lnTo>
                    <a:pt x="2548" y="2236"/>
                  </a:lnTo>
                  <a:lnTo>
                    <a:pt x="2532" y="2226"/>
                  </a:lnTo>
                  <a:lnTo>
                    <a:pt x="2526" y="2220"/>
                  </a:lnTo>
                  <a:lnTo>
                    <a:pt x="2522" y="2214"/>
                  </a:lnTo>
                  <a:lnTo>
                    <a:pt x="2516" y="2180"/>
                  </a:lnTo>
                  <a:lnTo>
                    <a:pt x="2514" y="2174"/>
                  </a:lnTo>
                  <a:lnTo>
                    <a:pt x="2510" y="2168"/>
                  </a:lnTo>
                  <a:lnTo>
                    <a:pt x="2500" y="2158"/>
                  </a:lnTo>
                  <a:lnTo>
                    <a:pt x="2496" y="2152"/>
                  </a:lnTo>
                  <a:lnTo>
                    <a:pt x="2492" y="2146"/>
                  </a:lnTo>
                  <a:lnTo>
                    <a:pt x="2488" y="2130"/>
                  </a:lnTo>
                  <a:lnTo>
                    <a:pt x="2486" y="2128"/>
                  </a:lnTo>
                  <a:lnTo>
                    <a:pt x="2484" y="2128"/>
                  </a:lnTo>
                  <a:lnTo>
                    <a:pt x="2482" y="2128"/>
                  </a:lnTo>
                  <a:lnTo>
                    <a:pt x="2480" y="2128"/>
                  </a:lnTo>
                  <a:lnTo>
                    <a:pt x="2472" y="2138"/>
                  </a:lnTo>
                  <a:lnTo>
                    <a:pt x="2468" y="2144"/>
                  </a:lnTo>
                  <a:lnTo>
                    <a:pt x="2466" y="2150"/>
                  </a:lnTo>
                  <a:lnTo>
                    <a:pt x="2466" y="2184"/>
                  </a:lnTo>
                  <a:lnTo>
                    <a:pt x="2464" y="2192"/>
                  </a:lnTo>
                  <a:lnTo>
                    <a:pt x="2460" y="2198"/>
                  </a:lnTo>
                  <a:lnTo>
                    <a:pt x="2452" y="2206"/>
                  </a:lnTo>
                  <a:lnTo>
                    <a:pt x="2446" y="2210"/>
                  </a:lnTo>
                  <a:lnTo>
                    <a:pt x="2438" y="2212"/>
                  </a:lnTo>
                  <a:lnTo>
                    <a:pt x="2434" y="2212"/>
                  </a:lnTo>
                  <a:lnTo>
                    <a:pt x="2428" y="2210"/>
                  </a:lnTo>
                  <a:lnTo>
                    <a:pt x="2422" y="2204"/>
                  </a:lnTo>
                  <a:lnTo>
                    <a:pt x="2412" y="2188"/>
                  </a:lnTo>
                  <a:lnTo>
                    <a:pt x="2406" y="2184"/>
                  </a:lnTo>
                  <a:lnTo>
                    <a:pt x="2398" y="2182"/>
                  </a:lnTo>
                  <a:lnTo>
                    <a:pt x="2396" y="2182"/>
                  </a:lnTo>
                  <a:lnTo>
                    <a:pt x="2388" y="2180"/>
                  </a:lnTo>
                  <a:lnTo>
                    <a:pt x="2380" y="2178"/>
                  </a:lnTo>
                  <a:lnTo>
                    <a:pt x="2374" y="2176"/>
                  </a:lnTo>
                  <a:lnTo>
                    <a:pt x="2372" y="2174"/>
                  </a:lnTo>
                  <a:lnTo>
                    <a:pt x="2370" y="2172"/>
                  </a:lnTo>
                  <a:lnTo>
                    <a:pt x="2370" y="2168"/>
                  </a:lnTo>
                  <a:lnTo>
                    <a:pt x="2372" y="2164"/>
                  </a:lnTo>
                  <a:lnTo>
                    <a:pt x="2374" y="2160"/>
                  </a:lnTo>
                  <a:lnTo>
                    <a:pt x="2382" y="2146"/>
                  </a:lnTo>
                  <a:lnTo>
                    <a:pt x="2384" y="2140"/>
                  </a:lnTo>
                  <a:lnTo>
                    <a:pt x="2384" y="2138"/>
                  </a:lnTo>
                  <a:lnTo>
                    <a:pt x="2384" y="2134"/>
                  </a:lnTo>
                  <a:lnTo>
                    <a:pt x="2382" y="2132"/>
                  </a:lnTo>
                  <a:lnTo>
                    <a:pt x="2380" y="2132"/>
                  </a:lnTo>
                  <a:lnTo>
                    <a:pt x="2356" y="2126"/>
                  </a:lnTo>
                  <a:lnTo>
                    <a:pt x="2340" y="2124"/>
                  </a:lnTo>
                  <a:lnTo>
                    <a:pt x="2336" y="2124"/>
                  </a:lnTo>
                  <a:lnTo>
                    <a:pt x="2330" y="2124"/>
                  </a:lnTo>
                  <a:lnTo>
                    <a:pt x="2324" y="2128"/>
                  </a:lnTo>
                  <a:lnTo>
                    <a:pt x="2312" y="2136"/>
                  </a:lnTo>
                  <a:lnTo>
                    <a:pt x="2306" y="2140"/>
                  </a:lnTo>
                  <a:lnTo>
                    <a:pt x="2292" y="2146"/>
                  </a:lnTo>
                  <a:lnTo>
                    <a:pt x="2286" y="2150"/>
                  </a:lnTo>
                  <a:lnTo>
                    <a:pt x="2280" y="2154"/>
                  </a:lnTo>
                  <a:lnTo>
                    <a:pt x="2276" y="2160"/>
                  </a:lnTo>
                  <a:lnTo>
                    <a:pt x="2274" y="2164"/>
                  </a:lnTo>
                  <a:lnTo>
                    <a:pt x="2270" y="2170"/>
                  </a:lnTo>
                  <a:lnTo>
                    <a:pt x="2264" y="2172"/>
                  </a:lnTo>
                  <a:lnTo>
                    <a:pt x="2252" y="2168"/>
                  </a:lnTo>
                  <a:lnTo>
                    <a:pt x="2248" y="2166"/>
                  </a:lnTo>
                  <a:lnTo>
                    <a:pt x="2240" y="2164"/>
                  </a:lnTo>
                  <a:lnTo>
                    <a:pt x="2234" y="2166"/>
                  </a:lnTo>
                  <a:lnTo>
                    <a:pt x="2228" y="2168"/>
                  </a:lnTo>
                  <a:lnTo>
                    <a:pt x="2214" y="2176"/>
                  </a:lnTo>
                  <a:lnTo>
                    <a:pt x="2198" y="2188"/>
                  </a:lnTo>
                  <a:lnTo>
                    <a:pt x="2184" y="2196"/>
                  </a:lnTo>
                  <a:lnTo>
                    <a:pt x="2178" y="2198"/>
                  </a:lnTo>
                  <a:lnTo>
                    <a:pt x="2164" y="2206"/>
                  </a:lnTo>
                  <a:lnTo>
                    <a:pt x="2160" y="2208"/>
                  </a:lnTo>
                  <a:lnTo>
                    <a:pt x="2154" y="2212"/>
                  </a:lnTo>
                  <a:lnTo>
                    <a:pt x="2150" y="2220"/>
                  </a:lnTo>
                  <a:lnTo>
                    <a:pt x="2144" y="2234"/>
                  </a:lnTo>
                  <a:lnTo>
                    <a:pt x="2140" y="2238"/>
                  </a:lnTo>
                  <a:lnTo>
                    <a:pt x="2134" y="2240"/>
                  </a:lnTo>
                  <a:lnTo>
                    <a:pt x="2130" y="2240"/>
                  </a:lnTo>
                  <a:lnTo>
                    <a:pt x="2124" y="2242"/>
                  </a:lnTo>
                  <a:lnTo>
                    <a:pt x="2116" y="2246"/>
                  </a:lnTo>
                  <a:lnTo>
                    <a:pt x="2100" y="2256"/>
                  </a:lnTo>
                  <a:lnTo>
                    <a:pt x="2086" y="2264"/>
                  </a:lnTo>
                  <a:lnTo>
                    <a:pt x="2062" y="2276"/>
                  </a:lnTo>
                  <a:lnTo>
                    <a:pt x="2048" y="2286"/>
                  </a:lnTo>
                  <a:lnTo>
                    <a:pt x="2040" y="2294"/>
                  </a:lnTo>
                  <a:lnTo>
                    <a:pt x="2030" y="2306"/>
                  </a:lnTo>
                  <a:lnTo>
                    <a:pt x="2028" y="2312"/>
                  </a:lnTo>
                  <a:lnTo>
                    <a:pt x="2026" y="2320"/>
                  </a:lnTo>
                  <a:lnTo>
                    <a:pt x="2028" y="2326"/>
                  </a:lnTo>
                  <a:lnTo>
                    <a:pt x="2032" y="2340"/>
                  </a:lnTo>
                  <a:lnTo>
                    <a:pt x="2034" y="2356"/>
                  </a:lnTo>
                  <a:lnTo>
                    <a:pt x="2034" y="2360"/>
                  </a:lnTo>
                  <a:lnTo>
                    <a:pt x="2036" y="2376"/>
                  </a:lnTo>
                  <a:lnTo>
                    <a:pt x="2052" y="2428"/>
                  </a:lnTo>
                  <a:lnTo>
                    <a:pt x="2054" y="2444"/>
                  </a:lnTo>
                  <a:lnTo>
                    <a:pt x="2054" y="2448"/>
                  </a:lnTo>
                  <a:lnTo>
                    <a:pt x="2054" y="2464"/>
                  </a:lnTo>
                  <a:lnTo>
                    <a:pt x="2054" y="2488"/>
                  </a:lnTo>
                  <a:lnTo>
                    <a:pt x="2056" y="2494"/>
                  </a:lnTo>
                  <a:lnTo>
                    <a:pt x="2060" y="2500"/>
                  </a:lnTo>
                  <a:lnTo>
                    <a:pt x="2068" y="2510"/>
                  </a:lnTo>
                  <a:lnTo>
                    <a:pt x="2074" y="2514"/>
                  </a:lnTo>
                  <a:lnTo>
                    <a:pt x="2082" y="2514"/>
                  </a:lnTo>
                  <a:lnTo>
                    <a:pt x="2086" y="2514"/>
                  </a:lnTo>
                  <a:lnTo>
                    <a:pt x="2100" y="2512"/>
                  </a:lnTo>
                  <a:lnTo>
                    <a:pt x="2116" y="2508"/>
                  </a:lnTo>
                  <a:lnTo>
                    <a:pt x="2130" y="2502"/>
                  </a:lnTo>
                  <a:lnTo>
                    <a:pt x="2136" y="2498"/>
                  </a:lnTo>
                  <a:lnTo>
                    <a:pt x="2142" y="2496"/>
                  </a:lnTo>
                  <a:lnTo>
                    <a:pt x="2150" y="2496"/>
                  </a:lnTo>
                  <a:lnTo>
                    <a:pt x="2154" y="2496"/>
                  </a:lnTo>
                  <a:lnTo>
                    <a:pt x="2170" y="2492"/>
                  </a:lnTo>
                  <a:lnTo>
                    <a:pt x="2184" y="2488"/>
                  </a:lnTo>
                  <a:lnTo>
                    <a:pt x="2190" y="2484"/>
                  </a:lnTo>
                  <a:lnTo>
                    <a:pt x="2192" y="2480"/>
                  </a:lnTo>
                  <a:lnTo>
                    <a:pt x="2194" y="2476"/>
                  </a:lnTo>
                  <a:lnTo>
                    <a:pt x="2198" y="2472"/>
                  </a:lnTo>
                  <a:lnTo>
                    <a:pt x="2232" y="2460"/>
                  </a:lnTo>
                  <a:lnTo>
                    <a:pt x="2240" y="2458"/>
                  </a:lnTo>
                  <a:lnTo>
                    <a:pt x="2248" y="2456"/>
                  </a:lnTo>
                  <a:lnTo>
                    <a:pt x="2272" y="2456"/>
                  </a:lnTo>
                  <a:lnTo>
                    <a:pt x="2288" y="2458"/>
                  </a:lnTo>
                  <a:lnTo>
                    <a:pt x="2330" y="2464"/>
                  </a:lnTo>
                  <a:lnTo>
                    <a:pt x="2338" y="2468"/>
                  </a:lnTo>
                  <a:lnTo>
                    <a:pt x="2344" y="2472"/>
                  </a:lnTo>
                  <a:lnTo>
                    <a:pt x="2362" y="2490"/>
                  </a:lnTo>
                  <a:lnTo>
                    <a:pt x="2374" y="2500"/>
                  </a:lnTo>
                  <a:lnTo>
                    <a:pt x="2382" y="2510"/>
                  </a:lnTo>
                  <a:lnTo>
                    <a:pt x="2388" y="2514"/>
                  </a:lnTo>
                  <a:lnTo>
                    <a:pt x="2396" y="2514"/>
                  </a:lnTo>
                  <a:lnTo>
                    <a:pt x="2398" y="2514"/>
                  </a:lnTo>
                  <a:lnTo>
                    <a:pt x="2406" y="2516"/>
                  </a:lnTo>
                  <a:lnTo>
                    <a:pt x="2410" y="2522"/>
                  </a:lnTo>
                  <a:lnTo>
                    <a:pt x="2414" y="2528"/>
                  </a:lnTo>
                  <a:lnTo>
                    <a:pt x="2422" y="2540"/>
                  </a:lnTo>
                  <a:lnTo>
                    <a:pt x="2430" y="2548"/>
                  </a:lnTo>
                  <a:lnTo>
                    <a:pt x="2442" y="2558"/>
                  </a:lnTo>
                  <a:lnTo>
                    <a:pt x="2458" y="2570"/>
                  </a:lnTo>
                  <a:lnTo>
                    <a:pt x="2474" y="2576"/>
                  </a:lnTo>
                  <a:lnTo>
                    <a:pt x="2488" y="2580"/>
                  </a:lnTo>
                  <a:lnTo>
                    <a:pt x="2494" y="2582"/>
                  </a:lnTo>
                  <a:lnTo>
                    <a:pt x="2502" y="2580"/>
                  </a:lnTo>
                  <a:lnTo>
                    <a:pt x="2508" y="2578"/>
                  </a:lnTo>
                  <a:lnTo>
                    <a:pt x="2514" y="2576"/>
                  </a:lnTo>
                  <a:lnTo>
                    <a:pt x="2520" y="2580"/>
                  </a:lnTo>
                  <a:lnTo>
                    <a:pt x="2528" y="2588"/>
                  </a:lnTo>
                  <a:lnTo>
                    <a:pt x="2534" y="2592"/>
                  </a:lnTo>
                  <a:lnTo>
                    <a:pt x="2538" y="2594"/>
                  </a:lnTo>
                  <a:lnTo>
                    <a:pt x="2544" y="2592"/>
                  </a:lnTo>
                  <a:lnTo>
                    <a:pt x="2550" y="2588"/>
                  </a:lnTo>
                  <a:lnTo>
                    <a:pt x="2558" y="2580"/>
                  </a:lnTo>
                  <a:lnTo>
                    <a:pt x="2570" y="2570"/>
                  </a:lnTo>
                  <a:lnTo>
                    <a:pt x="2576" y="2568"/>
                  </a:lnTo>
                  <a:lnTo>
                    <a:pt x="2588" y="2564"/>
                  </a:lnTo>
                  <a:lnTo>
                    <a:pt x="2592" y="2562"/>
                  </a:lnTo>
                  <a:lnTo>
                    <a:pt x="2592" y="2556"/>
                  </a:lnTo>
                  <a:lnTo>
                    <a:pt x="2592" y="2552"/>
                  </a:lnTo>
                  <a:lnTo>
                    <a:pt x="2594" y="2544"/>
                  </a:lnTo>
                  <a:lnTo>
                    <a:pt x="2596" y="2538"/>
                  </a:lnTo>
                  <a:lnTo>
                    <a:pt x="2608" y="2512"/>
                  </a:lnTo>
                  <a:lnTo>
                    <a:pt x="2616" y="2498"/>
                  </a:lnTo>
                  <a:lnTo>
                    <a:pt x="2638" y="2434"/>
                  </a:lnTo>
                  <a:lnTo>
                    <a:pt x="2642" y="2418"/>
                  </a:lnTo>
                  <a:lnTo>
                    <a:pt x="2642" y="2396"/>
                  </a:lnTo>
                  <a:lnTo>
                    <a:pt x="2642" y="2380"/>
                  </a:lnTo>
                  <a:lnTo>
                    <a:pt x="2642" y="2366"/>
                  </a:lnTo>
                  <a:lnTo>
                    <a:pt x="2642" y="2350"/>
                  </a:lnTo>
                  <a:lnTo>
                    <a:pt x="2642" y="2346"/>
                  </a:lnTo>
                  <a:lnTo>
                    <a:pt x="2640" y="2340"/>
                  </a:lnTo>
                  <a:lnTo>
                    <a:pt x="2636" y="2334"/>
                  </a:lnTo>
                  <a:lnTo>
                    <a:pt x="2620" y="2324"/>
                  </a:lnTo>
                  <a:lnTo>
                    <a:pt x="2614" y="2318"/>
                  </a:lnTo>
                  <a:lnTo>
                    <a:pt x="2610" y="2312"/>
                  </a:lnTo>
                  <a:lnTo>
                    <a:pt x="2606" y="2298"/>
                  </a:lnTo>
                  <a:close/>
                  <a:moveTo>
                    <a:pt x="2522" y="2632"/>
                  </a:moveTo>
                  <a:lnTo>
                    <a:pt x="2522" y="2632"/>
                  </a:lnTo>
                  <a:lnTo>
                    <a:pt x="2520" y="2634"/>
                  </a:lnTo>
                  <a:lnTo>
                    <a:pt x="2518" y="2634"/>
                  </a:lnTo>
                  <a:lnTo>
                    <a:pt x="2516" y="2638"/>
                  </a:lnTo>
                  <a:lnTo>
                    <a:pt x="2518" y="2640"/>
                  </a:lnTo>
                  <a:lnTo>
                    <a:pt x="2522" y="2654"/>
                  </a:lnTo>
                  <a:lnTo>
                    <a:pt x="2524" y="2670"/>
                  </a:lnTo>
                  <a:lnTo>
                    <a:pt x="2524" y="2674"/>
                  </a:lnTo>
                  <a:lnTo>
                    <a:pt x="2526" y="2680"/>
                  </a:lnTo>
                  <a:lnTo>
                    <a:pt x="2532" y="2684"/>
                  </a:lnTo>
                  <a:lnTo>
                    <a:pt x="2538" y="2688"/>
                  </a:lnTo>
                  <a:lnTo>
                    <a:pt x="2540" y="2688"/>
                  </a:lnTo>
                  <a:lnTo>
                    <a:pt x="2544" y="2688"/>
                  </a:lnTo>
                  <a:lnTo>
                    <a:pt x="2546" y="2686"/>
                  </a:lnTo>
                  <a:lnTo>
                    <a:pt x="2548" y="2684"/>
                  </a:lnTo>
                  <a:lnTo>
                    <a:pt x="2550" y="2678"/>
                  </a:lnTo>
                  <a:lnTo>
                    <a:pt x="2556" y="2664"/>
                  </a:lnTo>
                  <a:lnTo>
                    <a:pt x="2562" y="2650"/>
                  </a:lnTo>
                  <a:lnTo>
                    <a:pt x="2564" y="2634"/>
                  </a:lnTo>
                  <a:lnTo>
                    <a:pt x="2564" y="2632"/>
                  </a:lnTo>
                  <a:lnTo>
                    <a:pt x="2564" y="2628"/>
                  </a:lnTo>
                  <a:lnTo>
                    <a:pt x="2562" y="2626"/>
                  </a:lnTo>
                  <a:lnTo>
                    <a:pt x="2560" y="2626"/>
                  </a:lnTo>
                  <a:lnTo>
                    <a:pt x="2556" y="2626"/>
                  </a:lnTo>
                  <a:lnTo>
                    <a:pt x="2552" y="2630"/>
                  </a:lnTo>
                  <a:lnTo>
                    <a:pt x="2544" y="2632"/>
                  </a:lnTo>
                  <a:lnTo>
                    <a:pt x="2536" y="2632"/>
                  </a:lnTo>
                  <a:lnTo>
                    <a:pt x="2522" y="2632"/>
                  </a:lnTo>
                  <a:close/>
                  <a:moveTo>
                    <a:pt x="2478" y="958"/>
                  </a:moveTo>
                  <a:lnTo>
                    <a:pt x="2478" y="958"/>
                  </a:lnTo>
                  <a:lnTo>
                    <a:pt x="2476" y="954"/>
                  </a:lnTo>
                  <a:lnTo>
                    <a:pt x="2476" y="958"/>
                  </a:lnTo>
                  <a:lnTo>
                    <a:pt x="2476" y="962"/>
                  </a:lnTo>
                  <a:lnTo>
                    <a:pt x="2474" y="976"/>
                  </a:lnTo>
                  <a:lnTo>
                    <a:pt x="2468" y="992"/>
                  </a:lnTo>
                  <a:lnTo>
                    <a:pt x="2468" y="998"/>
                  </a:lnTo>
                  <a:lnTo>
                    <a:pt x="2470" y="1006"/>
                  </a:lnTo>
                  <a:lnTo>
                    <a:pt x="2472" y="1012"/>
                  </a:lnTo>
                  <a:lnTo>
                    <a:pt x="2474" y="1018"/>
                  </a:lnTo>
                  <a:lnTo>
                    <a:pt x="2476" y="1026"/>
                  </a:lnTo>
                  <a:lnTo>
                    <a:pt x="2476" y="1088"/>
                  </a:lnTo>
                  <a:lnTo>
                    <a:pt x="2476" y="1104"/>
                  </a:lnTo>
                  <a:lnTo>
                    <a:pt x="2476" y="1118"/>
                  </a:lnTo>
                  <a:lnTo>
                    <a:pt x="2478" y="1124"/>
                  </a:lnTo>
                  <a:lnTo>
                    <a:pt x="2484" y="1128"/>
                  </a:lnTo>
                  <a:lnTo>
                    <a:pt x="2498" y="1134"/>
                  </a:lnTo>
                  <a:lnTo>
                    <a:pt x="2502" y="1134"/>
                  </a:lnTo>
                  <a:lnTo>
                    <a:pt x="2500" y="1130"/>
                  </a:lnTo>
                  <a:lnTo>
                    <a:pt x="2490" y="1114"/>
                  </a:lnTo>
                  <a:lnTo>
                    <a:pt x="2486" y="1106"/>
                  </a:lnTo>
                  <a:lnTo>
                    <a:pt x="2486" y="1098"/>
                  </a:lnTo>
                  <a:lnTo>
                    <a:pt x="2486" y="1094"/>
                  </a:lnTo>
                  <a:lnTo>
                    <a:pt x="2486" y="1088"/>
                  </a:lnTo>
                  <a:lnTo>
                    <a:pt x="2488" y="1080"/>
                  </a:lnTo>
                  <a:lnTo>
                    <a:pt x="2492" y="1074"/>
                  </a:lnTo>
                  <a:lnTo>
                    <a:pt x="2496" y="1070"/>
                  </a:lnTo>
                  <a:lnTo>
                    <a:pt x="2498" y="1070"/>
                  </a:lnTo>
                  <a:lnTo>
                    <a:pt x="2500" y="1072"/>
                  </a:lnTo>
                  <a:lnTo>
                    <a:pt x="2502" y="1074"/>
                  </a:lnTo>
                  <a:lnTo>
                    <a:pt x="2502" y="1070"/>
                  </a:lnTo>
                  <a:lnTo>
                    <a:pt x="2488" y="1006"/>
                  </a:lnTo>
                  <a:lnTo>
                    <a:pt x="2486" y="990"/>
                  </a:lnTo>
                  <a:lnTo>
                    <a:pt x="2486" y="988"/>
                  </a:lnTo>
                  <a:lnTo>
                    <a:pt x="2482" y="972"/>
                  </a:lnTo>
                  <a:lnTo>
                    <a:pt x="2478" y="958"/>
                  </a:lnTo>
                  <a:close/>
                  <a:moveTo>
                    <a:pt x="2460" y="1170"/>
                  </a:moveTo>
                  <a:lnTo>
                    <a:pt x="2460" y="1170"/>
                  </a:lnTo>
                  <a:lnTo>
                    <a:pt x="2458" y="1176"/>
                  </a:lnTo>
                  <a:lnTo>
                    <a:pt x="2456" y="1182"/>
                  </a:lnTo>
                  <a:lnTo>
                    <a:pt x="2456" y="1196"/>
                  </a:lnTo>
                  <a:lnTo>
                    <a:pt x="2454" y="1204"/>
                  </a:lnTo>
                  <a:lnTo>
                    <a:pt x="2452" y="1212"/>
                  </a:lnTo>
                  <a:lnTo>
                    <a:pt x="2450" y="1216"/>
                  </a:lnTo>
                  <a:lnTo>
                    <a:pt x="2446" y="1224"/>
                  </a:lnTo>
                  <a:lnTo>
                    <a:pt x="2446" y="1232"/>
                  </a:lnTo>
                  <a:lnTo>
                    <a:pt x="2446" y="1236"/>
                  </a:lnTo>
                  <a:lnTo>
                    <a:pt x="2448" y="1238"/>
                  </a:lnTo>
                  <a:lnTo>
                    <a:pt x="2450" y="1236"/>
                  </a:lnTo>
                  <a:lnTo>
                    <a:pt x="2460" y="1220"/>
                  </a:lnTo>
                  <a:lnTo>
                    <a:pt x="2464" y="1218"/>
                  </a:lnTo>
                  <a:lnTo>
                    <a:pt x="2466" y="1218"/>
                  </a:lnTo>
                  <a:lnTo>
                    <a:pt x="2468" y="1218"/>
                  </a:lnTo>
                  <a:lnTo>
                    <a:pt x="2472" y="1220"/>
                  </a:lnTo>
                  <a:lnTo>
                    <a:pt x="2480" y="1228"/>
                  </a:lnTo>
                  <a:lnTo>
                    <a:pt x="2482" y="1230"/>
                  </a:lnTo>
                  <a:lnTo>
                    <a:pt x="2484" y="1230"/>
                  </a:lnTo>
                  <a:lnTo>
                    <a:pt x="2486" y="1228"/>
                  </a:lnTo>
                  <a:lnTo>
                    <a:pt x="2488" y="1226"/>
                  </a:lnTo>
                  <a:lnTo>
                    <a:pt x="2492" y="1220"/>
                  </a:lnTo>
                  <a:lnTo>
                    <a:pt x="2496" y="1214"/>
                  </a:lnTo>
                  <a:lnTo>
                    <a:pt x="2502" y="1210"/>
                  </a:lnTo>
                  <a:lnTo>
                    <a:pt x="2508" y="1208"/>
                  </a:lnTo>
                  <a:lnTo>
                    <a:pt x="2520" y="1198"/>
                  </a:lnTo>
                  <a:lnTo>
                    <a:pt x="2528" y="1190"/>
                  </a:lnTo>
                  <a:lnTo>
                    <a:pt x="2530" y="1188"/>
                  </a:lnTo>
                  <a:lnTo>
                    <a:pt x="2530" y="1186"/>
                  </a:lnTo>
                  <a:lnTo>
                    <a:pt x="2528" y="1184"/>
                  </a:lnTo>
                  <a:lnTo>
                    <a:pt x="2526" y="1184"/>
                  </a:lnTo>
                  <a:lnTo>
                    <a:pt x="2522" y="1184"/>
                  </a:lnTo>
                  <a:lnTo>
                    <a:pt x="2506" y="1182"/>
                  </a:lnTo>
                  <a:lnTo>
                    <a:pt x="2492" y="1178"/>
                  </a:lnTo>
                  <a:lnTo>
                    <a:pt x="2478" y="1170"/>
                  </a:lnTo>
                  <a:lnTo>
                    <a:pt x="2472" y="1168"/>
                  </a:lnTo>
                  <a:lnTo>
                    <a:pt x="2466" y="1168"/>
                  </a:lnTo>
                  <a:lnTo>
                    <a:pt x="2460" y="1170"/>
                  </a:lnTo>
                  <a:close/>
                  <a:moveTo>
                    <a:pt x="2438" y="1284"/>
                  </a:moveTo>
                  <a:lnTo>
                    <a:pt x="2438" y="1284"/>
                  </a:lnTo>
                  <a:lnTo>
                    <a:pt x="2432" y="1300"/>
                  </a:lnTo>
                  <a:lnTo>
                    <a:pt x="2430" y="1304"/>
                  </a:lnTo>
                  <a:lnTo>
                    <a:pt x="2426" y="1310"/>
                  </a:lnTo>
                  <a:lnTo>
                    <a:pt x="2420" y="1316"/>
                  </a:lnTo>
                  <a:lnTo>
                    <a:pt x="2414" y="1318"/>
                  </a:lnTo>
                  <a:lnTo>
                    <a:pt x="2400" y="1326"/>
                  </a:lnTo>
                  <a:lnTo>
                    <a:pt x="2374" y="1346"/>
                  </a:lnTo>
                  <a:lnTo>
                    <a:pt x="2368" y="1350"/>
                  </a:lnTo>
                  <a:lnTo>
                    <a:pt x="2360" y="1350"/>
                  </a:lnTo>
                  <a:lnTo>
                    <a:pt x="2356" y="1350"/>
                  </a:lnTo>
                  <a:lnTo>
                    <a:pt x="2340" y="1354"/>
                  </a:lnTo>
                  <a:lnTo>
                    <a:pt x="2326" y="1358"/>
                  </a:lnTo>
                  <a:lnTo>
                    <a:pt x="2320" y="1362"/>
                  </a:lnTo>
                  <a:lnTo>
                    <a:pt x="2318" y="1366"/>
                  </a:lnTo>
                  <a:lnTo>
                    <a:pt x="2322" y="1378"/>
                  </a:lnTo>
                  <a:lnTo>
                    <a:pt x="2326" y="1392"/>
                  </a:lnTo>
                  <a:lnTo>
                    <a:pt x="2328" y="1394"/>
                  </a:lnTo>
                  <a:lnTo>
                    <a:pt x="2330" y="1396"/>
                  </a:lnTo>
                  <a:lnTo>
                    <a:pt x="2332" y="1396"/>
                  </a:lnTo>
                  <a:lnTo>
                    <a:pt x="2334" y="1394"/>
                  </a:lnTo>
                  <a:lnTo>
                    <a:pt x="2342" y="1386"/>
                  </a:lnTo>
                  <a:lnTo>
                    <a:pt x="2348" y="1382"/>
                  </a:lnTo>
                  <a:lnTo>
                    <a:pt x="2354" y="1380"/>
                  </a:lnTo>
                  <a:lnTo>
                    <a:pt x="2358" y="1378"/>
                  </a:lnTo>
                  <a:lnTo>
                    <a:pt x="2362" y="1376"/>
                  </a:lnTo>
                  <a:lnTo>
                    <a:pt x="2366" y="1374"/>
                  </a:lnTo>
                  <a:lnTo>
                    <a:pt x="2368" y="1376"/>
                  </a:lnTo>
                  <a:lnTo>
                    <a:pt x="2370" y="1376"/>
                  </a:lnTo>
                  <a:lnTo>
                    <a:pt x="2374" y="1374"/>
                  </a:lnTo>
                  <a:lnTo>
                    <a:pt x="2382" y="1366"/>
                  </a:lnTo>
                  <a:lnTo>
                    <a:pt x="2388" y="1362"/>
                  </a:lnTo>
                  <a:lnTo>
                    <a:pt x="2392" y="1360"/>
                  </a:lnTo>
                  <a:lnTo>
                    <a:pt x="2404" y="1360"/>
                  </a:lnTo>
                  <a:lnTo>
                    <a:pt x="2408" y="1360"/>
                  </a:lnTo>
                  <a:lnTo>
                    <a:pt x="2422" y="1360"/>
                  </a:lnTo>
                  <a:lnTo>
                    <a:pt x="2432" y="1360"/>
                  </a:lnTo>
                  <a:lnTo>
                    <a:pt x="2436" y="1360"/>
                  </a:lnTo>
                  <a:lnTo>
                    <a:pt x="2440" y="1356"/>
                  </a:lnTo>
                  <a:lnTo>
                    <a:pt x="2444" y="1350"/>
                  </a:lnTo>
                  <a:lnTo>
                    <a:pt x="2446" y="1342"/>
                  </a:lnTo>
                  <a:lnTo>
                    <a:pt x="2446" y="1330"/>
                  </a:lnTo>
                  <a:lnTo>
                    <a:pt x="2446" y="1322"/>
                  </a:lnTo>
                  <a:lnTo>
                    <a:pt x="2450" y="1314"/>
                  </a:lnTo>
                  <a:lnTo>
                    <a:pt x="2452" y="1308"/>
                  </a:lnTo>
                  <a:lnTo>
                    <a:pt x="2458" y="1294"/>
                  </a:lnTo>
                  <a:lnTo>
                    <a:pt x="2462" y="1280"/>
                  </a:lnTo>
                  <a:lnTo>
                    <a:pt x="2464" y="1272"/>
                  </a:lnTo>
                  <a:lnTo>
                    <a:pt x="2460" y="1266"/>
                  </a:lnTo>
                  <a:lnTo>
                    <a:pt x="2450" y="1250"/>
                  </a:lnTo>
                  <a:lnTo>
                    <a:pt x="2448" y="1246"/>
                  </a:lnTo>
                  <a:lnTo>
                    <a:pt x="2446" y="1246"/>
                  </a:lnTo>
                  <a:lnTo>
                    <a:pt x="2446" y="1248"/>
                  </a:lnTo>
                  <a:lnTo>
                    <a:pt x="2444" y="1260"/>
                  </a:lnTo>
                  <a:lnTo>
                    <a:pt x="2438" y="128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defTabSz="912768" eaLnBrk="0" fontAlgn="auto" hangingPunct="0">
                <a:spcBef>
                  <a:spcPts val="600"/>
                </a:spcBef>
                <a:spcAft>
                  <a:spcPts val="600"/>
                </a:spcAft>
                <a:defRPr/>
              </a:pPr>
              <a:endParaRPr lang="en-GB" sz="1500" kern="0" dirty="0">
                <a:solidFill>
                  <a:srgbClr val="FFFFFF"/>
                </a:solidFill>
                <a:latin typeface="Arial" panose="020B0604020202020204" pitchFamily="34" charset="0"/>
                <a:ea typeface="MS PGothic" panose="020B0600070205080204" pitchFamily="34" charset="-128"/>
                <a:cs typeface="Arial" pitchFamily="34" charset="0"/>
              </a:endParaRPr>
            </a:p>
          </p:txBody>
        </p:sp>
        <p:sp>
          <p:nvSpPr>
            <p:cNvPr id="7" name="Freeform 15"/>
            <p:cNvSpPr>
              <a:spLocks noEditPoints="1"/>
            </p:cNvSpPr>
            <p:nvPr/>
          </p:nvSpPr>
          <p:spPr bwMode="auto">
            <a:xfrm>
              <a:off x="56" y="1036"/>
              <a:ext cx="2211" cy="3018"/>
            </a:xfrm>
            <a:custGeom>
              <a:avLst/>
              <a:gdLst>
                <a:gd name="T0" fmla="*/ 1757 w 2211"/>
                <a:gd name="T1" fmla="*/ 431 h 3018"/>
                <a:gd name="T2" fmla="*/ 1780 w 2211"/>
                <a:gd name="T3" fmla="*/ 502 h 3018"/>
                <a:gd name="T4" fmla="*/ 1792 w 2211"/>
                <a:gd name="T5" fmla="*/ 608 h 3018"/>
                <a:gd name="T6" fmla="*/ 1954 w 2211"/>
                <a:gd name="T7" fmla="*/ 711 h 3018"/>
                <a:gd name="T8" fmla="*/ 2035 w 2211"/>
                <a:gd name="T9" fmla="*/ 540 h 3018"/>
                <a:gd name="T10" fmla="*/ 2203 w 2211"/>
                <a:gd name="T11" fmla="*/ 366 h 3018"/>
                <a:gd name="T12" fmla="*/ 2188 w 2211"/>
                <a:gd name="T13" fmla="*/ 325 h 3018"/>
                <a:gd name="T14" fmla="*/ 2153 w 2211"/>
                <a:gd name="T15" fmla="*/ 272 h 3018"/>
                <a:gd name="T16" fmla="*/ 2085 w 2211"/>
                <a:gd name="T17" fmla="*/ 202 h 3018"/>
                <a:gd name="T18" fmla="*/ 2002 w 2211"/>
                <a:gd name="T19" fmla="*/ 129 h 3018"/>
                <a:gd name="T20" fmla="*/ 1934 w 2211"/>
                <a:gd name="T21" fmla="*/ 108 h 3018"/>
                <a:gd name="T22" fmla="*/ 1737 w 2211"/>
                <a:gd name="T23" fmla="*/ 207 h 3018"/>
                <a:gd name="T24" fmla="*/ 1288 w 2211"/>
                <a:gd name="T25" fmla="*/ 159 h 3018"/>
                <a:gd name="T26" fmla="*/ 1303 w 2211"/>
                <a:gd name="T27" fmla="*/ 194 h 3018"/>
                <a:gd name="T28" fmla="*/ 1356 w 2211"/>
                <a:gd name="T29" fmla="*/ 207 h 3018"/>
                <a:gd name="T30" fmla="*/ 1364 w 2211"/>
                <a:gd name="T31" fmla="*/ 156 h 3018"/>
                <a:gd name="T32" fmla="*/ 1374 w 2211"/>
                <a:gd name="T33" fmla="*/ 66 h 3018"/>
                <a:gd name="T34" fmla="*/ 1361 w 2211"/>
                <a:gd name="T35" fmla="*/ 3 h 3018"/>
                <a:gd name="T36" fmla="*/ 1319 w 2211"/>
                <a:gd name="T37" fmla="*/ 13 h 3018"/>
                <a:gd name="T38" fmla="*/ 1266 w 2211"/>
                <a:gd name="T39" fmla="*/ 58 h 3018"/>
                <a:gd name="T40" fmla="*/ 1248 w 2211"/>
                <a:gd name="T41" fmla="*/ 81 h 3018"/>
                <a:gd name="T42" fmla="*/ 1253 w 2211"/>
                <a:gd name="T43" fmla="*/ 144 h 3018"/>
                <a:gd name="T44" fmla="*/ 1268 w 2211"/>
                <a:gd name="T45" fmla="*/ 227 h 3018"/>
                <a:gd name="T46" fmla="*/ 1379 w 2211"/>
                <a:gd name="T47" fmla="*/ 252 h 3018"/>
                <a:gd name="T48" fmla="*/ 1271 w 2211"/>
                <a:gd name="T49" fmla="*/ 217 h 3018"/>
                <a:gd name="T50" fmla="*/ 1172 w 2211"/>
                <a:gd name="T51" fmla="*/ 1629 h 3018"/>
                <a:gd name="T52" fmla="*/ 1677 w 2211"/>
                <a:gd name="T53" fmla="*/ 1170 h 3018"/>
                <a:gd name="T54" fmla="*/ 1500 w 2211"/>
                <a:gd name="T55" fmla="*/ 703 h 3018"/>
                <a:gd name="T56" fmla="*/ 1437 w 2211"/>
                <a:gd name="T57" fmla="*/ 376 h 3018"/>
                <a:gd name="T58" fmla="*/ 1520 w 2211"/>
                <a:gd name="T59" fmla="*/ 509 h 3018"/>
                <a:gd name="T60" fmla="*/ 1606 w 2211"/>
                <a:gd name="T61" fmla="*/ 540 h 3018"/>
                <a:gd name="T62" fmla="*/ 1674 w 2211"/>
                <a:gd name="T63" fmla="*/ 527 h 3018"/>
                <a:gd name="T64" fmla="*/ 1694 w 2211"/>
                <a:gd name="T65" fmla="*/ 502 h 3018"/>
                <a:gd name="T66" fmla="*/ 1659 w 2211"/>
                <a:gd name="T67" fmla="*/ 446 h 3018"/>
                <a:gd name="T68" fmla="*/ 1634 w 2211"/>
                <a:gd name="T69" fmla="*/ 388 h 3018"/>
                <a:gd name="T70" fmla="*/ 1553 w 2211"/>
                <a:gd name="T71" fmla="*/ 345 h 3018"/>
                <a:gd name="T72" fmla="*/ 1442 w 2211"/>
                <a:gd name="T73" fmla="*/ 300 h 3018"/>
                <a:gd name="T74" fmla="*/ 1341 w 2211"/>
                <a:gd name="T75" fmla="*/ 330 h 3018"/>
                <a:gd name="T76" fmla="*/ 1319 w 2211"/>
                <a:gd name="T77" fmla="*/ 386 h 3018"/>
                <a:gd name="T78" fmla="*/ 1182 w 2211"/>
                <a:gd name="T79" fmla="*/ 424 h 3018"/>
                <a:gd name="T80" fmla="*/ 1172 w 2211"/>
                <a:gd name="T81" fmla="*/ 308 h 3018"/>
                <a:gd name="T82" fmla="*/ 1112 w 2211"/>
                <a:gd name="T83" fmla="*/ 315 h 3018"/>
                <a:gd name="T84" fmla="*/ 1024 w 2211"/>
                <a:gd name="T85" fmla="*/ 333 h 3018"/>
                <a:gd name="T86" fmla="*/ 1034 w 2211"/>
                <a:gd name="T87" fmla="*/ 383 h 3018"/>
                <a:gd name="T88" fmla="*/ 1129 w 2211"/>
                <a:gd name="T89" fmla="*/ 429 h 3018"/>
                <a:gd name="T90" fmla="*/ 451 w 2211"/>
                <a:gd name="T91" fmla="*/ 378 h 3018"/>
                <a:gd name="T92" fmla="*/ 156 w 2211"/>
                <a:gd name="T93" fmla="*/ 840 h 3018"/>
                <a:gd name="T94" fmla="*/ 837 w 2211"/>
                <a:gd name="T95" fmla="*/ 1417 h 3018"/>
                <a:gd name="T96" fmla="*/ 1256 w 2211"/>
                <a:gd name="T97" fmla="*/ 1755 h 3018"/>
                <a:gd name="T98" fmla="*/ 1629 w 2211"/>
                <a:gd name="T99" fmla="*/ 1679 h 3018"/>
                <a:gd name="T100" fmla="*/ 1553 w 2211"/>
                <a:gd name="T101" fmla="*/ 1654 h 3018"/>
                <a:gd name="T102" fmla="*/ 1414 w 2211"/>
                <a:gd name="T103" fmla="*/ 1851 h 3018"/>
                <a:gd name="T104" fmla="*/ 1891 w 2211"/>
                <a:gd name="T105" fmla="*/ 1893 h 3018"/>
                <a:gd name="T106" fmla="*/ 1591 w 2211"/>
                <a:gd name="T107" fmla="*/ 1795 h 3018"/>
                <a:gd name="T108" fmla="*/ 1435 w 2211"/>
                <a:gd name="T109" fmla="*/ 2057 h 3018"/>
                <a:gd name="T110" fmla="*/ 1629 w 2211"/>
                <a:gd name="T111" fmla="*/ 2524 h 3018"/>
                <a:gd name="T112" fmla="*/ 1740 w 2211"/>
                <a:gd name="T113" fmla="*/ 2741 h 3018"/>
                <a:gd name="T114" fmla="*/ 2110 w 2211"/>
                <a:gd name="T115" fmla="*/ 2342 h 3018"/>
                <a:gd name="T116" fmla="*/ 1472 w 2211"/>
                <a:gd name="T117" fmla="*/ 562 h 3018"/>
                <a:gd name="T118" fmla="*/ 1394 w 2211"/>
                <a:gd name="T119" fmla="*/ 577 h 3018"/>
                <a:gd name="T120" fmla="*/ 978 w 2211"/>
                <a:gd name="T121" fmla="*/ 338 h 3018"/>
                <a:gd name="T122" fmla="*/ 1039 w 2211"/>
                <a:gd name="T123" fmla="*/ 250 h 3018"/>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2211" h="3018">
                  <a:moveTo>
                    <a:pt x="1636" y="295"/>
                  </a:moveTo>
                  <a:lnTo>
                    <a:pt x="1639" y="300"/>
                  </a:lnTo>
                  <a:lnTo>
                    <a:pt x="1639" y="303"/>
                  </a:lnTo>
                  <a:lnTo>
                    <a:pt x="1639" y="308"/>
                  </a:lnTo>
                  <a:lnTo>
                    <a:pt x="1636" y="310"/>
                  </a:lnTo>
                  <a:lnTo>
                    <a:pt x="1636" y="313"/>
                  </a:lnTo>
                  <a:lnTo>
                    <a:pt x="1634" y="315"/>
                  </a:lnTo>
                  <a:lnTo>
                    <a:pt x="1636" y="320"/>
                  </a:lnTo>
                  <a:lnTo>
                    <a:pt x="1636" y="323"/>
                  </a:lnTo>
                  <a:lnTo>
                    <a:pt x="1641" y="328"/>
                  </a:lnTo>
                  <a:lnTo>
                    <a:pt x="1644" y="333"/>
                  </a:lnTo>
                  <a:lnTo>
                    <a:pt x="1649" y="335"/>
                  </a:lnTo>
                  <a:lnTo>
                    <a:pt x="1651" y="338"/>
                  </a:lnTo>
                  <a:lnTo>
                    <a:pt x="1656" y="340"/>
                  </a:lnTo>
                  <a:lnTo>
                    <a:pt x="1664" y="340"/>
                  </a:lnTo>
                  <a:lnTo>
                    <a:pt x="1669" y="340"/>
                  </a:lnTo>
                  <a:lnTo>
                    <a:pt x="1679" y="340"/>
                  </a:lnTo>
                  <a:lnTo>
                    <a:pt x="1687" y="338"/>
                  </a:lnTo>
                  <a:lnTo>
                    <a:pt x="1697" y="338"/>
                  </a:lnTo>
                  <a:lnTo>
                    <a:pt x="1704" y="338"/>
                  </a:lnTo>
                  <a:lnTo>
                    <a:pt x="1712" y="338"/>
                  </a:lnTo>
                  <a:lnTo>
                    <a:pt x="1719" y="340"/>
                  </a:lnTo>
                  <a:lnTo>
                    <a:pt x="1724" y="343"/>
                  </a:lnTo>
                  <a:lnTo>
                    <a:pt x="1729" y="348"/>
                  </a:lnTo>
                  <a:lnTo>
                    <a:pt x="1732" y="356"/>
                  </a:lnTo>
                  <a:lnTo>
                    <a:pt x="1737" y="363"/>
                  </a:lnTo>
                  <a:lnTo>
                    <a:pt x="1740" y="368"/>
                  </a:lnTo>
                  <a:lnTo>
                    <a:pt x="1745" y="373"/>
                  </a:lnTo>
                  <a:lnTo>
                    <a:pt x="1750" y="378"/>
                  </a:lnTo>
                  <a:lnTo>
                    <a:pt x="1752" y="386"/>
                  </a:lnTo>
                  <a:lnTo>
                    <a:pt x="1757" y="391"/>
                  </a:lnTo>
                  <a:lnTo>
                    <a:pt x="1760" y="401"/>
                  </a:lnTo>
                  <a:lnTo>
                    <a:pt x="1760" y="411"/>
                  </a:lnTo>
                  <a:lnTo>
                    <a:pt x="1760" y="424"/>
                  </a:lnTo>
                  <a:lnTo>
                    <a:pt x="1757" y="431"/>
                  </a:lnTo>
                  <a:lnTo>
                    <a:pt x="1757" y="439"/>
                  </a:lnTo>
                  <a:lnTo>
                    <a:pt x="1757" y="444"/>
                  </a:lnTo>
                  <a:lnTo>
                    <a:pt x="1757" y="449"/>
                  </a:lnTo>
                  <a:lnTo>
                    <a:pt x="1757" y="451"/>
                  </a:lnTo>
                  <a:lnTo>
                    <a:pt x="1760" y="451"/>
                  </a:lnTo>
                  <a:lnTo>
                    <a:pt x="1765" y="454"/>
                  </a:lnTo>
                  <a:lnTo>
                    <a:pt x="1770" y="454"/>
                  </a:lnTo>
                  <a:lnTo>
                    <a:pt x="1775" y="454"/>
                  </a:lnTo>
                  <a:lnTo>
                    <a:pt x="1777" y="456"/>
                  </a:lnTo>
                  <a:lnTo>
                    <a:pt x="1782" y="456"/>
                  </a:lnTo>
                  <a:lnTo>
                    <a:pt x="1782" y="459"/>
                  </a:lnTo>
                  <a:lnTo>
                    <a:pt x="1782" y="461"/>
                  </a:lnTo>
                  <a:lnTo>
                    <a:pt x="1780" y="464"/>
                  </a:lnTo>
                  <a:lnTo>
                    <a:pt x="1772" y="464"/>
                  </a:lnTo>
                  <a:lnTo>
                    <a:pt x="1767" y="466"/>
                  </a:lnTo>
                  <a:lnTo>
                    <a:pt x="1765" y="469"/>
                  </a:lnTo>
                  <a:lnTo>
                    <a:pt x="1765" y="471"/>
                  </a:lnTo>
                  <a:lnTo>
                    <a:pt x="1767" y="471"/>
                  </a:lnTo>
                  <a:lnTo>
                    <a:pt x="1770" y="474"/>
                  </a:lnTo>
                  <a:lnTo>
                    <a:pt x="1775" y="477"/>
                  </a:lnTo>
                  <a:lnTo>
                    <a:pt x="1777" y="477"/>
                  </a:lnTo>
                  <a:lnTo>
                    <a:pt x="1775" y="477"/>
                  </a:lnTo>
                  <a:lnTo>
                    <a:pt x="1770" y="477"/>
                  </a:lnTo>
                  <a:lnTo>
                    <a:pt x="1765" y="479"/>
                  </a:lnTo>
                  <a:lnTo>
                    <a:pt x="1762" y="482"/>
                  </a:lnTo>
                  <a:lnTo>
                    <a:pt x="1757" y="484"/>
                  </a:lnTo>
                  <a:lnTo>
                    <a:pt x="1755" y="487"/>
                  </a:lnTo>
                  <a:lnTo>
                    <a:pt x="1755" y="489"/>
                  </a:lnTo>
                  <a:lnTo>
                    <a:pt x="1757" y="494"/>
                  </a:lnTo>
                  <a:lnTo>
                    <a:pt x="1762" y="497"/>
                  </a:lnTo>
                  <a:lnTo>
                    <a:pt x="1767" y="499"/>
                  </a:lnTo>
                  <a:lnTo>
                    <a:pt x="1772" y="502"/>
                  </a:lnTo>
                  <a:lnTo>
                    <a:pt x="1780" y="502"/>
                  </a:lnTo>
                  <a:lnTo>
                    <a:pt x="1785" y="502"/>
                  </a:lnTo>
                  <a:lnTo>
                    <a:pt x="1790" y="499"/>
                  </a:lnTo>
                  <a:lnTo>
                    <a:pt x="1792" y="497"/>
                  </a:lnTo>
                  <a:lnTo>
                    <a:pt x="1795" y="494"/>
                  </a:lnTo>
                  <a:lnTo>
                    <a:pt x="1798" y="492"/>
                  </a:lnTo>
                  <a:lnTo>
                    <a:pt x="1800" y="489"/>
                  </a:lnTo>
                  <a:lnTo>
                    <a:pt x="1800" y="487"/>
                  </a:lnTo>
                  <a:lnTo>
                    <a:pt x="1803" y="484"/>
                  </a:lnTo>
                  <a:lnTo>
                    <a:pt x="1805" y="484"/>
                  </a:lnTo>
                  <a:lnTo>
                    <a:pt x="1808" y="484"/>
                  </a:lnTo>
                  <a:lnTo>
                    <a:pt x="1810" y="482"/>
                  </a:lnTo>
                  <a:lnTo>
                    <a:pt x="1815" y="487"/>
                  </a:lnTo>
                  <a:lnTo>
                    <a:pt x="1815" y="494"/>
                  </a:lnTo>
                  <a:lnTo>
                    <a:pt x="1815" y="504"/>
                  </a:lnTo>
                  <a:lnTo>
                    <a:pt x="1813" y="512"/>
                  </a:lnTo>
                  <a:lnTo>
                    <a:pt x="1810" y="514"/>
                  </a:lnTo>
                  <a:lnTo>
                    <a:pt x="1805" y="514"/>
                  </a:lnTo>
                  <a:lnTo>
                    <a:pt x="1803" y="517"/>
                  </a:lnTo>
                  <a:lnTo>
                    <a:pt x="1798" y="519"/>
                  </a:lnTo>
                  <a:lnTo>
                    <a:pt x="1792" y="522"/>
                  </a:lnTo>
                  <a:lnTo>
                    <a:pt x="1787" y="527"/>
                  </a:lnTo>
                  <a:lnTo>
                    <a:pt x="1785" y="529"/>
                  </a:lnTo>
                  <a:lnTo>
                    <a:pt x="1780" y="532"/>
                  </a:lnTo>
                  <a:lnTo>
                    <a:pt x="1777" y="537"/>
                  </a:lnTo>
                  <a:lnTo>
                    <a:pt x="1777" y="545"/>
                  </a:lnTo>
                  <a:lnTo>
                    <a:pt x="1775" y="555"/>
                  </a:lnTo>
                  <a:lnTo>
                    <a:pt x="1772" y="565"/>
                  </a:lnTo>
                  <a:lnTo>
                    <a:pt x="1772" y="572"/>
                  </a:lnTo>
                  <a:lnTo>
                    <a:pt x="1772" y="582"/>
                  </a:lnTo>
                  <a:lnTo>
                    <a:pt x="1775" y="587"/>
                  </a:lnTo>
                  <a:lnTo>
                    <a:pt x="1775" y="593"/>
                  </a:lnTo>
                  <a:lnTo>
                    <a:pt x="1777" y="598"/>
                  </a:lnTo>
                  <a:lnTo>
                    <a:pt x="1782" y="600"/>
                  </a:lnTo>
                  <a:lnTo>
                    <a:pt x="1787" y="605"/>
                  </a:lnTo>
                  <a:lnTo>
                    <a:pt x="1792" y="608"/>
                  </a:lnTo>
                  <a:lnTo>
                    <a:pt x="1795" y="613"/>
                  </a:lnTo>
                  <a:lnTo>
                    <a:pt x="1800" y="618"/>
                  </a:lnTo>
                  <a:lnTo>
                    <a:pt x="1803" y="625"/>
                  </a:lnTo>
                  <a:lnTo>
                    <a:pt x="1803" y="630"/>
                  </a:lnTo>
                  <a:lnTo>
                    <a:pt x="1803" y="638"/>
                  </a:lnTo>
                  <a:lnTo>
                    <a:pt x="1805" y="643"/>
                  </a:lnTo>
                  <a:lnTo>
                    <a:pt x="1810" y="648"/>
                  </a:lnTo>
                  <a:lnTo>
                    <a:pt x="1815" y="653"/>
                  </a:lnTo>
                  <a:lnTo>
                    <a:pt x="1820" y="658"/>
                  </a:lnTo>
                  <a:lnTo>
                    <a:pt x="1825" y="661"/>
                  </a:lnTo>
                  <a:lnTo>
                    <a:pt x="1833" y="666"/>
                  </a:lnTo>
                  <a:lnTo>
                    <a:pt x="1838" y="671"/>
                  </a:lnTo>
                  <a:lnTo>
                    <a:pt x="1843" y="673"/>
                  </a:lnTo>
                  <a:lnTo>
                    <a:pt x="1848" y="678"/>
                  </a:lnTo>
                  <a:lnTo>
                    <a:pt x="1856" y="683"/>
                  </a:lnTo>
                  <a:lnTo>
                    <a:pt x="1863" y="691"/>
                  </a:lnTo>
                  <a:lnTo>
                    <a:pt x="1871" y="693"/>
                  </a:lnTo>
                  <a:lnTo>
                    <a:pt x="1881" y="698"/>
                  </a:lnTo>
                  <a:lnTo>
                    <a:pt x="1888" y="698"/>
                  </a:lnTo>
                  <a:lnTo>
                    <a:pt x="1896" y="698"/>
                  </a:lnTo>
                  <a:lnTo>
                    <a:pt x="1903" y="696"/>
                  </a:lnTo>
                  <a:lnTo>
                    <a:pt x="1908" y="696"/>
                  </a:lnTo>
                  <a:lnTo>
                    <a:pt x="1914" y="696"/>
                  </a:lnTo>
                  <a:lnTo>
                    <a:pt x="1919" y="696"/>
                  </a:lnTo>
                  <a:lnTo>
                    <a:pt x="1924" y="698"/>
                  </a:lnTo>
                  <a:lnTo>
                    <a:pt x="1926" y="701"/>
                  </a:lnTo>
                  <a:lnTo>
                    <a:pt x="1929" y="703"/>
                  </a:lnTo>
                  <a:lnTo>
                    <a:pt x="1931" y="706"/>
                  </a:lnTo>
                  <a:lnTo>
                    <a:pt x="1931" y="708"/>
                  </a:lnTo>
                  <a:lnTo>
                    <a:pt x="1934" y="708"/>
                  </a:lnTo>
                  <a:lnTo>
                    <a:pt x="1936" y="711"/>
                  </a:lnTo>
                  <a:lnTo>
                    <a:pt x="1939" y="711"/>
                  </a:lnTo>
                  <a:lnTo>
                    <a:pt x="1944" y="711"/>
                  </a:lnTo>
                  <a:lnTo>
                    <a:pt x="1949" y="711"/>
                  </a:lnTo>
                  <a:lnTo>
                    <a:pt x="1954" y="711"/>
                  </a:lnTo>
                  <a:lnTo>
                    <a:pt x="1956" y="711"/>
                  </a:lnTo>
                  <a:lnTo>
                    <a:pt x="1964" y="708"/>
                  </a:lnTo>
                  <a:lnTo>
                    <a:pt x="1966" y="708"/>
                  </a:lnTo>
                  <a:lnTo>
                    <a:pt x="1971" y="706"/>
                  </a:lnTo>
                  <a:lnTo>
                    <a:pt x="1977" y="703"/>
                  </a:lnTo>
                  <a:lnTo>
                    <a:pt x="1979" y="701"/>
                  </a:lnTo>
                  <a:lnTo>
                    <a:pt x="1982" y="698"/>
                  </a:lnTo>
                  <a:lnTo>
                    <a:pt x="1984" y="693"/>
                  </a:lnTo>
                  <a:lnTo>
                    <a:pt x="1984" y="691"/>
                  </a:lnTo>
                  <a:lnTo>
                    <a:pt x="1984" y="681"/>
                  </a:lnTo>
                  <a:lnTo>
                    <a:pt x="1984" y="673"/>
                  </a:lnTo>
                  <a:lnTo>
                    <a:pt x="1984" y="668"/>
                  </a:lnTo>
                  <a:lnTo>
                    <a:pt x="1984" y="666"/>
                  </a:lnTo>
                  <a:lnTo>
                    <a:pt x="1984" y="661"/>
                  </a:lnTo>
                  <a:lnTo>
                    <a:pt x="1987" y="658"/>
                  </a:lnTo>
                  <a:lnTo>
                    <a:pt x="1989" y="656"/>
                  </a:lnTo>
                  <a:lnTo>
                    <a:pt x="1992" y="653"/>
                  </a:lnTo>
                  <a:lnTo>
                    <a:pt x="1994" y="648"/>
                  </a:lnTo>
                  <a:lnTo>
                    <a:pt x="1992" y="640"/>
                  </a:lnTo>
                  <a:lnTo>
                    <a:pt x="1989" y="633"/>
                  </a:lnTo>
                  <a:lnTo>
                    <a:pt x="1989" y="628"/>
                  </a:lnTo>
                  <a:lnTo>
                    <a:pt x="1992" y="625"/>
                  </a:lnTo>
                  <a:lnTo>
                    <a:pt x="1994" y="620"/>
                  </a:lnTo>
                  <a:lnTo>
                    <a:pt x="1999" y="615"/>
                  </a:lnTo>
                  <a:lnTo>
                    <a:pt x="2004" y="608"/>
                  </a:lnTo>
                  <a:lnTo>
                    <a:pt x="2007" y="600"/>
                  </a:lnTo>
                  <a:lnTo>
                    <a:pt x="2009" y="593"/>
                  </a:lnTo>
                  <a:lnTo>
                    <a:pt x="2012" y="585"/>
                  </a:lnTo>
                  <a:lnTo>
                    <a:pt x="2009" y="580"/>
                  </a:lnTo>
                  <a:lnTo>
                    <a:pt x="2009" y="572"/>
                  </a:lnTo>
                  <a:lnTo>
                    <a:pt x="2012" y="565"/>
                  </a:lnTo>
                  <a:lnTo>
                    <a:pt x="2014" y="560"/>
                  </a:lnTo>
                  <a:lnTo>
                    <a:pt x="2022" y="552"/>
                  </a:lnTo>
                  <a:lnTo>
                    <a:pt x="2027" y="545"/>
                  </a:lnTo>
                  <a:lnTo>
                    <a:pt x="2035" y="540"/>
                  </a:lnTo>
                  <a:lnTo>
                    <a:pt x="2042" y="535"/>
                  </a:lnTo>
                  <a:lnTo>
                    <a:pt x="2047" y="532"/>
                  </a:lnTo>
                  <a:lnTo>
                    <a:pt x="2052" y="529"/>
                  </a:lnTo>
                  <a:lnTo>
                    <a:pt x="2057" y="527"/>
                  </a:lnTo>
                  <a:lnTo>
                    <a:pt x="2065" y="524"/>
                  </a:lnTo>
                  <a:lnTo>
                    <a:pt x="2072" y="517"/>
                  </a:lnTo>
                  <a:lnTo>
                    <a:pt x="2080" y="512"/>
                  </a:lnTo>
                  <a:lnTo>
                    <a:pt x="2087" y="502"/>
                  </a:lnTo>
                  <a:lnTo>
                    <a:pt x="2093" y="494"/>
                  </a:lnTo>
                  <a:lnTo>
                    <a:pt x="2098" y="484"/>
                  </a:lnTo>
                  <a:lnTo>
                    <a:pt x="2100" y="474"/>
                  </a:lnTo>
                  <a:lnTo>
                    <a:pt x="2105" y="466"/>
                  </a:lnTo>
                  <a:lnTo>
                    <a:pt x="2108" y="461"/>
                  </a:lnTo>
                  <a:lnTo>
                    <a:pt x="2108" y="456"/>
                  </a:lnTo>
                  <a:lnTo>
                    <a:pt x="2113" y="454"/>
                  </a:lnTo>
                  <a:lnTo>
                    <a:pt x="2118" y="451"/>
                  </a:lnTo>
                  <a:lnTo>
                    <a:pt x="2123" y="449"/>
                  </a:lnTo>
                  <a:lnTo>
                    <a:pt x="2125" y="446"/>
                  </a:lnTo>
                  <a:lnTo>
                    <a:pt x="2130" y="444"/>
                  </a:lnTo>
                  <a:lnTo>
                    <a:pt x="2135" y="439"/>
                  </a:lnTo>
                  <a:lnTo>
                    <a:pt x="2140" y="434"/>
                  </a:lnTo>
                  <a:lnTo>
                    <a:pt x="2148" y="429"/>
                  </a:lnTo>
                  <a:lnTo>
                    <a:pt x="2156" y="424"/>
                  </a:lnTo>
                  <a:lnTo>
                    <a:pt x="2163" y="416"/>
                  </a:lnTo>
                  <a:lnTo>
                    <a:pt x="2171" y="411"/>
                  </a:lnTo>
                  <a:lnTo>
                    <a:pt x="2176" y="403"/>
                  </a:lnTo>
                  <a:lnTo>
                    <a:pt x="2183" y="396"/>
                  </a:lnTo>
                  <a:lnTo>
                    <a:pt x="2191" y="391"/>
                  </a:lnTo>
                  <a:lnTo>
                    <a:pt x="2196" y="386"/>
                  </a:lnTo>
                  <a:lnTo>
                    <a:pt x="2198" y="378"/>
                  </a:lnTo>
                  <a:lnTo>
                    <a:pt x="2203" y="376"/>
                  </a:lnTo>
                  <a:lnTo>
                    <a:pt x="2203" y="371"/>
                  </a:lnTo>
                  <a:lnTo>
                    <a:pt x="2206" y="368"/>
                  </a:lnTo>
                  <a:lnTo>
                    <a:pt x="2203" y="366"/>
                  </a:lnTo>
                  <a:lnTo>
                    <a:pt x="2196" y="363"/>
                  </a:lnTo>
                  <a:lnTo>
                    <a:pt x="2188" y="363"/>
                  </a:lnTo>
                  <a:lnTo>
                    <a:pt x="2178" y="366"/>
                  </a:lnTo>
                  <a:lnTo>
                    <a:pt x="2168" y="368"/>
                  </a:lnTo>
                  <a:lnTo>
                    <a:pt x="2161" y="371"/>
                  </a:lnTo>
                  <a:lnTo>
                    <a:pt x="2150" y="376"/>
                  </a:lnTo>
                  <a:lnTo>
                    <a:pt x="2143" y="381"/>
                  </a:lnTo>
                  <a:lnTo>
                    <a:pt x="2140" y="383"/>
                  </a:lnTo>
                  <a:lnTo>
                    <a:pt x="2140" y="381"/>
                  </a:lnTo>
                  <a:lnTo>
                    <a:pt x="2143" y="378"/>
                  </a:lnTo>
                  <a:lnTo>
                    <a:pt x="2145" y="376"/>
                  </a:lnTo>
                  <a:lnTo>
                    <a:pt x="2145" y="371"/>
                  </a:lnTo>
                  <a:lnTo>
                    <a:pt x="2143" y="366"/>
                  </a:lnTo>
                  <a:lnTo>
                    <a:pt x="2138" y="366"/>
                  </a:lnTo>
                  <a:lnTo>
                    <a:pt x="2128" y="366"/>
                  </a:lnTo>
                  <a:lnTo>
                    <a:pt x="2125" y="368"/>
                  </a:lnTo>
                  <a:lnTo>
                    <a:pt x="2125" y="366"/>
                  </a:lnTo>
                  <a:lnTo>
                    <a:pt x="2130" y="363"/>
                  </a:lnTo>
                  <a:lnTo>
                    <a:pt x="2140" y="358"/>
                  </a:lnTo>
                  <a:lnTo>
                    <a:pt x="2150" y="356"/>
                  </a:lnTo>
                  <a:lnTo>
                    <a:pt x="2158" y="353"/>
                  </a:lnTo>
                  <a:lnTo>
                    <a:pt x="2166" y="350"/>
                  </a:lnTo>
                  <a:lnTo>
                    <a:pt x="2171" y="353"/>
                  </a:lnTo>
                  <a:lnTo>
                    <a:pt x="2173" y="353"/>
                  </a:lnTo>
                  <a:lnTo>
                    <a:pt x="2178" y="356"/>
                  </a:lnTo>
                  <a:lnTo>
                    <a:pt x="2183" y="353"/>
                  </a:lnTo>
                  <a:lnTo>
                    <a:pt x="2188" y="353"/>
                  </a:lnTo>
                  <a:lnTo>
                    <a:pt x="2193" y="350"/>
                  </a:lnTo>
                  <a:lnTo>
                    <a:pt x="2198" y="345"/>
                  </a:lnTo>
                  <a:lnTo>
                    <a:pt x="2201" y="343"/>
                  </a:lnTo>
                  <a:lnTo>
                    <a:pt x="2201" y="338"/>
                  </a:lnTo>
                  <a:lnTo>
                    <a:pt x="2198" y="333"/>
                  </a:lnTo>
                  <a:lnTo>
                    <a:pt x="2196" y="330"/>
                  </a:lnTo>
                  <a:lnTo>
                    <a:pt x="2193" y="328"/>
                  </a:lnTo>
                  <a:lnTo>
                    <a:pt x="2188" y="325"/>
                  </a:lnTo>
                  <a:lnTo>
                    <a:pt x="2183" y="325"/>
                  </a:lnTo>
                  <a:lnTo>
                    <a:pt x="2176" y="323"/>
                  </a:lnTo>
                  <a:lnTo>
                    <a:pt x="2168" y="323"/>
                  </a:lnTo>
                  <a:lnTo>
                    <a:pt x="2161" y="323"/>
                  </a:lnTo>
                  <a:lnTo>
                    <a:pt x="2153" y="323"/>
                  </a:lnTo>
                  <a:lnTo>
                    <a:pt x="2145" y="323"/>
                  </a:lnTo>
                  <a:lnTo>
                    <a:pt x="2140" y="323"/>
                  </a:lnTo>
                  <a:lnTo>
                    <a:pt x="2138" y="325"/>
                  </a:lnTo>
                  <a:lnTo>
                    <a:pt x="2135" y="325"/>
                  </a:lnTo>
                  <a:lnTo>
                    <a:pt x="2135" y="323"/>
                  </a:lnTo>
                  <a:lnTo>
                    <a:pt x="2138" y="320"/>
                  </a:lnTo>
                  <a:lnTo>
                    <a:pt x="2143" y="318"/>
                  </a:lnTo>
                  <a:lnTo>
                    <a:pt x="2148" y="318"/>
                  </a:lnTo>
                  <a:lnTo>
                    <a:pt x="2153" y="318"/>
                  </a:lnTo>
                  <a:lnTo>
                    <a:pt x="2158" y="318"/>
                  </a:lnTo>
                  <a:lnTo>
                    <a:pt x="2161" y="315"/>
                  </a:lnTo>
                  <a:lnTo>
                    <a:pt x="2161" y="313"/>
                  </a:lnTo>
                  <a:lnTo>
                    <a:pt x="2156" y="310"/>
                  </a:lnTo>
                  <a:lnTo>
                    <a:pt x="2150" y="308"/>
                  </a:lnTo>
                  <a:lnTo>
                    <a:pt x="2145" y="305"/>
                  </a:lnTo>
                  <a:lnTo>
                    <a:pt x="2140" y="303"/>
                  </a:lnTo>
                  <a:lnTo>
                    <a:pt x="2135" y="303"/>
                  </a:lnTo>
                  <a:lnTo>
                    <a:pt x="2133" y="300"/>
                  </a:lnTo>
                  <a:lnTo>
                    <a:pt x="2133" y="298"/>
                  </a:lnTo>
                  <a:lnTo>
                    <a:pt x="2138" y="295"/>
                  </a:lnTo>
                  <a:lnTo>
                    <a:pt x="2143" y="292"/>
                  </a:lnTo>
                  <a:lnTo>
                    <a:pt x="2148" y="290"/>
                  </a:lnTo>
                  <a:lnTo>
                    <a:pt x="2150" y="285"/>
                  </a:lnTo>
                  <a:lnTo>
                    <a:pt x="2153" y="282"/>
                  </a:lnTo>
                  <a:lnTo>
                    <a:pt x="2156" y="277"/>
                  </a:lnTo>
                  <a:lnTo>
                    <a:pt x="2156" y="275"/>
                  </a:lnTo>
                  <a:lnTo>
                    <a:pt x="2153" y="272"/>
                  </a:lnTo>
                  <a:lnTo>
                    <a:pt x="2153" y="270"/>
                  </a:lnTo>
                  <a:lnTo>
                    <a:pt x="2150" y="267"/>
                  </a:lnTo>
                  <a:lnTo>
                    <a:pt x="2150" y="265"/>
                  </a:lnTo>
                  <a:lnTo>
                    <a:pt x="2150" y="260"/>
                  </a:lnTo>
                  <a:lnTo>
                    <a:pt x="2153" y="257"/>
                  </a:lnTo>
                  <a:lnTo>
                    <a:pt x="2153" y="255"/>
                  </a:lnTo>
                  <a:lnTo>
                    <a:pt x="2153" y="252"/>
                  </a:lnTo>
                  <a:lnTo>
                    <a:pt x="2150" y="250"/>
                  </a:lnTo>
                  <a:lnTo>
                    <a:pt x="2148" y="250"/>
                  </a:lnTo>
                  <a:lnTo>
                    <a:pt x="2143" y="247"/>
                  </a:lnTo>
                  <a:lnTo>
                    <a:pt x="2140" y="245"/>
                  </a:lnTo>
                  <a:lnTo>
                    <a:pt x="2140" y="242"/>
                  </a:lnTo>
                  <a:lnTo>
                    <a:pt x="2140" y="240"/>
                  </a:lnTo>
                  <a:lnTo>
                    <a:pt x="2140" y="237"/>
                  </a:lnTo>
                  <a:lnTo>
                    <a:pt x="2138" y="234"/>
                  </a:lnTo>
                  <a:lnTo>
                    <a:pt x="2133" y="234"/>
                  </a:lnTo>
                  <a:lnTo>
                    <a:pt x="2128" y="232"/>
                  </a:lnTo>
                  <a:lnTo>
                    <a:pt x="2120" y="232"/>
                  </a:lnTo>
                  <a:lnTo>
                    <a:pt x="2113" y="229"/>
                  </a:lnTo>
                  <a:lnTo>
                    <a:pt x="2105" y="229"/>
                  </a:lnTo>
                  <a:lnTo>
                    <a:pt x="2100" y="227"/>
                  </a:lnTo>
                  <a:lnTo>
                    <a:pt x="2095" y="224"/>
                  </a:lnTo>
                  <a:lnTo>
                    <a:pt x="2095" y="219"/>
                  </a:lnTo>
                  <a:lnTo>
                    <a:pt x="2100" y="217"/>
                  </a:lnTo>
                  <a:lnTo>
                    <a:pt x="2105" y="212"/>
                  </a:lnTo>
                  <a:lnTo>
                    <a:pt x="2108" y="207"/>
                  </a:lnTo>
                  <a:lnTo>
                    <a:pt x="2110" y="204"/>
                  </a:lnTo>
                  <a:lnTo>
                    <a:pt x="2108" y="202"/>
                  </a:lnTo>
                  <a:lnTo>
                    <a:pt x="2105" y="202"/>
                  </a:lnTo>
                  <a:lnTo>
                    <a:pt x="2103" y="199"/>
                  </a:lnTo>
                  <a:lnTo>
                    <a:pt x="2098" y="202"/>
                  </a:lnTo>
                  <a:lnTo>
                    <a:pt x="2093" y="202"/>
                  </a:lnTo>
                  <a:lnTo>
                    <a:pt x="2087" y="202"/>
                  </a:lnTo>
                  <a:lnTo>
                    <a:pt x="2085" y="202"/>
                  </a:lnTo>
                  <a:lnTo>
                    <a:pt x="2082" y="199"/>
                  </a:lnTo>
                  <a:lnTo>
                    <a:pt x="2082" y="197"/>
                  </a:lnTo>
                  <a:lnTo>
                    <a:pt x="2080" y="197"/>
                  </a:lnTo>
                  <a:lnTo>
                    <a:pt x="2077" y="194"/>
                  </a:lnTo>
                  <a:lnTo>
                    <a:pt x="2075" y="194"/>
                  </a:lnTo>
                  <a:lnTo>
                    <a:pt x="2070" y="194"/>
                  </a:lnTo>
                  <a:lnTo>
                    <a:pt x="2062" y="194"/>
                  </a:lnTo>
                  <a:lnTo>
                    <a:pt x="2055" y="184"/>
                  </a:lnTo>
                  <a:lnTo>
                    <a:pt x="2052" y="174"/>
                  </a:lnTo>
                  <a:lnTo>
                    <a:pt x="2050" y="161"/>
                  </a:lnTo>
                  <a:lnTo>
                    <a:pt x="2050" y="154"/>
                  </a:lnTo>
                  <a:lnTo>
                    <a:pt x="2050" y="146"/>
                  </a:lnTo>
                  <a:lnTo>
                    <a:pt x="2050" y="141"/>
                  </a:lnTo>
                  <a:lnTo>
                    <a:pt x="2047" y="134"/>
                  </a:lnTo>
                  <a:lnTo>
                    <a:pt x="2045" y="129"/>
                  </a:lnTo>
                  <a:lnTo>
                    <a:pt x="2045" y="121"/>
                  </a:lnTo>
                  <a:lnTo>
                    <a:pt x="2047" y="111"/>
                  </a:lnTo>
                  <a:lnTo>
                    <a:pt x="2047" y="103"/>
                  </a:lnTo>
                  <a:lnTo>
                    <a:pt x="2047" y="101"/>
                  </a:lnTo>
                  <a:lnTo>
                    <a:pt x="2045" y="98"/>
                  </a:lnTo>
                  <a:lnTo>
                    <a:pt x="2042" y="98"/>
                  </a:lnTo>
                  <a:lnTo>
                    <a:pt x="2040" y="96"/>
                  </a:lnTo>
                  <a:lnTo>
                    <a:pt x="2035" y="96"/>
                  </a:lnTo>
                  <a:lnTo>
                    <a:pt x="2032" y="98"/>
                  </a:lnTo>
                  <a:lnTo>
                    <a:pt x="2029" y="98"/>
                  </a:lnTo>
                  <a:lnTo>
                    <a:pt x="2027" y="98"/>
                  </a:lnTo>
                  <a:lnTo>
                    <a:pt x="2022" y="101"/>
                  </a:lnTo>
                  <a:lnTo>
                    <a:pt x="2017" y="103"/>
                  </a:lnTo>
                  <a:lnTo>
                    <a:pt x="2014" y="106"/>
                  </a:lnTo>
                  <a:lnTo>
                    <a:pt x="2012" y="111"/>
                  </a:lnTo>
                  <a:lnTo>
                    <a:pt x="2009" y="113"/>
                  </a:lnTo>
                  <a:lnTo>
                    <a:pt x="2007" y="116"/>
                  </a:lnTo>
                  <a:lnTo>
                    <a:pt x="2004" y="121"/>
                  </a:lnTo>
                  <a:lnTo>
                    <a:pt x="2004" y="124"/>
                  </a:lnTo>
                  <a:lnTo>
                    <a:pt x="2002" y="129"/>
                  </a:lnTo>
                  <a:lnTo>
                    <a:pt x="1999" y="131"/>
                  </a:lnTo>
                  <a:lnTo>
                    <a:pt x="1997" y="131"/>
                  </a:lnTo>
                  <a:lnTo>
                    <a:pt x="1994" y="131"/>
                  </a:lnTo>
                  <a:lnTo>
                    <a:pt x="1992" y="134"/>
                  </a:lnTo>
                  <a:lnTo>
                    <a:pt x="1992" y="131"/>
                  </a:lnTo>
                  <a:lnTo>
                    <a:pt x="1989" y="131"/>
                  </a:lnTo>
                  <a:lnTo>
                    <a:pt x="1987" y="129"/>
                  </a:lnTo>
                  <a:lnTo>
                    <a:pt x="1984" y="126"/>
                  </a:lnTo>
                  <a:lnTo>
                    <a:pt x="1982" y="126"/>
                  </a:lnTo>
                  <a:lnTo>
                    <a:pt x="1979" y="126"/>
                  </a:lnTo>
                  <a:lnTo>
                    <a:pt x="1977" y="129"/>
                  </a:lnTo>
                  <a:lnTo>
                    <a:pt x="1974" y="131"/>
                  </a:lnTo>
                  <a:lnTo>
                    <a:pt x="1971" y="134"/>
                  </a:lnTo>
                  <a:lnTo>
                    <a:pt x="1969" y="136"/>
                  </a:lnTo>
                  <a:lnTo>
                    <a:pt x="1964" y="141"/>
                  </a:lnTo>
                  <a:lnTo>
                    <a:pt x="1964" y="139"/>
                  </a:lnTo>
                  <a:lnTo>
                    <a:pt x="1964" y="136"/>
                  </a:lnTo>
                  <a:lnTo>
                    <a:pt x="1964" y="134"/>
                  </a:lnTo>
                  <a:lnTo>
                    <a:pt x="1961" y="131"/>
                  </a:lnTo>
                  <a:lnTo>
                    <a:pt x="1954" y="131"/>
                  </a:lnTo>
                  <a:lnTo>
                    <a:pt x="1946" y="134"/>
                  </a:lnTo>
                  <a:lnTo>
                    <a:pt x="1946" y="131"/>
                  </a:lnTo>
                  <a:lnTo>
                    <a:pt x="1951" y="129"/>
                  </a:lnTo>
                  <a:lnTo>
                    <a:pt x="1954" y="124"/>
                  </a:lnTo>
                  <a:lnTo>
                    <a:pt x="1959" y="119"/>
                  </a:lnTo>
                  <a:lnTo>
                    <a:pt x="1961" y="116"/>
                  </a:lnTo>
                  <a:lnTo>
                    <a:pt x="1964" y="111"/>
                  </a:lnTo>
                  <a:lnTo>
                    <a:pt x="1961" y="108"/>
                  </a:lnTo>
                  <a:lnTo>
                    <a:pt x="1954" y="108"/>
                  </a:lnTo>
                  <a:lnTo>
                    <a:pt x="1949" y="111"/>
                  </a:lnTo>
                  <a:lnTo>
                    <a:pt x="1944" y="111"/>
                  </a:lnTo>
                  <a:lnTo>
                    <a:pt x="1939" y="111"/>
                  </a:lnTo>
                  <a:lnTo>
                    <a:pt x="1934" y="108"/>
                  </a:lnTo>
                  <a:lnTo>
                    <a:pt x="1931" y="108"/>
                  </a:lnTo>
                  <a:lnTo>
                    <a:pt x="1926" y="108"/>
                  </a:lnTo>
                  <a:lnTo>
                    <a:pt x="1924" y="108"/>
                  </a:lnTo>
                  <a:lnTo>
                    <a:pt x="1919" y="108"/>
                  </a:lnTo>
                  <a:lnTo>
                    <a:pt x="1916" y="108"/>
                  </a:lnTo>
                  <a:lnTo>
                    <a:pt x="1914" y="111"/>
                  </a:lnTo>
                  <a:lnTo>
                    <a:pt x="1911" y="111"/>
                  </a:lnTo>
                  <a:lnTo>
                    <a:pt x="1906" y="111"/>
                  </a:lnTo>
                  <a:lnTo>
                    <a:pt x="1898" y="116"/>
                  </a:lnTo>
                  <a:lnTo>
                    <a:pt x="1888" y="121"/>
                  </a:lnTo>
                  <a:lnTo>
                    <a:pt x="1876" y="126"/>
                  </a:lnTo>
                  <a:lnTo>
                    <a:pt x="1866" y="129"/>
                  </a:lnTo>
                  <a:lnTo>
                    <a:pt x="1853" y="134"/>
                  </a:lnTo>
                  <a:lnTo>
                    <a:pt x="1845" y="139"/>
                  </a:lnTo>
                  <a:lnTo>
                    <a:pt x="1838" y="144"/>
                  </a:lnTo>
                  <a:lnTo>
                    <a:pt x="1835" y="149"/>
                  </a:lnTo>
                  <a:lnTo>
                    <a:pt x="1833" y="151"/>
                  </a:lnTo>
                  <a:lnTo>
                    <a:pt x="1830" y="156"/>
                  </a:lnTo>
                  <a:lnTo>
                    <a:pt x="1830" y="159"/>
                  </a:lnTo>
                  <a:lnTo>
                    <a:pt x="1828" y="161"/>
                  </a:lnTo>
                  <a:lnTo>
                    <a:pt x="1825" y="164"/>
                  </a:lnTo>
                  <a:lnTo>
                    <a:pt x="1820" y="166"/>
                  </a:lnTo>
                  <a:lnTo>
                    <a:pt x="1815" y="166"/>
                  </a:lnTo>
                  <a:lnTo>
                    <a:pt x="1808" y="166"/>
                  </a:lnTo>
                  <a:lnTo>
                    <a:pt x="1800" y="169"/>
                  </a:lnTo>
                  <a:lnTo>
                    <a:pt x="1792" y="169"/>
                  </a:lnTo>
                  <a:lnTo>
                    <a:pt x="1782" y="174"/>
                  </a:lnTo>
                  <a:lnTo>
                    <a:pt x="1775" y="176"/>
                  </a:lnTo>
                  <a:lnTo>
                    <a:pt x="1767" y="182"/>
                  </a:lnTo>
                  <a:lnTo>
                    <a:pt x="1760" y="184"/>
                  </a:lnTo>
                  <a:lnTo>
                    <a:pt x="1755" y="189"/>
                  </a:lnTo>
                  <a:lnTo>
                    <a:pt x="1752" y="192"/>
                  </a:lnTo>
                  <a:lnTo>
                    <a:pt x="1750" y="197"/>
                  </a:lnTo>
                  <a:lnTo>
                    <a:pt x="1745" y="202"/>
                  </a:lnTo>
                  <a:lnTo>
                    <a:pt x="1737" y="207"/>
                  </a:lnTo>
                  <a:lnTo>
                    <a:pt x="1727" y="212"/>
                  </a:lnTo>
                  <a:lnTo>
                    <a:pt x="1719" y="217"/>
                  </a:lnTo>
                  <a:lnTo>
                    <a:pt x="1712" y="222"/>
                  </a:lnTo>
                  <a:lnTo>
                    <a:pt x="1707" y="229"/>
                  </a:lnTo>
                  <a:lnTo>
                    <a:pt x="1704" y="234"/>
                  </a:lnTo>
                  <a:lnTo>
                    <a:pt x="1704" y="240"/>
                  </a:lnTo>
                  <a:lnTo>
                    <a:pt x="1702" y="247"/>
                  </a:lnTo>
                  <a:lnTo>
                    <a:pt x="1697" y="252"/>
                  </a:lnTo>
                  <a:lnTo>
                    <a:pt x="1692" y="255"/>
                  </a:lnTo>
                  <a:lnTo>
                    <a:pt x="1684" y="260"/>
                  </a:lnTo>
                  <a:lnTo>
                    <a:pt x="1677" y="262"/>
                  </a:lnTo>
                  <a:lnTo>
                    <a:pt x="1669" y="265"/>
                  </a:lnTo>
                  <a:lnTo>
                    <a:pt x="1659" y="267"/>
                  </a:lnTo>
                  <a:lnTo>
                    <a:pt x="1651" y="270"/>
                  </a:lnTo>
                  <a:lnTo>
                    <a:pt x="1646" y="272"/>
                  </a:lnTo>
                  <a:lnTo>
                    <a:pt x="1639" y="277"/>
                  </a:lnTo>
                  <a:lnTo>
                    <a:pt x="1636" y="280"/>
                  </a:lnTo>
                  <a:lnTo>
                    <a:pt x="1634" y="282"/>
                  </a:lnTo>
                  <a:lnTo>
                    <a:pt x="1634" y="287"/>
                  </a:lnTo>
                  <a:lnTo>
                    <a:pt x="1634" y="290"/>
                  </a:lnTo>
                  <a:lnTo>
                    <a:pt x="1636" y="295"/>
                  </a:lnTo>
                  <a:close/>
                  <a:moveTo>
                    <a:pt x="1258" y="159"/>
                  </a:moveTo>
                  <a:lnTo>
                    <a:pt x="1258" y="159"/>
                  </a:lnTo>
                  <a:lnTo>
                    <a:pt x="1261" y="159"/>
                  </a:lnTo>
                  <a:lnTo>
                    <a:pt x="1263" y="164"/>
                  </a:lnTo>
                  <a:lnTo>
                    <a:pt x="1271" y="166"/>
                  </a:lnTo>
                  <a:lnTo>
                    <a:pt x="1278" y="166"/>
                  </a:lnTo>
                  <a:lnTo>
                    <a:pt x="1283" y="161"/>
                  </a:lnTo>
                  <a:lnTo>
                    <a:pt x="1288" y="159"/>
                  </a:lnTo>
                  <a:lnTo>
                    <a:pt x="1291" y="156"/>
                  </a:lnTo>
                  <a:lnTo>
                    <a:pt x="1293" y="154"/>
                  </a:lnTo>
                  <a:lnTo>
                    <a:pt x="1296" y="156"/>
                  </a:lnTo>
                  <a:lnTo>
                    <a:pt x="1301" y="159"/>
                  </a:lnTo>
                  <a:lnTo>
                    <a:pt x="1306" y="164"/>
                  </a:lnTo>
                  <a:lnTo>
                    <a:pt x="1311" y="169"/>
                  </a:lnTo>
                  <a:lnTo>
                    <a:pt x="1316" y="174"/>
                  </a:lnTo>
                  <a:lnTo>
                    <a:pt x="1316" y="176"/>
                  </a:lnTo>
                  <a:lnTo>
                    <a:pt x="1311" y="174"/>
                  </a:lnTo>
                  <a:lnTo>
                    <a:pt x="1306" y="171"/>
                  </a:lnTo>
                  <a:lnTo>
                    <a:pt x="1298" y="169"/>
                  </a:lnTo>
                  <a:lnTo>
                    <a:pt x="1296" y="171"/>
                  </a:lnTo>
                  <a:lnTo>
                    <a:pt x="1296" y="176"/>
                  </a:lnTo>
                  <a:lnTo>
                    <a:pt x="1296" y="182"/>
                  </a:lnTo>
                  <a:lnTo>
                    <a:pt x="1301" y="184"/>
                  </a:lnTo>
                  <a:lnTo>
                    <a:pt x="1303" y="189"/>
                  </a:lnTo>
                  <a:lnTo>
                    <a:pt x="1303" y="194"/>
                  </a:lnTo>
                  <a:lnTo>
                    <a:pt x="1301" y="197"/>
                  </a:lnTo>
                  <a:lnTo>
                    <a:pt x="1296" y="199"/>
                  </a:lnTo>
                  <a:lnTo>
                    <a:pt x="1293" y="202"/>
                  </a:lnTo>
                  <a:lnTo>
                    <a:pt x="1291" y="204"/>
                  </a:lnTo>
                  <a:lnTo>
                    <a:pt x="1293" y="209"/>
                  </a:lnTo>
                  <a:lnTo>
                    <a:pt x="1296" y="214"/>
                  </a:lnTo>
                  <a:lnTo>
                    <a:pt x="1298" y="214"/>
                  </a:lnTo>
                  <a:lnTo>
                    <a:pt x="1306" y="214"/>
                  </a:lnTo>
                  <a:lnTo>
                    <a:pt x="1313" y="214"/>
                  </a:lnTo>
                  <a:lnTo>
                    <a:pt x="1321" y="214"/>
                  </a:lnTo>
                  <a:lnTo>
                    <a:pt x="1326" y="214"/>
                  </a:lnTo>
                  <a:lnTo>
                    <a:pt x="1331" y="212"/>
                  </a:lnTo>
                  <a:lnTo>
                    <a:pt x="1336" y="209"/>
                  </a:lnTo>
                  <a:lnTo>
                    <a:pt x="1341" y="207"/>
                  </a:lnTo>
                  <a:lnTo>
                    <a:pt x="1346" y="204"/>
                  </a:lnTo>
                  <a:lnTo>
                    <a:pt x="1351" y="204"/>
                  </a:lnTo>
                  <a:lnTo>
                    <a:pt x="1356" y="207"/>
                  </a:lnTo>
                  <a:lnTo>
                    <a:pt x="1359" y="207"/>
                  </a:lnTo>
                  <a:lnTo>
                    <a:pt x="1364" y="207"/>
                  </a:lnTo>
                  <a:lnTo>
                    <a:pt x="1366" y="204"/>
                  </a:lnTo>
                  <a:lnTo>
                    <a:pt x="1371" y="199"/>
                  </a:lnTo>
                  <a:lnTo>
                    <a:pt x="1374" y="197"/>
                  </a:lnTo>
                  <a:lnTo>
                    <a:pt x="1377" y="194"/>
                  </a:lnTo>
                  <a:lnTo>
                    <a:pt x="1374" y="189"/>
                  </a:lnTo>
                  <a:lnTo>
                    <a:pt x="1369" y="187"/>
                  </a:lnTo>
                  <a:lnTo>
                    <a:pt x="1361" y="184"/>
                  </a:lnTo>
                  <a:lnTo>
                    <a:pt x="1359" y="182"/>
                  </a:lnTo>
                  <a:lnTo>
                    <a:pt x="1356" y="179"/>
                  </a:lnTo>
                  <a:lnTo>
                    <a:pt x="1359" y="176"/>
                  </a:lnTo>
                  <a:lnTo>
                    <a:pt x="1364" y="174"/>
                  </a:lnTo>
                  <a:lnTo>
                    <a:pt x="1364" y="171"/>
                  </a:lnTo>
                  <a:lnTo>
                    <a:pt x="1366" y="166"/>
                  </a:lnTo>
                  <a:lnTo>
                    <a:pt x="1364" y="161"/>
                  </a:lnTo>
                  <a:lnTo>
                    <a:pt x="1364" y="159"/>
                  </a:lnTo>
                  <a:lnTo>
                    <a:pt x="1364" y="156"/>
                  </a:lnTo>
                  <a:lnTo>
                    <a:pt x="1364" y="154"/>
                  </a:lnTo>
                  <a:lnTo>
                    <a:pt x="1366" y="151"/>
                  </a:lnTo>
                  <a:lnTo>
                    <a:pt x="1371" y="144"/>
                  </a:lnTo>
                  <a:lnTo>
                    <a:pt x="1377" y="136"/>
                  </a:lnTo>
                  <a:lnTo>
                    <a:pt x="1374" y="129"/>
                  </a:lnTo>
                  <a:lnTo>
                    <a:pt x="1366" y="124"/>
                  </a:lnTo>
                  <a:lnTo>
                    <a:pt x="1359" y="119"/>
                  </a:lnTo>
                  <a:lnTo>
                    <a:pt x="1354" y="116"/>
                  </a:lnTo>
                  <a:lnTo>
                    <a:pt x="1354" y="111"/>
                  </a:lnTo>
                  <a:lnTo>
                    <a:pt x="1359" y="108"/>
                  </a:lnTo>
                  <a:lnTo>
                    <a:pt x="1366" y="103"/>
                  </a:lnTo>
                  <a:lnTo>
                    <a:pt x="1371" y="98"/>
                  </a:lnTo>
                  <a:lnTo>
                    <a:pt x="1374" y="91"/>
                  </a:lnTo>
                  <a:lnTo>
                    <a:pt x="1374" y="86"/>
                  </a:lnTo>
                  <a:lnTo>
                    <a:pt x="1374" y="78"/>
                  </a:lnTo>
                  <a:lnTo>
                    <a:pt x="1374" y="71"/>
                  </a:lnTo>
                  <a:lnTo>
                    <a:pt x="1374" y="66"/>
                  </a:lnTo>
                  <a:lnTo>
                    <a:pt x="1377" y="55"/>
                  </a:lnTo>
                  <a:lnTo>
                    <a:pt x="1377" y="48"/>
                  </a:lnTo>
                  <a:lnTo>
                    <a:pt x="1379" y="40"/>
                  </a:lnTo>
                  <a:lnTo>
                    <a:pt x="1377" y="38"/>
                  </a:lnTo>
                  <a:lnTo>
                    <a:pt x="1374" y="35"/>
                  </a:lnTo>
                  <a:lnTo>
                    <a:pt x="1369" y="38"/>
                  </a:lnTo>
                  <a:lnTo>
                    <a:pt x="1366" y="35"/>
                  </a:lnTo>
                  <a:lnTo>
                    <a:pt x="1369" y="30"/>
                  </a:lnTo>
                  <a:lnTo>
                    <a:pt x="1374" y="23"/>
                  </a:lnTo>
                  <a:lnTo>
                    <a:pt x="1377" y="18"/>
                  </a:lnTo>
                  <a:lnTo>
                    <a:pt x="1377" y="10"/>
                  </a:lnTo>
                  <a:lnTo>
                    <a:pt x="1377" y="5"/>
                  </a:lnTo>
                  <a:lnTo>
                    <a:pt x="1374" y="5"/>
                  </a:lnTo>
                  <a:lnTo>
                    <a:pt x="1371" y="5"/>
                  </a:lnTo>
                  <a:lnTo>
                    <a:pt x="1369" y="5"/>
                  </a:lnTo>
                  <a:lnTo>
                    <a:pt x="1366" y="5"/>
                  </a:lnTo>
                  <a:lnTo>
                    <a:pt x="1361" y="3"/>
                  </a:lnTo>
                  <a:lnTo>
                    <a:pt x="1356" y="3"/>
                  </a:lnTo>
                  <a:lnTo>
                    <a:pt x="1354" y="0"/>
                  </a:lnTo>
                  <a:lnTo>
                    <a:pt x="1351" y="0"/>
                  </a:lnTo>
                  <a:lnTo>
                    <a:pt x="1349" y="3"/>
                  </a:lnTo>
                  <a:lnTo>
                    <a:pt x="1346" y="5"/>
                  </a:lnTo>
                  <a:lnTo>
                    <a:pt x="1341" y="5"/>
                  </a:lnTo>
                  <a:lnTo>
                    <a:pt x="1336" y="5"/>
                  </a:lnTo>
                  <a:lnTo>
                    <a:pt x="1334" y="5"/>
                  </a:lnTo>
                  <a:lnTo>
                    <a:pt x="1329" y="8"/>
                  </a:lnTo>
                  <a:lnTo>
                    <a:pt x="1326" y="8"/>
                  </a:lnTo>
                  <a:lnTo>
                    <a:pt x="1324" y="8"/>
                  </a:lnTo>
                  <a:lnTo>
                    <a:pt x="1324" y="10"/>
                  </a:lnTo>
                  <a:lnTo>
                    <a:pt x="1321" y="13"/>
                  </a:lnTo>
                  <a:lnTo>
                    <a:pt x="1319" y="13"/>
                  </a:lnTo>
                  <a:lnTo>
                    <a:pt x="1316" y="13"/>
                  </a:lnTo>
                  <a:lnTo>
                    <a:pt x="1311" y="15"/>
                  </a:lnTo>
                  <a:lnTo>
                    <a:pt x="1303" y="18"/>
                  </a:lnTo>
                  <a:lnTo>
                    <a:pt x="1301" y="20"/>
                  </a:lnTo>
                  <a:lnTo>
                    <a:pt x="1296" y="25"/>
                  </a:lnTo>
                  <a:lnTo>
                    <a:pt x="1293" y="30"/>
                  </a:lnTo>
                  <a:lnTo>
                    <a:pt x="1293" y="35"/>
                  </a:lnTo>
                  <a:lnTo>
                    <a:pt x="1293" y="38"/>
                  </a:lnTo>
                  <a:lnTo>
                    <a:pt x="1293" y="40"/>
                  </a:lnTo>
                  <a:lnTo>
                    <a:pt x="1291" y="40"/>
                  </a:lnTo>
                  <a:lnTo>
                    <a:pt x="1286" y="43"/>
                  </a:lnTo>
                  <a:lnTo>
                    <a:pt x="1281" y="43"/>
                  </a:lnTo>
                  <a:lnTo>
                    <a:pt x="1278" y="45"/>
                  </a:lnTo>
                  <a:lnTo>
                    <a:pt x="1276" y="48"/>
                  </a:lnTo>
                  <a:lnTo>
                    <a:pt x="1273" y="50"/>
                  </a:lnTo>
                  <a:lnTo>
                    <a:pt x="1271" y="53"/>
                  </a:lnTo>
                  <a:lnTo>
                    <a:pt x="1268" y="55"/>
                  </a:lnTo>
                  <a:lnTo>
                    <a:pt x="1266" y="58"/>
                  </a:lnTo>
                  <a:lnTo>
                    <a:pt x="1263" y="61"/>
                  </a:lnTo>
                  <a:lnTo>
                    <a:pt x="1261" y="66"/>
                  </a:lnTo>
                  <a:lnTo>
                    <a:pt x="1261" y="71"/>
                  </a:lnTo>
                  <a:lnTo>
                    <a:pt x="1266" y="76"/>
                  </a:lnTo>
                  <a:lnTo>
                    <a:pt x="1268" y="81"/>
                  </a:lnTo>
                  <a:lnTo>
                    <a:pt x="1271" y="86"/>
                  </a:lnTo>
                  <a:lnTo>
                    <a:pt x="1271" y="88"/>
                  </a:lnTo>
                  <a:lnTo>
                    <a:pt x="1268" y="91"/>
                  </a:lnTo>
                  <a:lnTo>
                    <a:pt x="1268" y="96"/>
                  </a:lnTo>
                  <a:lnTo>
                    <a:pt x="1266" y="96"/>
                  </a:lnTo>
                  <a:lnTo>
                    <a:pt x="1263" y="93"/>
                  </a:lnTo>
                  <a:lnTo>
                    <a:pt x="1261" y="88"/>
                  </a:lnTo>
                  <a:lnTo>
                    <a:pt x="1258" y="83"/>
                  </a:lnTo>
                  <a:lnTo>
                    <a:pt x="1256" y="78"/>
                  </a:lnTo>
                  <a:lnTo>
                    <a:pt x="1253" y="76"/>
                  </a:lnTo>
                  <a:lnTo>
                    <a:pt x="1250" y="78"/>
                  </a:lnTo>
                  <a:lnTo>
                    <a:pt x="1248" y="81"/>
                  </a:lnTo>
                  <a:lnTo>
                    <a:pt x="1245" y="86"/>
                  </a:lnTo>
                  <a:lnTo>
                    <a:pt x="1243" y="88"/>
                  </a:lnTo>
                  <a:lnTo>
                    <a:pt x="1240" y="93"/>
                  </a:lnTo>
                  <a:lnTo>
                    <a:pt x="1240" y="98"/>
                  </a:lnTo>
                  <a:lnTo>
                    <a:pt x="1238" y="108"/>
                  </a:lnTo>
                  <a:lnTo>
                    <a:pt x="1235" y="116"/>
                  </a:lnTo>
                  <a:lnTo>
                    <a:pt x="1235" y="121"/>
                  </a:lnTo>
                  <a:lnTo>
                    <a:pt x="1235" y="126"/>
                  </a:lnTo>
                  <a:lnTo>
                    <a:pt x="1238" y="131"/>
                  </a:lnTo>
                  <a:lnTo>
                    <a:pt x="1243" y="134"/>
                  </a:lnTo>
                  <a:lnTo>
                    <a:pt x="1245" y="134"/>
                  </a:lnTo>
                  <a:lnTo>
                    <a:pt x="1250" y="134"/>
                  </a:lnTo>
                  <a:lnTo>
                    <a:pt x="1253" y="136"/>
                  </a:lnTo>
                  <a:lnTo>
                    <a:pt x="1256" y="134"/>
                  </a:lnTo>
                  <a:lnTo>
                    <a:pt x="1258" y="134"/>
                  </a:lnTo>
                  <a:lnTo>
                    <a:pt x="1258" y="136"/>
                  </a:lnTo>
                  <a:lnTo>
                    <a:pt x="1256" y="141"/>
                  </a:lnTo>
                  <a:lnTo>
                    <a:pt x="1253" y="144"/>
                  </a:lnTo>
                  <a:lnTo>
                    <a:pt x="1253" y="146"/>
                  </a:lnTo>
                  <a:lnTo>
                    <a:pt x="1258" y="159"/>
                  </a:lnTo>
                  <a:close/>
                  <a:moveTo>
                    <a:pt x="1866" y="1003"/>
                  </a:moveTo>
                  <a:lnTo>
                    <a:pt x="1840" y="1024"/>
                  </a:lnTo>
                  <a:lnTo>
                    <a:pt x="1813" y="1067"/>
                  </a:lnTo>
                  <a:lnTo>
                    <a:pt x="1808" y="1082"/>
                  </a:lnTo>
                  <a:lnTo>
                    <a:pt x="1808" y="1102"/>
                  </a:lnTo>
                  <a:lnTo>
                    <a:pt x="1823" y="1097"/>
                  </a:lnTo>
                  <a:lnTo>
                    <a:pt x="1850" y="1102"/>
                  </a:lnTo>
                  <a:lnTo>
                    <a:pt x="1866" y="1112"/>
                  </a:lnTo>
                  <a:lnTo>
                    <a:pt x="1881" y="1107"/>
                  </a:lnTo>
                  <a:lnTo>
                    <a:pt x="1893" y="1122"/>
                  </a:lnTo>
                  <a:lnTo>
                    <a:pt x="1914" y="1117"/>
                  </a:lnTo>
                  <a:lnTo>
                    <a:pt x="1914" y="1097"/>
                  </a:lnTo>
                  <a:lnTo>
                    <a:pt x="1903" y="1072"/>
                  </a:lnTo>
                  <a:lnTo>
                    <a:pt x="1861" y="1051"/>
                  </a:lnTo>
                  <a:lnTo>
                    <a:pt x="1856" y="1041"/>
                  </a:lnTo>
                  <a:lnTo>
                    <a:pt x="1866" y="1019"/>
                  </a:lnTo>
                  <a:lnTo>
                    <a:pt x="1866" y="1003"/>
                  </a:lnTo>
                  <a:close/>
                  <a:moveTo>
                    <a:pt x="1258" y="247"/>
                  </a:moveTo>
                  <a:lnTo>
                    <a:pt x="1258" y="245"/>
                  </a:lnTo>
                  <a:lnTo>
                    <a:pt x="1256" y="245"/>
                  </a:lnTo>
                  <a:lnTo>
                    <a:pt x="1253" y="247"/>
                  </a:lnTo>
                  <a:lnTo>
                    <a:pt x="1258" y="247"/>
                  </a:lnTo>
                  <a:close/>
                  <a:moveTo>
                    <a:pt x="1238" y="219"/>
                  </a:moveTo>
                  <a:lnTo>
                    <a:pt x="1243" y="219"/>
                  </a:lnTo>
                  <a:lnTo>
                    <a:pt x="1250" y="224"/>
                  </a:lnTo>
                  <a:lnTo>
                    <a:pt x="1253" y="227"/>
                  </a:lnTo>
                  <a:lnTo>
                    <a:pt x="1256" y="227"/>
                  </a:lnTo>
                  <a:lnTo>
                    <a:pt x="1261" y="224"/>
                  </a:lnTo>
                  <a:lnTo>
                    <a:pt x="1266" y="224"/>
                  </a:lnTo>
                  <a:lnTo>
                    <a:pt x="1268" y="227"/>
                  </a:lnTo>
                  <a:lnTo>
                    <a:pt x="1271" y="229"/>
                  </a:lnTo>
                  <a:lnTo>
                    <a:pt x="1271" y="234"/>
                  </a:lnTo>
                  <a:lnTo>
                    <a:pt x="1273" y="237"/>
                  </a:lnTo>
                  <a:lnTo>
                    <a:pt x="1273" y="240"/>
                  </a:lnTo>
                  <a:lnTo>
                    <a:pt x="1273" y="245"/>
                  </a:lnTo>
                  <a:lnTo>
                    <a:pt x="1273" y="252"/>
                  </a:lnTo>
                  <a:lnTo>
                    <a:pt x="1273" y="257"/>
                  </a:lnTo>
                  <a:lnTo>
                    <a:pt x="1276" y="262"/>
                  </a:lnTo>
                  <a:lnTo>
                    <a:pt x="1281" y="265"/>
                  </a:lnTo>
                  <a:lnTo>
                    <a:pt x="1283" y="267"/>
                  </a:lnTo>
                  <a:lnTo>
                    <a:pt x="1288" y="270"/>
                  </a:lnTo>
                  <a:lnTo>
                    <a:pt x="1291" y="270"/>
                  </a:lnTo>
                  <a:lnTo>
                    <a:pt x="1296" y="270"/>
                  </a:lnTo>
                  <a:lnTo>
                    <a:pt x="1301" y="272"/>
                  </a:lnTo>
                  <a:lnTo>
                    <a:pt x="1306" y="272"/>
                  </a:lnTo>
                  <a:lnTo>
                    <a:pt x="1311" y="270"/>
                  </a:lnTo>
                  <a:lnTo>
                    <a:pt x="1313" y="270"/>
                  </a:lnTo>
                  <a:lnTo>
                    <a:pt x="1319" y="270"/>
                  </a:lnTo>
                  <a:lnTo>
                    <a:pt x="1321" y="267"/>
                  </a:lnTo>
                  <a:lnTo>
                    <a:pt x="1324" y="267"/>
                  </a:lnTo>
                  <a:lnTo>
                    <a:pt x="1329" y="267"/>
                  </a:lnTo>
                  <a:lnTo>
                    <a:pt x="1331" y="267"/>
                  </a:lnTo>
                  <a:lnTo>
                    <a:pt x="1336" y="267"/>
                  </a:lnTo>
                  <a:lnTo>
                    <a:pt x="1341" y="265"/>
                  </a:lnTo>
                  <a:lnTo>
                    <a:pt x="1344" y="265"/>
                  </a:lnTo>
                  <a:lnTo>
                    <a:pt x="1346" y="265"/>
                  </a:lnTo>
                  <a:lnTo>
                    <a:pt x="1349" y="260"/>
                  </a:lnTo>
                  <a:lnTo>
                    <a:pt x="1351" y="260"/>
                  </a:lnTo>
                  <a:lnTo>
                    <a:pt x="1354" y="260"/>
                  </a:lnTo>
                  <a:lnTo>
                    <a:pt x="1359" y="262"/>
                  </a:lnTo>
                  <a:lnTo>
                    <a:pt x="1364" y="262"/>
                  </a:lnTo>
                  <a:lnTo>
                    <a:pt x="1366" y="260"/>
                  </a:lnTo>
                  <a:lnTo>
                    <a:pt x="1371" y="260"/>
                  </a:lnTo>
                  <a:lnTo>
                    <a:pt x="1374" y="255"/>
                  </a:lnTo>
                  <a:lnTo>
                    <a:pt x="1379" y="252"/>
                  </a:lnTo>
                  <a:lnTo>
                    <a:pt x="1379" y="250"/>
                  </a:lnTo>
                  <a:lnTo>
                    <a:pt x="1379" y="245"/>
                  </a:lnTo>
                  <a:lnTo>
                    <a:pt x="1379" y="240"/>
                  </a:lnTo>
                  <a:lnTo>
                    <a:pt x="1377" y="234"/>
                  </a:lnTo>
                  <a:lnTo>
                    <a:pt x="1374" y="232"/>
                  </a:lnTo>
                  <a:lnTo>
                    <a:pt x="1371" y="229"/>
                  </a:lnTo>
                  <a:lnTo>
                    <a:pt x="1366" y="227"/>
                  </a:lnTo>
                  <a:lnTo>
                    <a:pt x="1361" y="224"/>
                  </a:lnTo>
                  <a:lnTo>
                    <a:pt x="1356" y="224"/>
                  </a:lnTo>
                  <a:lnTo>
                    <a:pt x="1354" y="222"/>
                  </a:lnTo>
                  <a:lnTo>
                    <a:pt x="1344" y="224"/>
                  </a:lnTo>
                  <a:lnTo>
                    <a:pt x="1341" y="224"/>
                  </a:lnTo>
                  <a:lnTo>
                    <a:pt x="1336" y="229"/>
                  </a:lnTo>
                  <a:lnTo>
                    <a:pt x="1334" y="232"/>
                  </a:lnTo>
                  <a:lnTo>
                    <a:pt x="1331" y="234"/>
                  </a:lnTo>
                  <a:lnTo>
                    <a:pt x="1326" y="240"/>
                  </a:lnTo>
                  <a:lnTo>
                    <a:pt x="1324" y="240"/>
                  </a:lnTo>
                  <a:lnTo>
                    <a:pt x="1321" y="240"/>
                  </a:lnTo>
                  <a:lnTo>
                    <a:pt x="1313" y="240"/>
                  </a:lnTo>
                  <a:lnTo>
                    <a:pt x="1306" y="240"/>
                  </a:lnTo>
                  <a:lnTo>
                    <a:pt x="1301" y="240"/>
                  </a:lnTo>
                  <a:lnTo>
                    <a:pt x="1298" y="237"/>
                  </a:lnTo>
                  <a:lnTo>
                    <a:pt x="1296" y="232"/>
                  </a:lnTo>
                  <a:lnTo>
                    <a:pt x="1293" y="227"/>
                  </a:lnTo>
                  <a:lnTo>
                    <a:pt x="1288" y="224"/>
                  </a:lnTo>
                  <a:lnTo>
                    <a:pt x="1286" y="217"/>
                  </a:lnTo>
                  <a:lnTo>
                    <a:pt x="1283" y="214"/>
                  </a:lnTo>
                  <a:lnTo>
                    <a:pt x="1283" y="212"/>
                  </a:lnTo>
                  <a:lnTo>
                    <a:pt x="1281" y="212"/>
                  </a:lnTo>
                  <a:lnTo>
                    <a:pt x="1238" y="219"/>
                  </a:lnTo>
                  <a:close/>
                  <a:moveTo>
                    <a:pt x="1271" y="217"/>
                  </a:moveTo>
                  <a:lnTo>
                    <a:pt x="1268" y="217"/>
                  </a:lnTo>
                  <a:lnTo>
                    <a:pt x="1271" y="217"/>
                  </a:lnTo>
                  <a:close/>
                  <a:moveTo>
                    <a:pt x="1404" y="1810"/>
                  </a:moveTo>
                  <a:lnTo>
                    <a:pt x="1404" y="1810"/>
                  </a:lnTo>
                  <a:lnTo>
                    <a:pt x="1404" y="1803"/>
                  </a:lnTo>
                  <a:lnTo>
                    <a:pt x="1402" y="1798"/>
                  </a:lnTo>
                  <a:lnTo>
                    <a:pt x="1399" y="1795"/>
                  </a:lnTo>
                  <a:lnTo>
                    <a:pt x="1404" y="1737"/>
                  </a:lnTo>
                  <a:lnTo>
                    <a:pt x="1377" y="1732"/>
                  </a:lnTo>
                  <a:lnTo>
                    <a:pt x="1346" y="1727"/>
                  </a:lnTo>
                  <a:lnTo>
                    <a:pt x="1339" y="1725"/>
                  </a:lnTo>
                  <a:lnTo>
                    <a:pt x="1331" y="1722"/>
                  </a:lnTo>
                  <a:lnTo>
                    <a:pt x="1329" y="1722"/>
                  </a:lnTo>
                  <a:lnTo>
                    <a:pt x="1316" y="1720"/>
                  </a:lnTo>
                  <a:lnTo>
                    <a:pt x="1308" y="1717"/>
                  </a:lnTo>
                  <a:lnTo>
                    <a:pt x="1308" y="1694"/>
                  </a:lnTo>
                  <a:lnTo>
                    <a:pt x="1303" y="1689"/>
                  </a:lnTo>
                  <a:lnTo>
                    <a:pt x="1321" y="1679"/>
                  </a:lnTo>
                  <a:lnTo>
                    <a:pt x="1336" y="1669"/>
                  </a:lnTo>
                  <a:lnTo>
                    <a:pt x="1346" y="1629"/>
                  </a:lnTo>
                  <a:lnTo>
                    <a:pt x="1283" y="1639"/>
                  </a:lnTo>
                  <a:lnTo>
                    <a:pt x="1258" y="1674"/>
                  </a:lnTo>
                  <a:lnTo>
                    <a:pt x="1215" y="1679"/>
                  </a:lnTo>
                  <a:lnTo>
                    <a:pt x="1172" y="1629"/>
                  </a:lnTo>
                  <a:lnTo>
                    <a:pt x="1167" y="1561"/>
                  </a:lnTo>
                  <a:lnTo>
                    <a:pt x="1180" y="1546"/>
                  </a:lnTo>
                  <a:lnTo>
                    <a:pt x="1177" y="1546"/>
                  </a:lnTo>
                  <a:lnTo>
                    <a:pt x="1177" y="1510"/>
                  </a:lnTo>
                  <a:lnTo>
                    <a:pt x="1200" y="1490"/>
                  </a:lnTo>
                  <a:lnTo>
                    <a:pt x="1215" y="1472"/>
                  </a:lnTo>
                  <a:lnTo>
                    <a:pt x="1268" y="1477"/>
                  </a:lnTo>
                  <a:lnTo>
                    <a:pt x="1298" y="1477"/>
                  </a:lnTo>
                  <a:lnTo>
                    <a:pt x="1341" y="1467"/>
                  </a:lnTo>
                  <a:lnTo>
                    <a:pt x="1366" y="1467"/>
                  </a:lnTo>
                  <a:lnTo>
                    <a:pt x="1392" y="1462"/>
                  </a:lnTo>
                  <a:lnTo>
                    <a:pt x="1399" y="1490"/>
                  </a:lnTo>
                  <a:lnTo>
                    <a:pt x="1409" y="1525"/>
                  </a:lnTo>
                  <a:lnTo>
                    <a:pt x="1442" y="1556"/>
                  </a:lnTo>
                  <a:lnTo>
                    <a:pt x="1457" y="1561"/>
                  </a:lnTo>
                  <a:lnTo>
                    <a:pt x="1452" y="1510"/>
                  </a:lnTo>
                  <a:lnTo>
                    <a:pt x="1429" y="1452"/>
                  </a:lnTo>
                  <a:lnTo>
                    <a:pt x="1457" y="1422"/>
                  </a:lnTo>
                  <a:lnTo>
                    <a:pt x="1482" y="1412"/>
                  </a:lnTo>
                  <a:lnTo>
                    <a:pt x="1530" y="1367"/>
                  </a:lnTo>
                  <a:lnTo>
                    <a:pt x="1525" y="1334"/>
                  </a:lnTo>
                  <a:lnTo>
                    <a:pt x="1520" y="1304"/>
                  </a:lnTo>
                  <a:lnTo>
                    <a:pt x="1535" y="1314"/>
                  </a:lnTo>
                  <a:lnTo>
                    <a:pt x="1540" y="1309"/>
                  </a:lnTo>
                  <a:lnTo>
                    <a:pt x="1535" y="1288"/>
                  </a:lnTo>
                  <a:lnTo>
                    <a:pt x="1545" y="1288"/>
                  </a:lnTo>
                  <a:lnTo>
                    <a:pt x="1561" y="1283"/>
                  </a:lnTo>
                  <a:lnTo>
                    <a:pt x="1571" y="1258"/>
                  </a:lnTo>
                  <a:lnTo>
                    <a:pt x="1593" y="1253"/>
                  </a:lnTo>
                  <a:lnTo>
                    <a:pt x="1624" y="1235"/>
                  </a:lnTo>
                  <a:lnTo>
                    <a:pt x="1624" y="1195"/>
                  </a:lnTo>
                  <a:lnTo>
                    <a:pt x="1677" y="1170"/>
                  </a:lnTo>
                  <a:lnTo>
                    <a:pt x="1666" y="1117"/>
                  </a:lnTo>
                  <a:lnTo>
                    <a:pt x="1677" y="1170"/>
                  </a:lnTo>
                  <a:lnTo>
                    <a:pt x="1699" y="1155"/>
                  </a:lnTo>
                  <a:lnTo>
                    <a:pt x="1714" y="1160"/>
                  </a:lnTo>
                  <a:lnTo>
                    <a:pt x="1704" y="1175"/>
                  </a:lnTo>
                  <a:lnTo>
                    <a:pt x="1714" y="1195"/>
                  </a:lnTo>
                  <a:lnTo>
                    <a:pt x="1760" y="1160"/>
                  </a:lnTo>
                  <a:lnTo>
                    <a:pt x="1777" y="1137"/>
                  </a:lnTo>
                  <a:lnTo>
                    <a:pt x="1729" y="1132"/>
                  </a:lnTo>
                  <a:lnTo>
                    <a:pt x="1709" y="1102"/>
                  </a:lnTo>
                  <a:lnTo>
                    <a:pt x="1724" y="1087"/>
                  </a:lnTo>
                  <a:lnTo>
                    <a:pt x="1729" y="1067"/>
                  </a:lnTo>
                  <a:lnTo>
                    <a:pt x="1656" y="1082"/>
                  </a:lnTo>
                  <a:lnTo>
                    <a:pt x="1619" y="1112"/>
                  </a:lnTo>
                  <a:lnTo>
                    <a:pt x="1636" y="1077"/>
                  </a:lnTo>
                  <a:lnTo>
                    <a:pt x="1671" y="1056"/>
                  </a:lnTo>
                  <a:lnTo>
                    <a:pt x="1692" y="1034"/>
                  </a:lnTo>
                  <a:lnTo>
                    <a:pt x="1755" y="1039"/>
                  </a:lnTo>
                  <a:lnTo>
                    <a:pt x="1803" y="1034"/>
                  </a:lnTo>
                  <a:lnTo>
                    <a:pt x="1840" y="1009"/>
                  </a:lnTo>
                  <a:lnTo>
                    <a:pt x="1866" y="988"/>
                  </a:lnTo>
                  <a:lnTo>
                    <a:pt x="1845" y="938"/>
                  </a:lnTo>
                  <a:lnTo>
                    <a:pt x="1840" y="910"/>
                  </a:lnTo>
                  <a:lnTo>
                    <a:pt x="1772" y="875"/>
                  </a:lnTo>
                  <a:lnTo>
                    <a:pt x="1772" y="855"/>
                  </a:lnTo>
                  <a:lnTo>
                    <a:pt x="1714" y="746"/>
                  </a:lnTo>
                  <a:lnTo>
                    <a:pt x="1699" y="792"/>
                  </a:lnTo>
                  <a:lnTo>
                    <a:pt x="1661" y="802"/>
                  </a:lnTo>
                  <a:lnTo>
                    <a:pt x="1651" y="792"/>
                  </a:lnTo>
                  <a:lnTo>
                    <a:pt x="1636" y="792"/>
                  </a:lnTo>
                  <a:lnTo>
                    <a:pt x="1636" y="719"/>
                  </a:lnTo>
                  <a:lnTo>
                    <a:pt x="1603" y="714"/>
                  </a:lnTo>
                  <a:lnTo>
                    <a:pt x="1578" y="678"/>
                  </a:lnTo>
                  <a:lnTo>
                    <a:pt x="1550" y="683"/>
                  </a:lnTo>
                  <a:lnTo>
                    <a:pt x="1520" y="673"/>
                  </a:lnTo>
                  <a:lnTo>
                    <a:pt x="1500" y="678"/>
                  </a:lnTo>
                  <a:lnTo>
                    <a:pt x="1500" y="703"/>
                  </a:lnTo>
                  <a:lnTo>
                    <a:pt x="1500" y="731"/>
                  </a:lnTo>
                  <a:lnTo>
                    <a:pt x="1495" y="787"/>
                  </a:lnTo>
                  <a:lnTo>
                    <a:pt x="1487" y="807"/>
                  </a:lnTo>
                  <a:lnTo>
                    <a:pt x="1520" y="870"/>
                  </a:lnTo>
                  <a:lnTo>
                    <a:pt x="1467" y="915"/>
                  </a:lnTo>
                  <a:lnTo>
                    <a:pt x="1477" y="993"/>
                  </a:lnTo>
                  <a:lnTo>
                    <a:pt x="1457" y="1009"/>
                  </a:lnTo>
                  <a:lnTo>
                    <a:pt x="1437" y="998"/>
                  </a:lnTo>
                  <a:lnTo>
                    <a:pt x="1424" y="905"/>
                  </a:lnTo>
                  <a:lnTo>
                    <a:pt x="1371" y="900"/>
                  </a:lnTo>
                  <a:lnTo>
                    <a:pt x="1273" y="845"/>
                  </a:lnTo>
                  <a:lnTo>
                    <a:pt x="1253" y="845"/>
                  </a:lnTo>
                  <a:lnTo>
                    <a:pt x="1235" y="797"/>
                  </a:lnTo>
                  <a:lnTo>
                    <a:pt x="1220" y="782"/>
                  </a:lnTo>
                  <a:lnTo>
                    <a:pt x="1263" y="658"/>
                  </a:lnTo>
                  <a:lnTo>
                    <a:pt x="1288" y="630"/>
                  </a:lnTo>
                  <a:lnTo>
                    <a:pt x="1316" y="615"/>
                  </a:lnTo>
                  <a:lnTo>
                    <a:pt x="1331" y="615"/>
                  </a:lnTo>
                  <a:lnTo>
                    <a:pt x="1346" y="565"/>
                  </a:lnTo>
                  <a:lnTo>
                    <a:pt x="1356" y="524"/>
                  </a:lnTo>
                  <a:lnTo>
                    <a:pt x="1409" y="512"/>
                  </a:lnTo>
                  <a:lnTo>
                    <a:pt x="1437" y="492"/>
                  </a:lnTo>
                  <a:lnTo>
                    <a:pt x="1419" y="446"/>
                  </a:lnTo>
                  <a:lnTo>
                    <a:pt x="1432" y="416"/>
                  </a:lnTo>
                  <a:lnTo>
                    <a:pt x="1412" y="393"/>
                  </a:lnTo>
                  <a:lnTo>
                    <a:pt x="1414" y="393"/>
                  </a:lnTo>
                  <a:lnTo>
                    <a:pt x="1417" y="391"/>
                  </a:lnTo>
                  <a:lnTo>
                    <a:pt x="1419" y="388"/>
                  </a:lnTo>
                  <a:lnTo>
                    <a:pt x="1422" y="388"/>
                  </a:lnTo>
                  <a:lnTo>
                    <a:pt x="1424" y="388"/>
                  </a:lnTo>
                  <a:lnTo>
                    <a:pt x="1432" y="388"/>
                  </a:lnTo>
                  <a:lnTo>
                    <a:pt x="1440" y="388"/>
                  </a:lnTo>
                  <a:lnTo>
                    <a:pt x="1442" y="386"/>
                  </a:lnTo>
                  <a:lnTo>
                    <a:pt x="1442" y="383"/>
                  </a:lnTo>
                  <a:lnTo>
                    <a:pt x="1437" y="376"/>
                  </a:lnTo>
                  <a:lnTo>
                    <a:pt x="1437" y="373"/>
                  </a:lnTo>
                  <a:lnTo>
                    <a:pt x="1440" y="373"/>
                  </a:lnTo>
                  <a:lnTo>
                    <a:pt x="1445" y="376"/>
                  </a:lnTo>
                  <a:lnTo>
                    <a:pt x="1452" y="378"/>
                  </a:lnTo>
                  <a:lnTo>
                    <a:pt x="1455" y="381"/>
                  </a:lnTo>
                  <a:lnTo>
                    <a:pt x="1457" y="383"/>
                  </a:lnTo>
                  <a:lnTo>
                    <a:pt x="1462" y="386"/>
                  </a:lnTo>
                  <a:lnTo>
                    <a:pt x="1467" y="388"/>
                  </a:lnTo>
                  <a:lnTo>
                    <a:pt x="1472" y="393"/>
                  </a:lnTo>
                  <a:lnTo>
                    <a:pt x="1477" y="396"/>
                  </a:lnTo>
                  <a:lnTo>
                    <a:pt x="1485" y="398"/>
                  </a:lnTo>
                  <a:lnTo>
                    <a:pt x="1490" y="401"/>
                  </a:lnTo>
                  <a:lnTo>
                    <a:pt x="1495" y="403"/>
                  </a:lnTo>
                  <a:lnTo>
                    <a:pt x="1500" y="406"/>
                  </a:lnTo>
                  <a:lnTo>
                    <a:pt x="1505" y="406"/>
                  </a:lnTo>
                  <a:lnTo>
                    <a:pt x="1510" y="411"/>
                  </a:lnTo>
                  <a:lnTo>
                    <a:pt x="1515" y="413"/>
                  </a:lnTo>
                  <a:lnTo>
                    <a:pt x="1523" y="419"/>
                  </a:lnTo>
                  <a:lnTo>
                    <a:pt x="1528" y="424"/>
                  </a:lnTo>
                  <a:lnTo>
                    <a:pt x="1535" y="431"/>
                  </a:lnTo>
                  <a:lnTo>
                    <a:pt x="1543" y="441"/>
                  </a:lnTo>
                  <a:lnTo>
                    <a:pt x="1545" y="449"/>
                  </a:lnTo>
                  <a:lnTo>
                    <a:pt x="1538" y="456"/>
                  </a:lnTo>
                  <a:lnTo>
                    <a:pt x="1530" y="466"/>
                  </a:lnTo>
                  <a:lnTo>
                    <a:pt x="1528" y="477"/>
                  </a:lnTo>
                  <a:lnTo>
                    <a:pt x="1530" y="479"/>
                  </a:lnTo>
                  <a:lnTo>
                    <a:pt x="1538" y="482"/>
                  </a:lnTo>
                  <a:lnTo>
                    <a:pt x="1543" y="487"/>
                  </a:lnTo>
                  <a:lnTo>
                    <a:pt x="1545" y="489"/>
                  </a:lnTo>
                  <a:lnTo>
                    <a:pt x="1543" y="494"/>
                  </a:lnTo>
                  <a:lnTo>
                    <a:pt x="1535" y="499"/>
                  </a:lnTo>
                  <a:lnTo>
                    <a:pt x="1528" y="504"/>
                  </a:lnTo>
                  <a:lnTo>
                    <a:pt x="1525" y="509"/>
                  </a:lnTo>
                  <a:lnTo>
                    <a:pt x="1520" y="509"/>
                  </a:lnTo>
                  <a:lnTo>
                    <a:pt x="1518" y="509"/>
                  </a:lnTo>
                  <a:lnTo>
                    <a:pt x="1515" y="509"/>
                  </a:lnTo>
                  <a:lnTo>
                    <a:pt x="1513" y="509"/>
                  </a:lnTo>
                  <a:lnTo>
                    <a:pt x="1508" y="512"/>
                  </a:lnTo>
                  <a:lnTo>
                    <a:pt x="1500" y="514"/>
                  </a:lnTo>
                  <a:lnTo>
                    <a:pt x="1495" y="519"/>
                  </a:lnTo>
                  <a:lnTo>
                    <a:pt x="1492" y="522"/>
                  </a:lnTo>
                  <a:lnTo>
                    <a:pt x="1492" y="524"/>
                  </a:lnTo>
                  <a:lnTo>
                    <a:pt x="1495" y="527"/>
                  </a:lnTo>
                  <a:lnTo>
                    <a:pt x="1498" y="529"/>
                  </a:lnTo>
                  <a:lnTo>
                    <a:pt x="1500" y="532"/>
                  </a:lnTo>
                  <a:lnTo>
                    <a:pt x="1503" y="535"/>
                  </a:lnTo>
                  <a:lnTo>
                    <a:pt x="1508" y="537"/>
                  </a:lnTo>
                  <a:lnTo>
                    <a:pt x="1513" y="540"/>
                  </a:lnTo>
                  <a:lnTo>
                    <a:pt x="1518" y="540"/>
                  </a:lnTo>
                  <a:lnTo>
                    <a:pt x="1523" y="537"/>
                  </a:lnTo>
                  <a:lnTo>
                    <a:pt x="1528" y="532"/>
                  </a:lnTo>
                  <a:lnTo>
                    <a:pt x="1530" y="529"/>
                  </a:lnTo>
                  <a:lnTo>
                    <a:pt x="1535" y="527"/>
                  </a:lnTo>
                  <a:lnTo>
                    <a:pt x="1540" y="527"/>
                  </a:lnTo>
                  <a:lnTo>
                    <a:pt x="1548" y="524"/>
                  </a:lnTo>
                  <a:lnTo>
                    <a:pt x="1556" y="519"/>
                  </a:lnTo>
                  <a:lnTo>
                    <a:pt x="1561" y="519"/>
                  </a:lnTo>
                  <a:lnTo>
                    <a:pt x="1563" y="519"/>
                  </a:lnTo>
                  <a:lnTo>
                    <a:pt x="1566" y="522"/>
                  </a:lnTo>
                  <a:lnTo>
                    <a:pt x="1568" y="524"/>
                  </a:lnTo>
                  <a:lnTo>
                    <a:pt x="1571" y="524"/>
                  </a:lnTo>
                  <a:lnTo>
                    <a:pt x="1573" y="527"/>
                  </a:lnTo>
                  <a:lnTo>
                    <a:pt x="1576" y="529"/>
                  </a:lnTo>
                  <a:lnTo>
                    <a:pt x="1578" y="529"/>
                  </a:lnTo>
                  <a:lnTo>
                    <a:pt x="1583" y="532"/>
                  </a:lnTo>
                  <a:lnTo>
                    <a:pt x="1588" y="532"/>
                  </a:lnTo>
                  <a:lnTo>
                    <a:pt x="1593" y="535"/>
                  </a:lnTo>
                  <a:lnTo>
                    <a:pt x="1603" y="535"/>
                  </a:lnTo>
                  <a:lnTo>
                    <a:pt x="1606" y="540"/>
                  </a:lnTo>
                  <a:lnTo>
                    <a:pt x="1606" y="542"/>
                  </a:lnTo>
                  <a:lnTo>
                    <a:pt x="1608" y="547"/>
                  </a:lnTo>
                  <a:lnTo>
                    <a:pt x="1611" y="547"/>
                  </a:lnTo>
                  <a:lnTo>
                    <a:pt x="1616" y="550"/>
                  </a:lnTo>
                  <a:lnTo>
                    <a:pt x="1619" y="550"/>
                  </a:lnTo>
                  <a:lnTo>
                    <a:pt x="1621" y="550"/>
                  </a:lnTo>
                  <a:lnTo>
                    <a:pt x="1624" y="547"/>
                  </a:lnTo>
                  <a:lnTo>
                    <a:pt x="1629" y="547"/>
                  </a:lnTo>
                  <a:lnTo>
                    <a:pt x="1631" y="547"/>
                  </a:lnTo>
                  <a:lnTo>
                    <a:pt x="1634" y="547"/>
                  </a:lnTo>
                  <a:lnTo>
                    <a:pt x="1639" y="547"/>
                  </a:lnTo>
                  <a:lnTo>
                    <a:pt x="1641" y="547"/>
                  </a:lnTo>
                  <a:lnTo>
                    <a:pt x="1644" y="550"/>
                  </a:lnTo>
                  <a:lnTo>
                    <a:pt x="1649" y="550"/>
                  </a:lnTo>
                  <a:lnTo>
                    <a:pt x="1651" y="550"/>
                  </a:lnTo>
                  <a:lnTo>
                    <a:pt x="1654" y="547"/>
                  </a:lnTo>
                  <a:lnTo>
                    <a:pt x="1659" y="547"/>
                  </a:lnTo>
                  <a:lnTo>
                    <a:pt x="1664" y="547"/>
                  </a:lnTo>
                  <a:lnTo>
                    <a:pt x="1669" y="545"/>
                  </a:lnTo>
                  <a:lnTo>
                    <a:pt x="1671" y="545"/>
                  </a:lnTo>
                  <a:lnTo>
                    <a:pt x="1674" y="545"/>
                  </a:lnTo>
                  <a:lnTo>
                    <a:pt x="1679" y="545"/>
                  </a:lnTo>
                  <a:lnTo>
                    <a:pt x="1682" y="545"/>
                  </a:lnTo>
                  <a:lnTo>
                    <a:pt x="1684" y="545"/>
                  </a:lnTo>
                  <a:lnTo>
                    <a:pt x="1687" y="545"/>
                  </a:lnTo>
                  <a:lnTo>
                    <a:pt x="1692" y="545"/>
                  </a:lnTo>
                  <a:lnTo>
                    <a:pt x="1697" y="545"/>
                  </a:lnTo>
                  <a:lnTo>
                    <a:pt x="1699" y="542"/>
                  </a:lnTo>
                  <a:lnTo>
                    <a:pt x="1697" y="540"/>
                  </a:lnTo>
                  <a:lnTo>
                    <a:pt x="1697" y="537"/>
                  </a:lnTo>
                  <a:lnTo>
                    <a:pt x="1692" y="535"/>
                  </a:lnTo>
                  <a:lnTo>
                    <a:pt x="1687" y="532"/>
                  </a:lnTo>
                  <a:lnTo>
                    <a:pt x="1679" y="529"/>
                  </a:lnTo>
                  <a:lnTo>
                    <a:pt x="1677" y="529"/>
                  </a:lnTo>
                  <a:lnTo>
                    <a:pt x="1674" y="527"/>
                  </a:lnTo>
                  <a:lnTo>
                    <a:pt x="1671" y="524"/>
                  </a:lnTo>
                  <a:lnTo>
                    <a:pt x="1669" y="524"/>
                  </a:lnTo>
                  <a:lnTo>
                    <a:pt x="1666" y="524"/>
                  </a:lnTo>
                  <a:lnTo>
                    <a:pt x="1664" y="524"/>
                  </a:lnTo>
                  <a:lnTo>
                    <a:pt x="1661" y="524"/>
                  </a:lnTo>
                  <a:lnTo>
                    <a:pt x="1656" y="522"/>
                  </a:lnTo>
                  <a:lnTo>
                    <a:pt x="1651" y="519"/>
                  </a:lnTo>
                  <a:lnTo>
                    <a:pt x="1641" y="517"/>
                  </a:lnTo>
                  <a:lnTo>
                    <a:pt x="1636" y="514"/>
                  </a:lnTo>
                  <a:lnTo>
                    <a:pt x="1634" y="512"/>
                  </a:lnTo>
                  <a:lnTo>
                    <a:pt x="1634" y="509"/>
                  </a:lnTo>
                  <a:lnTo>
                    <a:pt x="1636" y="509"/>
                  </a:lnTo>
                  <a:lnTo>
                    <a:pt x="1639" y="509"/>
                  </a:lnTo>
                  <a:lnTo>
                    <a:pt x="1644" y="509"/>
                  </a:lnTo>
                  <a:lnTo>
                    <a:pt x="1649" y="512"/>
                  </a:lnTo>
                  <a:lnTo>
                    <a:pt x="1651" y="512"/>
                  </a:lnTo>
                  <a:lnTo>
                    <a:pt x="1656" y="514"/>
                  </a:lnTo>
                  <a:lnTo>
                    <a:pt x="1659" y="514"/>
                  </a:lnTo>
                  <a:lnTo>
                    <a:pt x="1664" y="514"/>
                  </a:lnTo>
                  <a:lnTo>
                    <a:pt x="1666" y="519"/>
                  </a:lnTo>
                  <a:lnTo>
                    <a:pt x="1671" y="519"/>
                  </a:lnTo>
                  <a:lnTo>
                    <a:pt x="1677" y="517"/>
                  </a:lnTo>
                  <a:lnTo>
                    <a:pt x="1687" y="514"/>
                  </a:lnTo>
                  <a:lnTo>
                    <a:pt x="1694" y="514"/>
                  </a:lnTo>
                  <a:lnTo>
                    <a:pt x="1697" y="519"/>
                  </a:lnTo>
                  <a:lnTo>
                    <a:pt x="1699" y="519"/>
                  </a:lnTo>
                  <a:lnTo>
                    <a:pt x="1704" y="522"/>
                  </a:lnTo>
                  <a:lnTo>
                    <a:pt x="1707" y="524"/>
                  </a:lnTo>
                  <a:lnTo>
                    <a:pt x="1707" y="522"/>
                  </a:lnTo>
                  <a:lnTo>
                    <a:pt x="1704" y="519"/>
                  </a:lnTo>
                  <a:lnTo>
                    <a:pt x="1702" y="514"/>
                  </a:lnTo>
                  <a:lnTo>
                    <a:pt x="1699" y="514"/>
                  </a:lnTo>
                  <a:lnTo>
                    <a:pt x="1699" y="509"/>
                  </a:lnTo>
                  <a:lnTo>
                    <a:pt x="1697" y="507"/>
                  </a:lnTo>
                  <a:lnTo>
                    <a:pt x="1694" y="502"/>
                  </a:lnTo>
                  <a:lnTo>
                    <a:pt x="1692" y="494"/>
                  </a:lnTo>
                  <a:lnTo>
                    <a:pt x="1692" y="492"/>
                  </a:lnTo>
                  <a:lnTo>
                    <a:pt x="1692" y="489"/>
                  </a:lnTo>
                  <a:lnTo>
                    <a:pt x="1692" y="487"/>
                  </a:lnTo>
                  <a:lnTo>
                    <a:pt x="1689" y="482"/>
                  </a:lnTo>
                  <a:lnTo>
                    <a:pt x="1682" y="479"/>
                  </a:lnTo>
                  <a:lnTo>
                    <a:pt x="1677" y="479"/>
                  </a:lnTo>
                  <a:lnTo>
                    <a:pt x="1671" y="477"/>
                  </a:lnTo>
                  <a:lnTo>
                    <a:pt x="1669" y="471"/>
                  </a:lnTo>
                  <a:lnTo>
                    <a:pt x="1664" y="469"/>
                  </a:lnTo>
                  <a:lnTo>
                    <a:pt x="1659" y="469"/>
                  </a:lnTo>
                  <a:lnTo>
                    <a:pt x="1651" y="466"/>
                  </a:lnTo>
                  <a:lnTo>
                    <a:pt x="1646" y="466"/>
                  </a:lnTo>
                  <a:lnTo>
                    <a:pt x="1644" y="466"/>
                  </a:lnTo>
                  <a:lnTo>
                    <a:pt x="1639" y="464"/>
                  </a:lnTo>
                  <a:lnTo>
                    <a:pt x="1634" y="461"/>
                  </a:lnTo>
                  <a:lnTo>
                    <a:pt x="1631" y="459"/>
                  </a:lnTo>
                  <a:lnTo>
                    <a:pt x="1626" y="459"/>
                  </a:lnTo>
                  <a:lnTo>
                    <a:pt x="1624" y="454"/>
                  </a:lnTo>
                  <a:lnTo>
                    <a:pt x="1621" y="451"/>
                  </a:lnTo>
                  <a:lnTo>
                    <a:pt x="1616" y="446"/>
                  </a:lnTo>
                  <a:lnTo>
                    <a:pt x="1614" y="441"/>
                  </a:lnTo>
                  <a:lnTo>
                    <a:pt x="1611" y="439"/>
                  </a:lnTo>
                  <a:lnTo>
                    <a:pt x="1611" y="434"/>
                  </a:lnTo>
                  <a:lnTo>
                    <a:pt x="1614" y="431"/>
                  </a:lnTo>
                  <a:lnTo>
                    <a:pt x="1619" y="431"/>
                  </a:lnTo>
                  <a:lnTo>
                    <a:pt x="1624" y="431"/>
                  </a:lnTo>
                  <a:lnTo>
                    <a:pt x="1631" y="434"/>
                  </a:lnTo>
                  <a:lnTo>
                    <a:pt x="1636" y="436"/>
                  </a:lnTo>
                  <a:lnTo>
                    <a:pt x="1639" y="436"/>
                  </a:lnTo>
                  <a:lnTo>
                    <a:pt x="1644" y="439"/>
                  </a:lnTo>
                  <a:lnTo>
                    <a:pt x="1649" y="441"/>
                  </a:lnTo>
                  <a:lnTo>
                    <a:pt x="1654" y="444"/>
                  </a:lnTo>
                  <a:lnTo>
                    <a:pt x="1659" y="446"/>
                  </a:lnTo>
                  <a:lnTo>
                    <a:pt x="1664" y="449"/>
                  </a:lnTo>
                  <a:lnTo>
                    <a:pt x="1669" y="451"/>
                  </a:lnTo>
                  <a:lnTo>
                    <a:pt x="1671" y="451"/>
                  </a:lnTo>
                  <a:lnTo>
                    <a:pt x="1677" y="449"/>
                  </a:lnTo>
                  <a:lnTo>
                    <a:pt x="1679" y="444"/>
                  </a:lnTo>
                  <a:lnTo>
                    <a:pt x="1679" y="441"/>
                  </a:lnTo>
                  <a:lnTo>
                    <a:pt x="1677" y="436"/>
                  </a:lnTo>
                  <a:lnTo>
                    <a:pt x="1671" y="434"/>
                  </a:lnTo>
                  <a:lnTo>
                    <a:pt x="1666" y="431"/>
                  </a:lnTo>
                  <a:lnTo>
                    <a:pt x="1666" y="429"/>
                  </a:lnTo>
                  <a:lnTo>
                    <a:pt x="1666" y="426"/>
                  </a:lnTo>
                  <a:lnTo>
                    <a:pt x="1669" y="424"/>
                  </a:lnTo>
                  <a:lnTo>
                    <a:pt x="1671" y="424"/>
                  </a:lnTo>
                  <a:lnTo>
                    <a:pt x="1674" y="421"/>
                  </a:lnTo>
                  <a:lnTo>
                    <a:pt x="1677" y="419"/>
                  </a:lnTo>
                  <a:lnTo>
                    <a:pt x="1677" y="416"/>
                  </a:lnTo>
                  <a:lnTo>
                    <a:pt x="1674" y="413"/>
                  </a:lnTo>
                  <a:lnTo>
                    <a:pt x="1671" y="408"/>
                  </a:lnTo>
                  <a:lnTo>
                    <a:pt x="1669" y="406"/>
                  </a:lnTo>
                  <a:lnTo>
                    <a:pt x="1664" y="406"/>
                  </a:lnTo>
                  <a:lnTo>
                    <a:pt x="1664" y="403"/>
                  </a:lnTo>
                  <a:lnTo>
                    <a:pt x="1669" y="401"/>
                  </a:lnTo>
                  <a:lnTo>
                    <a:pt x="1674" y="398"/>
                  </a:lnTo>
                  <a:lnTo>
                    <a:pt x="1677" y="393"/>
                  </a:lnTo>
                  <a:lnTo>
                    <a:pt x="1674" y="391"/>
                  </a:lnTo>
                  <a:lnTo>
                    <a:pt x="1669" y="388"/>
                  </a:lnTo>
                  <a:lnTo>
                    <a:pt x="1661" y="386"/>
                  </a:lnTo>
                  <a:lnTo>
                    <a:pt x="1654" y="386"/>
                  </a:lnTo>
                  <a:lnTo>
                    <a:pt x="1649" y="386"/>
                  </a:lnTo>
                  <a:lnTo>
                    <a:pt x="1644" y="386"/>
                  </a:lnTo>
                  <a:lnTo>
                    <a:pt x="1639" y="388"/>
                  </a:lnTo>
                  <a:lnTo>
                    <a:pt x="1636" y="388"/>
                  </a:lnTo>
                  <a:lnTo>
                    <a:pt x="1634" y="388"/>
                  </a:lnTo>
                  <a:lnTo>
                    <a:pt x="1631" y="386"/>
                  </a:lnTo>
                  <a:lnTo>
                    <a:pt x="1634" y="383"/>
                  </a:lnTo>
                  <a:lnTo>
                    <a:pt x="1631" y="383"/>
                  </a:lnTo>
                  <a:lnTo>
                    <a:pt x="1629" y="381"/>
                  </a:lnTo>
                  <a:lnTo>
                    <a:pt x="1626" y="381"/>
                  </a:lnTo>
                  <a:lnTo>
                    <a:pt x="1621" y="381"/>
                  </a:lnTo>
                  <a:lnTo>
                    <a:pt x="1616" y="381"/>
                  </a:lnTo>
                  <a:lnTo>
                    <a:pt x="1611" y="378"/>
                  </a:lnTo>
                  <a:lnTo>
                    <a:pt x="1606" y="378"/>
                  </a:lnTo>
                  <a:lnTo>
                    <a:pt x="1603" y="378"/>
                  </a:lnTo>
                  <a:lnTo>
                    <a:pt x="1598" y="376"/>
                  </a:lnTo>
                  <a:lnTo>
                    <a:pt x="1598" y="378"/>
                  </a:lnTo>
                  <a:lnTo>
                    <a:pt x="1601" y="381"/>
                  </a:lnTo>
                  <a:lnTo>
                    <a:pt x="1603" y="386"/>
                  </a:lnTo>
                  <a:lnTo>
                    <a:pt x="1601" y="386"/>
                  </a:lnTo>
                  <a:lnTo>
                    <a:pt x="1596" y="386"/>
                  </a:lnTo>
                  <a:lnTo>
                    <a:pt x="1591" y="381"/>
                  </a:lnTo>
                  <a:lnTo>
                    <a:pt x="1583" y="376"/>
                  </a:lnTo>
                  <a:lnTo>
                    <a:pt x="1578" y="373"/>
                  </a:lnTo>
                  <a:lnTo>
                    <a:pt x="1576" y="373"/>
                  </a:lnTo>
                  <a:lnTo>
                    <a:pt x="1568" y="376"/>
                  </a:lnTo>
                  <a:lnTo>
                    <a:pt x="1563" y="373"/>
                  </a:lnTo>
                  <a:lnTo>
                    <a:pt x="1558" y="371"/>
                  </a:lnTo>
                  <a:lnTo>
                    <a:pt x="1558" y="366"/>
                  </a:lnTo>
                  <a:lnTo>
                    <a:pt x="1561" y="363"/>
                  </a:lnTo>
                  <a:lnTo>
                    <a:pt x="1561" y="361"/>
                  </a:lnTo>
                  <a:lnTo>
                    <a:pt x="1561" y="358"/>
                  </a:lnTo>
                  <a:lnTo>
                    <a:pt x="1563" y="356"/>
                  </a:lnTo>
                  <a:lnTo>
                    <a:pt x="1566" y="356"/>
                  </a:lnTo>
                  <a:lnTo>
                    <a:pt x="1568" y="356"/>
                  </a:lnTo>
                  <a:lnTo>
                    <a:pt x="1568" y="353"/>
                  </a:lnTo>
                  <a:lnTo>
                    <a:pt x="1561" y="350"/>
                  </a:lnTo>
                  <a:lnTo>
                    <a:pt x="1556" y="350"/>
                  </a:lnTo>
                  <a:lnTo>
                    <a:pt x="1553" y="345"/>
                  </a:lnTo>
                  <a:lnTo>
                    <a:pt x="1556" y="343"/>
                  </a:lnTo>
                  <a:lnTo>
                    <a:pt x="1561" y="343"/>
                  </a:lnTo>
                  <a:lnTo>
                    <a:pt x="1558" y="343"/>
                  </a:lnTo>
                  <a:lnTo>
                    <a:pt x="1556" y="340"/>
                  </a:lnTo>
                  <a:lnTo>
                    <a:pt x="1553" y="335"/>
                  </a:lnTo>
                  <a:lnTo>
                    <a:pt x="1548" y="333"/>
                  </a:lnTo>
                  <a:lnTo>
                    <a:pt x="1545" y="333"/>
                  </a:lnTo>
                  <a:lnTo>
                    <a:pt x="1540" y="333"/>
                  </a:lnTo>
                  <a:lnTo>
                    <a:pt x="1538" y="333"/>
                  </a:lnTo>
                  <a:lnTo>
                    <a:pt x="1540" y="330"/>
                  </a:lnTo>
                  <a:lnTo>
                    <a:pt x="1540" y="328"/>
                  </a:lnTo>
                  <a:lnTo>
                    <a:pt x="1538" y="325"/>
                  </a:lnTo>
                  <a:lnTo>
                    <a:pt x="1533" y="325"/>
                  </a:lnTo>
                  <a:lnTo>
                    <a:pt x="1528" y="325"/>
                  </a:lnTo>
                  <a:lnTo>
                    <a:pt x="1520" y="325"/>
                  </a:lnTo>
                  <a:lnTo>
                    <a:pt x="1515" y="325"/>
                  </a:lnTo>
                  <a:lnTo>
                    <a:pt x="1510" y="325"/>
                  </a:lnTo>
                  <a:lnTo>
                    <a:pt x="1503" y="323"/>
                  </a:lnTo>
                  <a:lnTo>
                    <a:pt x="1500" y="323"/>
                  </a:lnTo>
                  <a:lnTo>
                    <a:pt x="1500" y="320"/>
                  </a:lnTo>
                  <a:lnTo>
                    <a:pt x="1498" y="318"/>
                  </a:lnTo>
                  <a:lnTo>
                    <a:pt x="1492" y="315"/>
                  </a:lnTo>
                  <a:lnTo>
                    <a:pt x="1485" y="315"/>
                  </a:lnTo>
                  <a:lnTo>
                    <a:pt x="1480" y="318"/>
                  </a:lnTo>
                  <a:lnTo>
                    <a:pt x="1475" y="323"/>
                  </a:lnTo>
                  <a:lnTo>
                    <a:pt x="1472" y="325"/>
                  </a:lnTo>
                  <a:lnTo>
                    <a:pt x="1467" y="325"/>
                  </a:lnTo>
                  <a:lnTo>
                    <a:pt x="1462" y="320"/>
                  </a:lnTo>
                  <a:lnTo>
                    <a:pt x="1460" y="318"/>
                  </a:lnTo>
                  <a:lnTo>
                    <a:pt x="1457" y="313"/>
                  </a:lnTo>
                  <a:lnTo>
                    <a:pt x="1455" y="310"/>
                  </a:lnTo>
                  <a:lnTo>
                    <a:pt x="1450" y="305"/>
                  </a:lnTo>
                  <a:lnTo>
                    <a:pt x="1442" y="300"/>
                  </a:lnTo>
                  <a:lnTo>
                    <a:pt x="1435" y="298"/>
                  </a:lnTo>
                  <a:lnTo>
                    <a:pt x="1429" y="298"/>
                  </a:lnTo>
                  <a:lnTo>
                    <a:pt x="1427" y="300"/>
                  </a:lnTo>
                  <a:lnTo>
                    <a:pt x="1419" y="303"/>
                  </a:lnTo>
                  <a:lnTo>
                    <a:pt x="1414" y="305"/>
                  </a:lnTo>
                  <a:lnTo>
                    <a:pt x="1414" y="308"/>
                  </a:lnTo>
                  <a:lnTo>
                    <a:pt x="1414" y="313"/>
                  </a:lnTo>
                  <a:lnTo>
                    <a:pt x="1409" y="315"/>
                  </a:lnTo>
                  <a:lnTo>
                    <a:pt x="1404" y="320"/>
                  </a:lnTo>
                  <a:lnTo>
                    <a:pt x="1397" y="320"/>
                  </a:lnTo>
                  <a:lnTo>
                    <a:pt x="1394" y="320"/>
                  </a:lnTo>
                  <a:lnTo>
                    <a:pt x="1392" y="315"/>
                  </a:lnTo>
                  <a:lnTo>
                    <a:pt x="1392" y="310"/>
                  </a:lnTo>
                  <a:lnTo>
                    <a:pt x="1389" y="305"/>
                  </a:lnTo>
                  <a:lnTo>
                    <a:pt x="1389" y="303"/>
                  </a:lnTo>
                  <a:lnTo>
                    <a:pt x="1387" y="298"/>
                  </a:lnTo>
                  <a:lnTo>
                    <a:pt x="1384" y="292"/>
                  </a:lnTo>
                  <a:lnTo>
                    <a:pt x="1382" y="290"/>
                  </a:lnTo>
                  <a:lnTo>
                    <a:pt x="1374" y="285"/>
                  </a:lnTo>
                  <a:lnTo>
                    <a:pt x="1366" y="285"/>
                  </a:lnTo>
                  <a:lnTo>
                    <a:pt x="1359" y="287"/>
                  </a:lnTo>
                  <a:lnTo>
                    <a:pt x="1354" y="292"/>
                  </a:lnTo>
                  <a:lnTo>
                    <a:pt x="1351" y="303"/>
                  </a:lnTo>
                  <a:lnTo>
                    <a:pt x="1349" y="313"/>
                  </a:lnTo>
                  <a:lnTo>
                    <a:pt x="1349" y="325"/>
                  </a:lnTo>
                  <a:lnTo>
                    <a:pt x="1354" y="343"/>
                  </a:lnTo>
                  <a:lnTo>
                    <a:pt x="1359" y="356"/>
                  </a:lnTo>
                  <a:lnTo>
                    <a:pt x="1356" y="353"/>
                  </a:lnTo>
                  <a:lnTo>
                    <a:pt x="1354" y="350"/>
                  </a:lnTo>
                  <a:lnTo>
                    <a:pt x="1349" y="345"/>
                  </a:lnTo>
                  <a:lnTo>
                    <a:pt x="1344" y="338"/>
                  </a:lnTo>
                  <a:lnTo>
                    <a:pt x="1341" y="330"/>
                  </a:lnTo>
                  <a:lnTo>
                    <a:pt x="1339" y="323"/>
                  </a:lnTo>
                  <a:lnTo>
                    <a:pt x="1339" y="310"/>
                  </a:lnTo>
                  <a:lnTo>
                    <a:pt x="1344" y="298"/>
                  </a:lnTo>
                  <a:lnTo>
                    <a:pt x="1344" y="290"/>
                  </a:lnTo>
                  <a:lnTo>
                    <a:pt x="1341" y="287"/>
                  </a:lnTo>
                  <a:lnTo>
                    <a:pt x="1336" y="287"/>
                  </a:lnTo>
                  <a:lnTo>
                    <a:pt x="1331" y="287"/>
                  </a:lnTo>
                  <a:lnTo>
                    <a:pt x="1324" y="290"/>
                  </a:lnTo>
                  <a:lnTo>
                    <a:pt x="1316" y="298"/>
                  </a:lnTo>
                  <a:lnTo>
                    <a:pt x="1311" y="310"/>
                  </a:lnTo>
                  <a:lnTo>
                    <a:pt x="1308" y="325"/>
                  </a:lnTo>
                  <a:lnTo>
                    <a:pt x="1308" y="335"/>
                  </a:lnTo>
                  <a:lnTo>
                    <a:pt x="1308" y="340"/>
                  </a:lnTo>
                  <a:lnTo>
                    <a:pt x="1308" y="345"/>
                  </a:lnTo>
                  <a:lnTo>
                    <a:pt x="1308" y="356"/>
                  </a:lnTo>
                  <a:lnTo>
                    <a:pt x="1308" y="361"/>
                  </a:lnTo>
                  <a:lnTo>
                    <a:pt x="1311" y="363"/>
                  </a:lnTo>
                  <a:lnTo>
                    <a:pt x="1316" y="366"/>
                  </a:lnTo>
                  <a:lnTo>
                    <a:pt x="1319" y="366"/>
                  </a:lnTo>
                  <a:lnTo>
                    <a:pt x="1321" y="366"/>
                  </a:lnTo>
                  <a:lnTo>
                    <a:pt x="1329" y="368"/>
                  </a:lnTo>
                  <a:lnTo>
                    <a:pt x="1334" y="371"/>
                  </a:lnTo>
                  <a:lnTo>
                    <a:pt x="1339" y="371"/>
                  </a:lnTo>
                  <a:lnTo>
                    <a:pt x="1341" y="373"/>
                  </a:lnTo>
                  <a:lnTo>
                    <a:pt x="1339" y="376"/>
                  </a:lnTo>
                  <a:lnTo>
                    <a:pt x="1334" y="376"/>
                  </a:lnTo>
                  <a:lnTo>
                    <a:pt x="1331" y="376"/>
                  </a:lnTo>
                  <a:lnTo>
                    <a:pt x="1326" y="376"/>
                  </a:lnTo>
                  <a:lnTo>
                    <a:pt x="1321" y="378"/>
                  </a:lnTo>
                  <a:lnTo>
                    <a:pt x="1316" y="381"/>
                  </a:lnTo>
                  <a:lnTo>
                    <a:pt x="1316" y="383"/>
                  </a:lnTo>
                  <a:lnTo>
                    <a:pt x="1319" y="386"/>
                  </a:lnTo>
                  <a:lnTo>
                    <a:pt x="1321" y="386"/>
                  </a:lnTo>
                  <a:lnTo>
                    <a:pt x="1326" y="388"/>
                  </a:lnTo>
                  <a:lnTo>
                    <a:pt x="1331" y="391"/>
                  </a:lnTo>
                  <a:lnTo>
                    <a:pt x="1334" y="393"/>
                  </a:lnTo>
                  <a:lnTo>
                    <a:pt x="1339" y="396"/>
                  </a:lnTo>
                  <a:lnTo>
                    <a:pt x="1341" y="396"/>
                  </a:lnTo>
                  <a:lnTo>
                    <a:pt x="1346" y="396"/>
                  </a:lnTo>
                  <a:lnTo>
                    <a:pt x="1351" y="393"/>
                  </a:lnTo>
                  <a:lnTo>
                    <a:pt x="1356" y="391"/>
                  </a:lnTo>
                  <a:lnTo>
                    <a:pt x="1359" y="393"/>
                  </a:lnTo>
                  <a:lnTo>
                    <a:pt x="1361" y="396"/>
                  </a:lnTo>
                  <a:lnTo>
                    <a:pt x="1371" y="398"/>
                  </a:lnTo>
                  <a:lnTo>
                    <a:pt x="1374" y="398"/>
                  </a:lnTo>
                  <a:lnTo>
                    <a:pt x="1366" y="436"/>
                  </a:lnTo>
                  <a:lnTo>
                    <a:pt x="1336" y="482"/>
                  </a:lnTo>
                  <a:lnTo>
                    <a:pt x="1326" y="426"/>
                  </a:lnTo>
                  <a:lnTo>
                    <a:pt x="1308" y="403"/>
                  </a:lnTo>
                  <a:lnTo>
                    <a:pt x="1288" y="431"/>
                  </a:lnTo>
                  <a:lnTo>
                    <a:pt x="1278" y="403"/>
                  </a:lnTo>
                  <a:lnTo>
                    <a:pt x="1258" y="368"/>
                  </a:lnTo>
                  <a:lnTo>
                    <a:pt x="1248" y="323"/>
                  </a:lnTo>
                  <a:lnTo>
                    <a:pt x="1215" y="270"/>
                  </a:lnTo>
                  <a:lnTo>
                    <a:pt x="1190" y="343"/>
                  </a:lnTo>
                  <a:lnTo>
                    <a:pt x="1190" y="368"/>
                  </a:lnTo>
                  <a:lnTo>
                    <a:pt x="1225" y="398"/>
                  </a:lnTo>
                  <a:lnTo>
                    <a:pt x="1230" y="431"/>
                  </a:lnTo>
                  <a:lnTo>
                    <a:pt x="1205" y="456"/>
                  </a:lnTo>
                  <a:lnTo>
                    <a:pt x="1190" y="446"/>
                  </a:lnTo>
                  <a:lnTo>
                    <a:pt x="1185" y="446"/>
                  </a:lnTo>
                  <a:lnTo>
                    <a:pt x="1185" y="444"/>
                  </a:lnTo>
                  <a:lnTo>
                    <a:pt x="1187" y="439"/>
                  </a:lnTo>
                  <a:lnTo>
                    <a:pt x="1185" y="434"/>
                  </a:lnTo>
                  <a:lnTo>
                    <a:pt x="1185" y="429"/>
                  </a:lnTo>
                  <a:lnTo>
                    <a:pt x="1182" y="424"/>
                  </a:lnTo>
                  <a:lnTo>
                    <a:pt x="1185" y="424"/>
                  </a:lnTo>
                  <a:lnTo>
                    <a:pt x="1187" y="424"/>
                  </a:lnTo>
                  <a:lnTo>
                    <a:pt x="1190" y="424"/>
                  </a:lnTo>
                  <a:lnTo>
                    <a:pt x="1192" y="424"/>
                  </a:lnTo>
                  <a:lnTo>
                    <a:pt x="1195" y="424"/>
                  </a:lnTo>
                  <a:lnTo>
                    <a:pt x="1198" y="419"/>
                  </a:lnTo>
                  <a:lnTo>
                    <a:pt x="1200" y="413"/>
                  </a:lnTo>
                  <a:lnTo>
                    <a:pt x="1198" y="408"/>
                  </a:lnTo>
                  <a:lnTo>
                    <a:pt x="1192" y="406"/>
                  </a:lnTo>
                  <a:lnTo>
                    <a:pt x="1190" y="403"/>
                  </a:lnTo>
                  <a:lnTo>
                    <a:pt x="1185" y="403"/>
                  </a:lnTo>
                  <a:lnTo>
                    <a:pt x="1180" y="398"/>
                  </a:lnTo>
                  <a:lnTo>
                    <a:pt x="1175" y="396"/>
                  </a:lnTo>
                  <a:lnTo>
                    <a:pt x="1170" y="391"/>
                  </a:lnTo>
                  <a:lnTo>
                    <a:pt x="1167" y="388"/>
                  </a:lnTo>
                  <a:lnTo>
                    <a:pt x="1165" y="383"/>
                  </a:lnTo>
                  <a:lnTo>
                    <a:pt x="1162" y="378"/>
                  </a:lnTo>
                  <a:lnTo>
                    <a:pt x="1162" y="373"/>
                  </a:lnTo>
                  <a:lnTo>
                    <a:pt x="1162" y="371"/>
                  </a:lnTo>
                  <a:lnTo>
                    <a:pt x="1165" y="368"/>
                  </a:lnTo>
                  <a:lnTo>
                    <a:pt x="1165" y="363"/>
                  </a:lnTo>
                  <a:lnTo>
                    <a:pt x="1162" y="356"/>
                  </a:lnTo>
                  <a:lnTo>
                    <a:pt x="1162" y="350"/>
                  </a:lnTo>
                  <a:lnTo>
                    <a:pt x="1160" y="343"/>
                  </a:lnTo>
                  <a:lnTo>
                    <a:pt x="1160" y="338"/>
                  </a:lnTo>
                  <a:lnTo>
                    <a:pt x="1157" y="333"/>
                  </a:lnTo>
                  <a:lnTo>
                    <a:pt x="1157" y="328"/>
                  </a:lnTo>
                  <a:lnTo>
                    <a:pt x="1160" y="325"/>
                  </a:lnTo>
                  <a:lnTo>
                    <a:pt x="1162" y="323"/>
                  </a:lnTo>
                  <a:lnTo>
                    <a:pt x="1165" y="323"/>
                  </a:lnTo>
                  <a:lnTo>
                    <a:pt x="1167" y="318"/>
                  </a:lnTo>
                  <a:lnTo>
                    <a:pt x="1172" y="310"/>
                  </a:lnTo>
                  <a:lnTo>
                    <a:pt x="1172" y="308"/>
                  </a:lnTo>
                  <a:lnTo>
                    <a:pt x="1172" y="305"/>
                  </a:lnTo>
                  <a:lnTo>
                    <a:pt x="1170" y="303"/>
                  </a:lnTo>
                  <a:lnTo>
                    <a:pt x="1165" y="300"/>
                  </a:lnTo>
                  <a:lnTo>
                    <a:pt x="1162" y="300"/>
                  </a:lnTo>
                  <a:lnTo>
                    <a:pt x="1157" y="300"/>
                  </a:lnTo>
                  <a:lnTo>
                    <a:pt x="1152" y="300"/>
                  </a:lnTo>
                  <a:lnTo>
                    <a:pt x="1147" y="300"/>
                  </a:lnTo>
                  <a:lnTo>
                    <a:pt x="1142" y="303"/>
                  </a:lnTo>
                  <a:lnTo>
                    <a:pt x="1145" y="305"/>
                  </a:lnTo>
                  <a:lnTo>
                    <a:pt x="1147" y="308"/>
                  </a:lnTo>
                  <a:lnTo>
                    <a:pt x="1150" y="310"/>
                  </a:lnTo>
                  <a:lnTo>
                    <a:pt x="1152" y="313"/>
                  </a:lnTo>
                  <a:lnTo>
                    <a:pt x="1150" y="313"/>
                  </a:lnTo>
                  <a:lnTo>
                    <a:pt x="1147" y="315"/>
                  </a:lnTo>
                  <a:lnTo>
                    <a:pt x="1145" y="313"/>
                  </a:lnTo>
                  <a:lnTo>
                    <a:pt x="1142" y="310"/>
                  </a:lnTo>
                  <a:lnTo>
                    <a:pt x="1137" y="310"/>
                  </a:lnTo>
                  <a:lnTo>
                    <a:pt x="1134" y="313"/>
                  </a:lnTo>
                  <a:lnTo>
                    <a:pt x="1132" y="315"/>
                  </a:lnTo>
                  <a:lnTo>
                    <a:pt x="1132" y="320"/>
                  </a:lnTo>
                  <a:lnTo>
                    <a:pt x="1132" y="323"/>
                  </a:lnTo>
                  <a:lnTo>
                    <a:pt x="1134" y="328"/>
                  </a:lnTo>
                  <a:lnTo>
                    <a:pt x="1137" y="330"/>
                  </a:lnTo>
                  <a:lnTo>
                    <a:pt x="1134" y="335"/>
                  </a:lnTo>
                  <a:lnTo>
                    <a:pt x="1132" y="340"/>
                  </a:lnTo>
                  <a:lnTo>
                    <a:pt x="1132" y="348"/>
                  </a:lnTo>
                  <a:lnTo>
                    <a:pt x="1129" y="353"/>
                  </a:lnTo>
                  <a:lnTo>
                    <a:pt x="1127" y="350"/>
                  </a:lnTo>
                  <a:lnTo>
                    <a:pt x="1124" y="343"/>
                  </a:lnTo>
                  <a:lnTo>
                    <a:pt x="1124" y="335"/>
                  </a:lnTo>
                  <a:lnTo>
                    <a:pt x="1124" y="328"/>
                  </a:lnTo>
                  <a:lnTo>
                    <a:pt x="1119" y="323"/>
                  </a:lnTo>
                  <a:lnTo>
                    <a:pt x="1117" y="320"/>
                  </a:lnTo>
                  <a:lnTo>
                    <a:pt x="1112" y="315"/>
                  </a:lnTo>
                  <a:lnTo>
                    <a:pt x="1109" y="315"/>
                  </a:lnTo>
                  <a:lnTo>
                    <a:pt x="1109" y="318"/>
                  </a:lnTo>
                  <a:lnTo>
                    <a:pt x="1112" y="323"/>
                  </a:lnTo>
                  <a:lnTo>
                    <a:pt x="1112" y="328"/>
                  </a:lnTo>
                  <a:lnTo>
                    <a:pt x="1109" y="328"/>
                  </a:lnTo>
                  <a:lnTo>
                    <a:pt x="1104" y="328"/>
                  </a:lnTo>
                  <a:lnTo>
                    <a:pt x="1099" y="325"/>
                  </a:lnTo>
                  <a:lnTo>
                    <a:pt x="1094" y="320"/>
                  </a:lnTo>
                  <a:lnTo>
                    <a:pt x="1092" y="315"/>
                  </a:lnTo>
                  <a:lnTo>
                    <a:pt x="1092" y="313"/>
                  </a:lnTo>
                  <a:lnTo>
                    <a:pt x="1087" y="313"/>
                  </a:lnTo>
                  <a:lnTo>
                    <a:pt x="1082" y="315"/>
                  </a:lnTo>
                  <a:lnTo>
                    <a:pt x="1079" y="315"/>
                  </a:lnTo>
                  <a:lnTo>
                    <a:pt x="1077" y="313"/>
                  </a:lnTo>
                  <a:lnTo>
                    <a:pt x="1079" y="310"/>
                  </a:lnTo>
                  <a:lnTo>
                    <a:pt x="1082" y="303"/>
                  </a:lnTo>
                  <a:lnTo>
                    <a:pt x="1082" y="300"/>
                  </a:lnTo>
                  <a:lnTo>
                    <a:pt x="1077" y="298"/>
                  </a:lnTo>
                  <a:lnTo>
                    <a:pt x="1071" y="300"/>
                  </a:lnTo>
                  <a:lnTo>
                    <a:pt x="1064" y="300"/>
                  </a:lnTo>
                  <a:lnTo>
                    <a:pt x="1056" y="303"/>
                  </a:lnTo>
                  <a:lnTo>
                    <a:pt x="1051" y="303"/>
                  </a:lnTo>
                  <a:lnTo>
                    <a:pt x="1049" y="305"/>
                  </a:lnTo>
                  <a:lnTo>
                    <a:pt x="1044" y="305"/>
                  </a:lnTo>
                  <a:lnTo>
                    <a:pt x="1039" y="308"/>
                  </a:lnTo>
                  <a:lnTo>
                    <a:pt x="1036" y="310"/>
                  </a:lnTo>
                  <a:lnTo>
                    <a:pt x="1036" y="315"/>
                  </a:lnTo>
                  <a:lnTo>
                    <a:pt x="1034" y="320"/>
                  </a:lnTo>
                  <a:lnTo>
                    <a:pt x="1029" y="323"/>
                  </a:lnTo>
                  <a:lnTo>
                    <a:pt x="1024" y="323"/>
                  </a:lnTo>
                  <a:lnTo>
                    <a:pt x="1021" y="325"/>
                  </a:lnTo>
                  <a:lnTo>
                    <a:pt x="1021" y="330"/>
                  </a:lnTo>
                  <a:lnTo>
                    <a:pt x="1024" y="333"/>
                  </a:lnTo>
                  <a:lnTo>
                    <a:pt x="1029" y="338"/>
                  </a:lnTo>
                  <a:lnTo>
                    <a:pt x="1034" y="343"/>
                  </a:lnTo>
                  <a:lnTo>
                    <a:pt x="1036" y="345"/>
                  </a:lnTo>
                  <a:lnTo>
                    <a:pt x="1039" y="345"/>
                  </a:lnTo>
                  <a:lnTo>
                    <a:pt x="1039" y="350"/>
                  </a:lnTo>
                  <a:lnTo>
                    <a:pt x="1039" y="353"/>
                  </a:lnTo>
                  <a:lnTo>
                    <a:pt x="1034" y="356"/>
                  </a:lnTo>
                  <a:lnTo>
                    <a:pt x="1026" y="353"/>
                  </a:lnTo>
                  <a:lnTo>
                    <a:pt x="1021" y="356"/>
                  </a:lnTo>
                  <a:lnTo>
                    <a:pt x="1021" y="358"/>
                  </a:lnTo>
                  <a:lnTo>
                    <a:pt x="1021" y="361"/>
                  </a:lnTo>
                  <a:lnTo>
                    <a:pt x="1021" y="366"/>
                  </a:lnTo>
                  <a:lnTo>
                    <a:pt x="1024" y="371"/>
                  </a:lnTo>
                  <a:lnTo>
                    <a:pt x="1026" y="373"/>
                  </a:lnTo>
                  <a:lnTo>
                    <a:pt x="1031" y="373"/>
                  </a:lnTo>
                  <a:lnTo>
                    <a:pt x="1036" y="373"/>
                  </a:lnTo>
                  <a:lnTo>
                    <a:pt x="1044" y="373"/>
                  </a:lnTo>
                  <a:lnTo>
                    <a:pt x="1051" y="376"/>
                  </a:lnTo>
                  <a:lnTo>
                    <a:pt x="1054" y="376"/>
                  </a:lnTo>
                  <a:lnTo>
                    <a:pt x="1059" y="376"/>
                  </a:lnTo>
                  <a:lnTo>
                    <a:pt x="1069" y="378"/>
                  </a:lnTo>
                  <a:lnTo>
                    <a:pt x="1077" y="381"/>
                  </a:lnTo>
                  <a:lnTo>
                    <a:pt x="1082" y="386"/>
                  </a:lnTo>
                  <a:lnTo>
                    <a:pt x="1082" y="391"/>
                  </a:lnTo>
                  <a:lnTo>
                    <a:pt x="1079" y="396"/>
                  </a:lnTo>
                  <a:lnTo>
                    <a:pt x="1079" y="398"/>
                  </a:lnTo>
                  <a:lnTo>
                    <a:pt x="1077" y="398"/>
                  </a:lnTo>
                  <a:lnTo>
                    <a:pt x="1071" y="396"/>
                  </a:lnTo>
                  <a:lnTo>
                    <a:pt x="1066" y="396"/>
                  </a:lnTo>
                  <a:lnTo>
                    <a:pt x="1059" y="393"/>
                  </a:lnTo>
                  <a:lnTo>
                    <a:pt x="1054" y="388"/>
                  </a:lnTo>
                  <a:lnTo>
                    <a:pt x="1049" y="388"/>
                  </a:lnTo>
                  <a:lnTo>
                    <a:pt x="1044" y="386"/>
                  </a:lnTo>
                  <a:lnTo>
                    <a:pt x="1039" y="383"/>
                  </a:lnTo>
                  <a:lnTo>
                    <a:pt x="1034" y="383"/>
                  </a:lnTo>
                  <a:lnTo>
                    <a:pt x="1026" y="383"/>
                  </a:lnTo>
                  <a:lnTo>
                    <a:pt x="1021" y="383"/>
                  </a:lnTo>
                  <a:lnTo>
                    <a:pt x="1019" y="383"/>
                  </a:lnTo>
                  <a:lnTo>
                    <a:pt x="1019" y="388"/>
                  </a:lnTo>
                  <a:lnTo>
                    <a:pt x="1019" y="393"/>
                  </a:lnTo>
                  <a:lnTo>
                    <a:pt x="1019" y="398"/>
                  </a:lnTo>
                  <a:lnTo>
                    <a:pt x="1019" y="403"/>
                  </a:lnTo>
                  <a:lnTo>
                    <a:pt x="1021" y="406"/>
                  </a:lnTo>
                  <a:lnTo>
                    <a:pt x="1026" y="406"/>
                  </a:lnTo>
                  <a:lnTo>
                    <a:pt x="1031" y="408"/>
                  </a:lnTo>
                  <a:lnTo>
                    <a:pt x="1036" y="413"/>
                  </a:lnTo>
                  <a:lnTo>
                    <a:pt x="1044" y="419"/>
                  </a:lnTo>
                  <a:lnTo>
                    <a:pt x="1049" y="424"/>
                  </a:lnTo>
                  <a:lnTo>
                    <a:pt x="1049" y="429"/>
                  </a:lnTo>
                  <a:lnTo>
                    <a:pt x="1051" y="434"/>
                  </a:lnTo>
                  <a:lnTo>
                    <a:pt x="1051" y="439"/>
                  </a:lnTo>
                  <a:lnTo>
                    <a:pt x="1054" y="441"/>
                  </a:lnTo>
                  <a:lnTo>
                    <a:pt x="1056" y="441"/>
                  </a:lnTo>
                  <a:lnTo>
                    <a:pt x="1059" y="441"/>
                  </a:lnTo>
                  <a:lnTo>
                    <a:pt x="1064" y="444"/>
                  </a:lnTo>
                  <a:lnTo>
                    <a:pt x="1066" y="444"/>
                  </a:lnTo>
                  <a:lnTo>
                    <a:pt x="1071" y="446"/>
                  </a:lnTo>
                  <a:lnTo>
                    <a:pt x="1074" y="446"/>
                  </a:lnTo>
                  <a:lnTo>
                    <a:pt x="1077" y="446"/>
                  </a:lnTo>
                  <a:lnTo>
                    <a:pt x="1079" y="446"/>
                  </a:lnTo>
                  <a:lnTo>
                    <a:pt x="1084" y="446"/>
                  </a:lnTo>
                  <a:lnTo>
                    <a:pt x="1087" y="444"/>
                  </a:lnTo>
                  <a:lnTo>
                    <a:pt x="1094" y="444"/>
                  </a:lnTo>
                  <a:lnTo>
                    <a:pt x="1102" y="441"/>
                  </a:lnTo>
                  <a:lnTo>
                    <a:pt x="1107" y="439"/>
                  </a:lnTo>
                  <a:lnTo>
                    <a:pt x="1114" y="439"/>
                  </a:lnTo>
                  <a:lnTo>
                    <a:pt x="1119" y="436"/>
                  </a:lnTo>
                  <a:lnTo>
                    <a:pt x="1124" y="434"/>
                  </a:lnTo>
                  <a:lnTo>
                    <a:pt x="1129" y="429"/>
                  </a:lnTo>
                  <a:lnTo>
                    <a:pt x="1132" y="426"/>
                  </a:lnTo>
                  <a:lnTo>
                    <a:pt x="1134" y="429"/>
                  </a:lnTo>
                  <a:lnTo>
                    <a:pt x="1137" y="429"/>
                  </a:lnTo>
                  <a:lnTo>
                    <a:pt x="1142" y="434"/>
                  </a:lnTo>
                  <a:lnTo>
                    <a:pt x="1145" y="434"/>
                  </a:lnTo>
                  <a:lnTo>
                    <a:pt x="1147" y="439"/>
                  </a:lnTo>
                  <a:lnTo>
                    <a:pt x="1152" y="441"/>
                  </a:lnTo>
                  <a:lnTo>
                    <a:pt x="1157" y="444"/>
                  </a:lnTo>
                  <a:lnTo>
                    <a:pt x="1160" y="449"/>
                  </a:lnTo>
                  <a:lnTo>
                    <a:pt x="1167" y="451"/>
                  </a:lnTo>
                  <a:lnTo>
                    <a:pt x="1157" y="471"/>
                  </a:lnTo>
                  <a:lnTo>
                    <a:pt x="1122" y="461"/>
                  </a:lnTo>
                  <a:lnTo>
                    <a:pt x="1069" y="461"/>
                  </a:lnTo>
                  <a:lnTo>
                    <a:pt x="1039" y="441"/>
                  </a:lnTo>
                  <a:lnTo>
                    <a:pt x="991" y="451"/>
                  </a:lnTo>
                  <a:lnTo>
                    <a:pt x="996" y="466"/>
                  </a:lnTo>
                  <a:lnTo>
                    <a:pt x="1001" y="497"/>
                  </a:lnTo>
                  <a:lnTo>
                    <a:pt x="986" y="492"/>
                  </a:lnTo>
                  <a:lnTo>
                    <a:pt x="958" y="461"/>
                  </a:lnTo>
                  <a:lnTo>
                    <a:pt x="903" y="471"/>
                  </a:lnTo>
                  <a:lnTo>
                    <a:pt x="875" y="451"/>
                  </a:lnTo>
                  <a:lnTo>
                    <a:pt x="885" y="431"/>
                  </a:lnTo>
                  <a:lnTo>
                    <a:pt x="850" y="421"/>
                  </a:lnTo>
                  <a:lnTo>
                    <a:pt x="807" y="398"/>
                  </a:lnTo>
                  <a:lnTo>
                    <a:pt x="749" y="383"/>
                  </a:lnTo>
                  <a:lnTo>
                    <a:pt x="713" y="393"/>
                  </a:lnTo>
                  <a:lnTo>
                    <a:pt x="676" y="353"/>
                  </a:lnTo>
                  <a:lnTo>
                    <a:pt x="577" y="398"/>
                  </a:lnTo>
                  <a:lnTo>
                    <a:pt x="550" y="426"/>
                  </a:lnTo>
                  <a:lnTo>
                    <a:pt x="509" y="416"/>
                  </a:lnTo>
                  <a:lnTo>
                    <a:pt x="482" y="388"/>
                  </a:lnTo>
                  <a:lnTo>
                    <a:pt x="451" y="378"/>
                  </a:lnTo>
                  <a:lnTo>
                    <a:pt x="439" y="378"/>
                  </a:lnTo>
                  <a:lnTo>
                    <a:pt x="424" y="363"/>
                  </a:lnTo>
                  <a:lnTo>
                    <a:pt x="376" y="368"/>
                  </a:lnTo>
                  <a:lnTo>
                    <a:pt x="308" y="338"/>
                  </a:lnTo>
                  <a:lnTo>
                    <a:pt x="277" y="343"/>
                  </a:lnTo>
                  <a:lnTo>
                    <a:pt x="252" y="328"/>
                  </a:lnTo>
                  <a:lnTo>
                    <a:pt x="245" y="310"/>
                  </a:lnTo>
                  <a:lnTo>
                    <a:pt x="199" y="295"/>
                  </a:lnTo>
                  <a:lnTo>
                    <a:pt x="171" y="315"/>
                  </a:lnTo>
                  <a:lnTo>
                    <a:pt x="131" y="333"/>
                  </a:lnTo>
                  <a:lnTo>
                    <a:pt x="98" y="353"/>
                  </a:lnTo>
                  <a:lnTo>
                    <a:pt x="78" y="403"/>
                  </a:lnTo>
                  <a:lnTo>
                    <a:pt x="35" y="413"/>
                  </a:lnTo>
                  <a:lnTo>
                    <a:pt x="35" y="446"/>
                  </a:lnTo>
                  <a:lnTo>
                    <a:pt x="68" y="487"/>
                  </a:lnTo>
                  <a:lnTo>
                    <a:pt x="98" y="502"/>
                  </a:lnTo>
                  <a:lnTo>
                    <a:pt x="98" y="522"/>
                  </a:lnTo>
                  <a:lnTo>
                    <a:pt x="78" y="532"/>
                  </a:lnTo>
                  <a:lnTo>
                    <a:pt x="50" y="522"/>
                  </a:lnTo>
                  <a:lnTo>
                    <a:pt x="0" y="560"/>
                  </a:lnTo>
                  <a:lnTo>
                    <a:pt x="15" y="575"/>
                  </a:lnTo>
                  <a:lnTo>
                    <a:pt x="35" y="595"/>
                  </a:lnTo>
                  <a:lnTo>
                    <a:pt x="83" y="595"/>
                  </a:lnTo>
                  <a:lnTo>
                    <a:pt x="118" y="600"/>
                  </a:lnTo>
                  <a:lnTo>
                    <a:pt x="103" y="635"/>
                  </a:lnTo>
                  <a:lnTo>
                    <a:pt x="63" y="653"/>
                  </a:lnTo>
                  <a:lnTo>
                    <a:pt x="30" y="673"/>
                  </a:lnTo>
                  <a:lnTo>
                    <a:pt x="25" y="698"/>
                  </a:lnTo>
                  <a:lnTo>
                    <a:pt x="63" y="724"/>
                  </a:lnTo>
                  <a:lnTo>
                    <a:pt x="68" y="751"/>
                  </a:lnTo>
                  <a:lnTo>
                    <a:pt x="93" y="761"/>
                  </a:lnTo>
                  <a:lnTo>
                    <a:pt x="98" y="797"/>
                  </a:lnTo>
                  <a:lnTo>
                    <a:pt x="136" y="792"/>
                  </a:lnTo>
                  <a:lnTo>
                    <a:pt x="182" y="792"/>
                  </a:lnTo>
                  <a:lnTo>
                    <a:pt x="156" y="840"/>
                  </a:lnTo>
                  <a:lnTo>
                    <a:pt x="78" y="905"/>
                  </a:lnTo>
                  <a:lnTo>
                    <a:pt x="166" y="860"/>
                  </a:lnTo>
                  <a:lnTo>
                    <a:pt x="234" y="787"/>
                  </a:lnTo>
                  <a:lnTo>
                    <a:pt x="229" y="772"/>
                  </a:lnTo>
                  <a:lnTo>
                    <a:pt x="272" y="719"/>
                  </a:lnTo>
                  <a:lnTo>
                    <a:pt x="282" y="741"/>
                  </a:lnTo>
                  <a:lnTo>
                    <a:pt x="287" y="766"/>
                  </a:lnTo>
                  <a:lnTo>
                    <a:pt x="320" y="741"/>
                  </a:lnTo>
                  <a:lnTo>
                    <a:pt x="355" y="719"/>
                  </a:lnTo>
                  <a:lnTo>
                    <a:pt x="371" y="731"/>
                  </a:lnTo>
                  <a:lnTo>
                    <a:pt x="451" y="746"/>
                  </a:lnTo>
                  <a:lnTo>
                    <a:pt x="504" y="772"/>
                  </a:lnTo>
                  <a:lnTo>
                    <a:pt x="545" y="751"/>
                  </a:lnTo>
                  <a:lnTo>
                    <a:pt x="603" y="855"/>
                  </a:lnTo>
                  <a:lnTo>
                    <a:pt x="640" y="880"/>
                  </a:lnTo>
                  <a:lnTo>
                    <a:pt x="635" y="920"/>
                  </a:lnTo>
                  <a:lnTo>
                    <a:pt x="650" y="953"/>
                  </a:lnTo>
                  <a:lnTo>
                    <a:pt x="691" y="1009"/>
                  </a:lnTo>
                  <a:lnTo>
                    <a:pt x="749" y="1046"/>
                  </a:lnTo>
                  <a:lnTo>
                    <a:pt x="754" y="1072"/>
                  </a:lnTo>
                  <a:lnTo>
                    <a:pt x="759" y="1102"/>
                  </a:lnTo>
                  <a:lnTo>
                    <a:pt x="744" y="1112"/>
                  </a:lnTo>
                  <a:lnTo>
                    <a:pt x="749" y="1092"/>
                  </a:lnTo>
                  <a:lnTo>
                    <a:pt x="719" y="1082"/>
                  </a:lnTo>
                  <a:lnTo>
                    <a:pt x="734" y="1137"/>
                  </a:lnTo>
                  <a:lnTo>
                    <a:pt x="729" y="1180"/>
                  </a:lnTo>
                  <a:lnTo>
                    <a:pt x="719" y="1220"/>
                  </a:lnTo>
                  <a:lnTo>
                    <a:pt x="729" y="1253"/>
                  </a:lnTo>
                  <a:lnTo>
                    <a:pt x="729" y="1273"/>
                  </a:lnTo>
                  <a:lnTo>
                    <a:pt x="754" y="1324"/>
                  </a:lnTo>
                  <a:lnTo>
                    <a:pt x="774" y="1359"/>
                  </a:lnTo>
                  <a:lnTo>
                    <a:pt x="792" y="1387"/>
                  </a:lnTo>
                  <a:lnTo>
                    <a:pt x="837" y="1417"/>
                  </a:lnTo>
                  <a:lnTo>
                    <a:pt x="842" y="1427"/>
                  </a:lnTo>
                  <a:lnTo>
                    <a:pt x="845" y="1427"/>
                  </a:lnTo>
                  <a:lnTo>
                    <a:pt x="875" y="1483"/>
                  </a:lnTo>
                  <a:lnTo>
                    <a:pt x="895" y="1515"/>
                  </a:lnTo>
                  <a:lnTo>
                    <a:pt x="890" y="1525"/>
                  </a:lnTo>
                  <a:lnTo>
                    <a:pt x="928" y="1551"/>
                  </a:lnTo>
                  <a:lnTo>
                    <a:pt x="933" y="1576"/>
                  </a:lnTo>
                  <a:lnTo>
                    <a:pt x="948" y="1586"/>
                  </a:lnTo>
                  <a:lnTo>
                    <a:pt x="968" y="1606"/>
                  </a:lnTo>
                  <a:lnTo>
                    <a:pt x="976" y="1591"/>
                  </a:lnTo>
                  <a:lnTo>
                    <a:pt x="953" y="1576"/>
                  </a:lnTo>
                  <a:lnTo>
                    <a:pt x="933" y="1530"/>
                  </a:lnTo>
                  <a:lnTo>
                    <a:pt x="895" y="1477"/>
                  </a:lnTo>
                  <a:lnTo>
                    <a:pt x="885" y="1447"/>
                  </a:lnTo>
                  <a:lnTo>
                    <a:pt x="913" y="1457"/>
                  </a:lnTo>
                  <a:lnTo>
                    <a:pt x="938" y="1510"/>
                  </a:lnTo>
                  <a:lnTo>
                    <a:pt x="948" y="1525"/>
                  </a:lnTo>
                  <a:lnTo>
                    <a:pt x="976" y="1541"/>
                  </a:lnTo>
                  <a:lnTo>
                    <a:pt x="976" y="1556"/>
                  </a:lnTo>
                  <a:lnTo>
                    <a:pt x="996" y="1566"/>
                  </a:lnTo>
                  <a:lnTo>
                    <a:pt x="1006" y="1581"/>
                  </a:lnTo>
                  <a:lnTo>
                    <a:pt x="1031" y="1606"/>
                  </a:lnTo>
                  <a:lnTo>
                    <a:pt x="1036" y="1644"/>
                  </a:lnTo>
                  <a:lnTo>
                    <a:pt x="1036" y="1659"/>
                  </a:lnTo>
                  <a:lnTo>
                    <a:pt x="1104" y="1699"/>
                  </a:lnTo>
                  <a:lnTo>
                    <a:pt x="1137" y="1717"/>
                  </a:lnTo>
                  <a:lnTo>
                    <a:pt x="1195" y="1732"/>
                  </a:lnTo>
                  <a:lnTo>
                    <a:pt x="1210" y="1727"/>
                  </a:lnTo>
                  <a:lnTo>
                    <a:pt x="1225" y="1727"/>
                  </a:lnTo>
                  <a:lnTo>
                    <a:pt x="1250" y="1747"/>
                  </a:lnTo>
                  <a:lnTo>
                    <a:pt x="1256" y="1755"/>
                  </a:lnTo>
                  <a:lnTo>
                    <a:pt x="1288" y="1760"/>
                  </a:lnTo>
                  <a:lnTo>
                    <a:pt x="1303" y="1755"/>
                  </a:lnTo>
                  <a:lnTo>
                    <a:pt x="1303" y="1752"/>
                  </a:lnTo>
                  <a:lnTo>
                    <a:pt x="1331" y="1767"/>
                  </a:lnTo>
                  <a:lnTo>
                    <a:pt x="1361" y="1755"/>
                  </a:lnTo>
                  <a:lnTo>
                    <a:pt x="1329" y="1767"/>
                  </a:lnTo>
                  <a:lnTo>
                    <a:pt x="1356" y="1810"/>
                  </a:lnTo>
                  <a:lnTo>
                    <a:pt x="1366" y="1820"/>
                  </a:lnTo>
                  <a:lnTo>
                    <a:pt x="1414" y="1851"/>
                  </a:lnTo>
                  <a:lnTo>
                    <a:pt x="1419" y="1830"/>
                  </a:lnTo>
                  <a:lnTo>
                    <a:pt x="1404" y="1810"/>
                  </a:lnTo>
                  <a:close/>
                  <a:moveTo>
                    <a:pt x="1268" y="1722"/>
                  </a:moveTo>
                  <a:lnTo>
                    <a:pt x="1268" y="1722"/>
                  </a:lnTo>
                  <a:lnTo>
                    <a:pt x="1281" y="1722"/>
                  </a:lnTo>
                  <a:lnTo>
                    <a:pt x="1283" y="1722"/>
                  </a:lnTo>
                  <a:lnTo>
                    <a:pt x="1268" y="1722"/>
                  </a:lnTo>
                  <a:close/>
                  <a:moveTo>
                    <a:pt x="1593" y="1692"/>
                  </a:moveTo>
                  <a:lnTo>
                    <a:pt x="1614" y="1692"/>
                  </a:lnTo>
                  <a:lnTo>
                    <a:pt x="1629" y="1679"/>
                  </a:lnTo>
                  <a:lnTo>
                    <a:pt x="1671" y="1687"/>
                  </a:lnTo>
                  <a:lnTo>
                    <a:pt x="1651" y="1674"/>
                  </a:lnTo>
                  <a:lnTo>
                    <a:pt x="1619" y="1659"/>
                  </a:lnTo>
                  <a:lnTo>
                    <a:pt x="1578" y="1659"/>
                  </a:lnTo>
                  <a:lnTo>
                    <a:pt x="1578" y="1669"/>
                  </a:lnTo>
                  <a:lnTo>
                    <a:pt x="1556" y="1674"/>
                  </a:lnTo>
                  <a:lnTo>
                    <a:pt x="1583" y="1687"/>
                  </a:lnTo>
                  <a:lnTo>
                    <a:pt x="1593" y="1692"/>
                  </a:lnTo>
                  <a:close/>
                  <a:moveTo>
                    <a:pt x="1520" y="1634"/>
                  </a:moveTo>
                  <a:lnTo>
                    <a:pt x="1520" y="1634"/>
                  </a:lnTo>
                  <a:lnTo>
                    <a:pt x="1513" y="1624"/>
                  </a:lnTo>
                  <a:lnTo>
                    <a:pt x="1510" y="1619"/>
                  </a:lnTo>
                  <a:lnTo>
                    <a:pt x="1472" y="1604"/>
                  </a:lnTo>
                  <a:lnTo>
                    <a:pt x="1414" y="1604"/>
                  </a:lnTo>
                  <a:lnTo>
                    <a:pt x="1382" y="1609"/>
                  </a:lnTo>
                  <a:lnTo>
                    <a:pt x="1371" y="1619"/>
                  </a:lnTo>
                  <a:lnTo>
                    <a:pt x="1397" y="1624"/>
                  </a:lnTo>
                  <a:lnTo>
                    <a:pt x="1419" y="1624"/>
                  </a:lnTo>
                  <a:lnTo>
                    <a:pt x="1450" y="1624"/>
                  </a:lnTo>
                  <a:lnTo>
                    <a:pt x="1482" y="1629"/>
                  </a:lnTo>
                  <a:lnTo>
                    <a:pt x="1492" y="1644"/>
                  </a:lnTo>
                  <a:lnTo>
                    <a:pt x="1503" y="1654"/>
                  </a:lnTo>
                  <a:lnTo>
                    <a:pt x="1545" y="1654"/>
                  </a:lnTo>
                  <a:lnTo>
                    <a:pt x="1553" y="1654"/>
                  </a:lnTo>
                  <a:lnTo>
                    <a:pt x="1556" y="1651"/>
                  </a:lnTo>
                  <a:lnTo>
                    <a:pt x="1556" y="1649"/>
                  </a:lnTo>
                  <a:lnTo>
                    <a:pt x="1545" y="1639"/>
                  </a:lnTo>
                  <a:lnTo>
                    <a:pt x="1538" y="1639"/>
                  </a:lnTo>
                  <a:lnTo>
                    <a:pt x="1528" y="1636"/>
                  </a:lnTo>
                  <a:lnTo>
                    <a:pt x="1520" y="1634"/>
                  </a:lnTo>
                  <a:close/>
                  <a:moveTo>
                    <a:pt x="1704" y="1717"/>
                  </a:moveTo>
                  <a:lnTo>
                    <a:pt x="1729" y="1722"/>
                  </a:lnTo>
                  <a:lnTo>
                    <a:pt x="1729" y="1709"/>
                  </a:lnTo>
                  <a:lnTo>
                    <a:pt x="1707" y="1709"/>
                  </a:lnTo>
                  <a:lnTo>
                    <a:pt x="1704" y="1717"/>
                  </a:lnTo>
                  <a:close/>
                  <a:moveTo>
                    <a:pt x="1452" y="1861"/>
                  </a:moveTo>
                  <a:lnTo>
                    <a:pt x="1452" y="1861"/>
                  </a:lnTo>
                  <a:lnTo>
                    <a:pt x="1467" y="1846"/>
                  </a:lnTo>
                  <a:lnTo>
                    <a:pt x="1487" y="1851"/>
                  </a:lnTo>
                  <a:lnTo>
                    <a:pt x="1492" y="1866"/>
                  </a:lnTo>
                  <a:lnTo>
                    <a:pt x="1508" y="1851"/>
                  </a:lnTo>
                  <a:lnTo>
                    <a:pt x="1487" y="1836"/>
                  </a:lnTo>
                  <a:lnTo>
                    <a:pt x="1462" y="1836"/>
                  </a:lnTo>
                  <a:lnTo>
                    <a:pt x="1445" y="1838"/>
                  </a:lnTo>
                  <a:lnTo>
                    <a:pt x="1432" y="1838"/>
                  </a:lnTo>
                  <a:lnTo>
                    <a:pt x="1424" y="1836"/>
                  </a:lnTo>
                  <a:lnTo>
                    <a:pt x="1419" y="1836"/>
                  </a:lnTo>
                  <a:lnTo>
                    <a:pt x="1419" y="1830"/>
                  </a:lnTo>
                  <a:lnTo>
                    <a:pt x="1414" y="1851"/>
                  </a:lnTo>
                  <a:lnTo>
                    <a:pt x="1435" y="1871"/>
                  </a:lnTo>
                  <a:lnTo>
                    <a:pt x="1445" y="1871"/>
                  </a:lnTo>
                  <a:lnTo>
                    <a:pt x="1452" y="1861"/>
                  </a:lnTo>
                  <a:close/>
                  <a:moveTo>
                    <a:pt x="2201" y="2073"/>
                  </a:moveTo>
                  <a:lnTo>
                    <a:pt x="2201" y="2073"/>
                  </a:lnTo>
                  <a:lnTo>
                    <a:pt x="2168" y="2062"/>
                  </a:lnTo>
                  <a:lnTo>
                    <a:pt x="2123" y="2037"/>
                  </a:lnTo>
                  <a:lnTo>
                    <a:pt x="2070" y="2032"/>
                  </a:lnTo>
                  <a:lnTo>
                    <a:pt x="2055" y="2027"/>
                  </a:lnTo>
                  <a:lnTo>
                    <a:pt x="2042" y="2012"/>
                  </a:lnTo>
                  <a:lnTo>
                    <a:pt x="2002" y="1997"/>
                  </a:lnTo>
                  <a:lnTo>
                    <a:pt x="1964" y="1974"/>
                  </a:lnTo>
                  <a:lnTo>
                    <a:pt x="1959" y="1954"/>
                  </a:lnTo>
                  <a:lnTo>
                    <a:pt x="1944" y="1914"/>
                  </a:lnTo>
                  <a:lnTo>
                    <a:pt x="1939" y="1914"/>
                  </a:lnTo>
                  <a:lnTo>
                    <a:pt x="1903" y="1893"/>
                  </a:lnTo>
                  <a:lnTo>
                    <a:pt x="1891" y="1893"/>
                  </a:lnTo>
                  <a:lnTo>
                    <a:pt x="1891" y="1896"/>
                  </a:lnTo>
                  <a:lnTo>
                    <a:pt x="1891" y="1893"/>
                  </a:lnTo>
                  <a:lnTo>
                    <a:pt x="1848" y="1888"/>
                  </a:lnTo>
                  <a:lnTo>
                    <a:pt x="1848" y="1883"/>
                  </a:lnTo>
                  <a:lnTo>
                    <a:pt x="1848" y="1888"/>
                  </a:lnTo>
                  <a:lnTo>
                    <a:pt x="1848" y="1881"/>
                  </a:lnTo>
                  <a:lnTo>
                    <a:pt x="1828" y="1876"/>
                  </a:lnTo>
                  <a:lnTo>
                    <a:pt x="1823" y="1861"/>
                  </a:lnTo>
                  <a:lnTo>
                    <a:pt x="1803" y="1846"/>
                  </a:lnTo>
                  <a:lnTo>
                    <a:pt x="1798" y="1846"/>
                  </a:lnTo>
                  <a:lnTo>
                    <a:pt x="1782" y="1841"/>
                  </a:lnTo>
                  <a:lnTo>
                    <a:pt x="1777" y="1830"/>
                  </a:lnTo>
                  <a:lnTo>
                    <a:pt x="1745" y="1815"/>
                  </a:lnTo>
                  <a:lnTo>
                    <a:pt x="1694" y="1820"/>
                  </a:lnTo>
                  <a:lnTo>
                    <a:pt x="1666" y="1815"/>
                  </a:lnTo>
                  <a:lnTo>
                    <a:pt x="1661" y="1805"/>
                  </a:lnTo>
                  <a:lnTo>
                    <a:pt x="1636" y="1800"/>
                  </a:lnTo>
                  <a:lnTo>
                    <a:pt x="1608" y="1805"/>
                  </a:lnTo>
                  <a:lnTo>
                    <a:pt x="1606" y="1803"/>
                  </a:lnTo>
                  <a:lnTo>
                    <a:pt x="1606" y="1798"/>
                  </a:lnTo>
                  <a:lnTo>
                    <a:pt x="1603" y="1790"/>
                  </a:lnTo>
                  <a:lnTo>
                    <a:pt x="1591" y="1795"/>
                  </a:lnTo>
                  <a:lnTo>
                    <a:pt x="1603" y="1790"/>
                  </a:lnTo>
                  <a:lnTo>
                    <a:pt x="1603" y="1785"/>
                  </a:lnTo>
                  <a:lnTo>
                    <a:pt x="1566" y="1795"/>
                  </a:lnTo>
                  <a:lnTo>
                    <a:pt x="1545" y="1805"/>
                  </a:lnTo>
                  <a:lnTo>
                    <a:pt x="1535" y="1830"/>
                  </a:lnTo>
                  <a:lnTo>
                    <a:pt x="1525" y="1836"/>
                  </a:lnTo>
                  <a:lnTo>
                    <a:pt x="1508" y="1851"/>
                  </a:lnTo>
                  <a:lnTo>
                    <a:pt x="1492" y="1866"/>
                  </a:lnTo>
                  <a:lnTo>
                    <a:pt x="1498" y="1878"/>
                  </a:lnTo>
                  <a:lnTo>
                    <a:pt x="1503" y="1904"/>
                  </a:lnTo>
                  <a:lnTo>
                    <a:pt x="1503" y="1919"/>
                  </a:lnTo>
                  <a:lnTo>
                    <a:pt x="1508" y="1939"/>
                  </a:lnTo>
                  <a:lnTo>
                    <a:pt x="1487" y="1954"/>
                  </a:lnTo>
                  <a:lnTo>
                    <a:pt x="1477" y="1964"/>
                  </a:lnTo>
                  <a:lnTo>
                    <a:pt x="1472" y="1974"/>
                  </a:lnTo>
                  <a:lnTo>
                    <a:pt x="1450" y="2022"/>
                  </a:lnTo>
                  <a:lnTo>
                    <a:pt x="1462" y="2042"/>
                  </a:lnTo>
                  <a:lnTo>
                    <a:pt x="1450" y="2047"/>
                  </a:lnTo>
                  <a:lnTo>
                    <a:pt x="1452" y="2047"/>
                  </a:lnTo>
                  <a:lnTo>
                    <a:pt x="1435" y="2057"/>
                  </a:lnTo>
                  <a:lnTo>
                    <a:pt x="1452" y="2093"/>
                  </a:lnTo>
                  <a:lnTo>
                    <a:pt x="1482" y="2146"/>
                  </a:lnTo>
                  <a:lnTo>
                    <a:pt x="1515" y="2211"/>
                  </a:lnTo>
                  <a:lnTo>
                    <a:pt x="1515" y="2221"/>
                  </a:lnTo>
                  <a:lnTo>
                    <a:pt x="1626" y="2284"/>
                  </a:lnTo>
                  <a:lnTo>
                    <a:pt x="1631" y="2284"/>
                  </a:lnTo>
                  <a:lnTo>
                    <a:pt x="1631" y="2282"/>
                  </a:lnTo>
                  <a:lnTo>
                    <a:pt x="1634" y="2279"/>
                  </a:lnTo>
                  <a:lnTo>
                    <a:pt x="1649" y="2294"/>
                  </a:lnTo>
                  <a:lnTo>
                    <a:pt x="1649" y="2297"/>
                  </a:lnTo>
                  <a:lnTo>
                    <a:pt x="1644" y="2315"/>
                  </a:lnTo>
                  <a:lnTo>
                    <a:pt x="1666" y="2352"/>
                  </a:lnTo>
                  <a:lnTo>
                    <a:pt x="1671" y="2362"/>
                  </a:lnTo>
                  <a:lnTo>
                    <a:pt x="1677" y="2357"/>
                  </a:lnTo>
                  <a:lnTo>
                    <a:pt x="1677" y="2360"/>
                  </a:lnTo>
                  <a:lnTo>
                    <a:pt x="1671" y="2362"/>
                  </a:lnTo>
                  <a:lnTo>
                    <a:pt x="1677" y="2368"/>
                  </a:lnTo>
                  <a:lnTo>
                    <a:pt x="1671" y="2388"/>
                  </a:lnTo>
                  <a:lnTo>
                    <a:pt x="1656" y="2405"/>
                  </a:lnTo>
                  <a:lnTo>
                    <a:pt x="1656" y="2436"/>
                  </a:lnTo>
                  <a:lnTo>
                    <a:pt x="1646" y="2456"/>
                  </a:lnTo>
                  <a:lnTo>
                    <a:pt x="1629" y="2524"/>
                  </a:lnTo>
                  <a:lnTo>
                    <a:pt x="1634" y="2574"/>
                  </a:lnTo>
                  <a:lnTo>
                    <a:pt x="1603" y="2642"/>
                  </a:lnTo>
                  <a:lnTo>
                    <a:pt x="1598" y="2713"/>
                  </a:lnTo>
                  <a:lnTo>
                    <a:pt x="1598" y="2751"/>
                  </a:lnTo>
                  <a:lnTo>
                    <a:pt x="1593" y="2786"/>
                  </a:lnTo>
                  <a:lnTo>
                    <a:pt x="1603" y="2806"/>
                  </a:lnTo>
                  <a:lnTo>
                    <a:pt x="1588" y="2889"/>
                  </a:lnTo>
                  <a:lnTo>
                    <a:pt x="1571" y="2925"/>
                  </a:lnTo>
                  <a:lnTo>
                    <a:pt x="1578" y="2950"/>
                  </a:lnTo>
                  <a:lnTo>
                    <a:pt x="1593" y="2983"/>
                  </a:lnTo>
                  <a:lnTo>
                    <a:pt x="1677" y="3018"/>
                  </a:lnTo>
                  <a:lnTo>
                    <a:pt x="1656" y="2998"/>
                  </a:lnTo>
                  <a:lnTo>
                    <a:pt x="1654" y="2993"/>
                  </a:lnTo>
                  <a:lnTo>
                    <a:pt x="1679" y="3018"/>
                  </a:lnTo>
                  <a:lnTo>
                    <a:pt x="1651" y="2960"/>
                  </a:lnTo>
                  <a:lnTo>
                    <a:pt x="1671" y="2927"/>
                  </a:lnTo>
                  <a:lnTo>
                    <a:pt x="1694" y="2894"/>
                  </a:lnTo>
                  <a:lnTo>
                    <a:pt x="1702" y="2862"/>
                  </a:lnTo>
                  <a:lnTo>
                    <a:pt x="1689" y="2847"/>
                  </a:lnTo>
                  <a:lnTo>
                    <a:pt x="1687" y="2824"/>
                  </a:lnTo>
                  <a:lnTo>
                    <a:pt x="1722" y="2781"/>
                  </a:lnTo>
                  <a:lnTo>
                    <a:pt x="1740" y="2741"/>
                  </a:lnTo>
                  <a:lnTo>
                    <a:pt x="1727" y="2726"/>
                  </a:lnTo>
                  <a:lnTo>
                    <a:pt x="1752" y="2715"/>
                  </a:lnTo>
                  <a:lnTo>
                    <a:pt x="1780" y="2673"/>
                  </a:lnTo>
                  <a:lnTo>
                    <a:pt x="1828" y="2655"/>
                  </a:lnTo>
                  <a:lnTo>
                    <a:pt x="1848" y="2642"/>
                  </a:lnTo>
                  <a:lnTo>
                    <a:pt x="1856" y="2605"/>
                  </a:lnTo>
                  <a:lnTo>
                    <a:pt x="1840" y="2594"/>
                  </a:lnTo>
                  <a:lnTo>
                    <a:pt x="1840" y="2584"/>
                  </a:lnTo>
                  <a:lnTo>
                    <a:pt x="1850" y="2594"/>
                  </a:lnTo>
                  <a:lnTo>
                    <a:pt x="1876" y="2599"/>
                  </a:lnTo>
                  <a:lnTo>
                    <a:pt x="1901" y="2579"/>
                  </a:lnTo>
                  <a:lnTo>
                    <a:pt x="1906" y="2569"/>
                  </a:lnTo>
                  <a:lnTo>
                    <a:pt x="1903" y="2559"/>
                  </a:lnTo>
                  <a:lnTo>
                    <a:pt x="1906" y="2569"/>
                  </a:lnTo>
                  <a:lnTo>
                    <a:pt x="1914" y="2552"/>
                  </a:lnTo>
                  <a:lnTo>
                    <a:pt x="1934" y="2531"/>
                  </a:lnTo>
                  <a:lnTo>
                    <a:pt x="1959" y="2506"/>
                  </a:lnTo>
                  <a:lnTo>
                    <a:pt x="1982" y="2438"/>
                  </a:lnTo>
                  <a:lnTo>
                    <a:pt x="1997" y="2408"/>
                  </a:lnTo>
                  <a:lnTo>
                    <a:pt x="2055" y="2373"/>
                  </a:lnTo>
                  <a:lnTo>
                    <a:pt x="2090" y="2368"/>
                  </a:lnTo>
                  <a:lnTo>
                    <a:pt x="2100" y="2362"/>
                  </a:lnTo>
                  <a:lnTo>
                    <a:pt x="2110" y="2342"/>
                  </a:lnTo>
                  <a:lnTo>
                    <a:pt x="2118" y="2320"/>
                  </a:lnTo>
                  <a:lnTo>
                    <a:pt x="2133" y="2294"/>
                  </a:lnTo>
                  <a:lnTo>
                    <a:pt x="2138" y="2284"/>
                  </a:lnTo>
                  <a:lnTo>
                    <a:pt x="2143" y="2196"/>
                  </a:lnTo>
                  <a:lnTo>
                    <a:pt x="2158" y="2191"/>
                  </a:lnTo>
                  <a:lnTo>
                    <a:pt x="2211" y="2125"/>
                  </a:lnTo>
                  <a:lnTo>
                    <a:pt x="2211" y="2110"/>
                  </a:lnTo>
                  <a:lnTo>
                    <a:pt x="2201" y="2073"/>
                  </a:lnTo>
                  <a:close/>
                  <a:moveTo>
                    <a:pt x="1440" y="567"/>
                  </a:moveTo>
                  <a:lnTo>
                    <a:pt x="1445" y="570"/>
                  </a:lnTo>
                  <a:lnTo>
                    <a:pt x="1447" y="570"/>
                  </a:lnTo>
                  <a:lnTo>
                    <a:pt x="1450" y="572"/>
                  </a:lnTo>
                  <a:lnTo>
                    <a:pt x="1455" y="575"/>
                  </a:lnTo>
                  <a:lnTo>
                    <a:pt x="1457" y="575"/>
                  </a:lnTo>
                  <a:lnTo>
                    <a:pt x="1462" y="577"/>
                  </a:lnTo>
                  <a:lnTo>
                    <a:pt x="1467" y="577"/>
                  </a:lnTo>
                  <a:lnTo>
                    <a:pt x="1470" y="580"/>
                  </a:lnTo>
                  <a:lnTo>
                    <a:pt x="1472" y="580"/>
                  </a:lnTo>
                  <a:lnTo>
                    <a:pt x="1475" y="577"/>
                  </a:lnTo>
                  <a:lnTo>
                    <a:pt x="1475" y="575"/>
                  </a:lnTo>
                  <a:lnTo>
                    <a:pt x="1477" y="575"/>
                  </a:lnTo>
                  <a:lnTo>
                    <a:pt x="1480" y="570"/>
                  </a:lnTo>
                  <a:lnTo>
                    <a:pt x="1482" y="567"/>
                  </a:lnTo>
                  <a:lnTo>
                    <a:pt x="1480" y="565"/>
                  </a:lnTo>
                  <a:lnTo>
                    <a:pt x="1475" y="565"/>
                  </a:lnTo>
                  <a:lnTo>
                    <a:pt x="1472" y="562"/>
                  </a:lnTo>
                  <a:lnTo>
                    <a:pt x="1457" y="562"/>
                  </a:lnTo>
                  <a:lnTo>
                    <a:pt x="1455" y="560"/>
                  </a:lnTo>
                  <a:lnTo>
                    <a:pt x="1452" y="555"/>
                  </a:lnTo>
                  <a:lnTo>
                    <a:pt x="1450" y="550"/>
                  </a:lnTo>
                  <a:lnTo>
                    <a:pt x="1447" y="545"/>
                  </a:lnTo>
                  <a:lnTo>
                    <a:pt x="1442" y="545"/>
                  </a:lnTo>
                  <a:lnTo>
                    <a:pt x="1435" y="542"/>
                  </a:lnTo>
                  <a:lnTo>
                    <a:pt x="1429" y="540"/>
                  </a:lnTo>
                  <a:lnTo>
                    <a:pt x="1424" y="540"/>
                  </a:lnTo>
                  <a:lnTo>
                    <a:pt x="1419" y="540"/>
                  </a:lnTo>
                  <a:lnTo>
                    <a:pt x="1417" y="540"/>
                  </a:lnTo>
                  <a:lnTo>
                    <a:pt x="1414" y="542"/>
                  </a:lnTo>
                  <a:lnTo>
                    <a:pt x="1412" y="545"/>
                  </a:lnTo>
                  <a:lnTo>
                    <a:pt x="1409" y="545"/>
                  </a:lnTo>
                  <a:lnTo>
                    <a:pt x="1409" y="542"/>
                  </a:lnTo>
                  <a:lnTo>
                    <a:pt x="1407" y="535"/>
                  </a:lnTo>
                  <a:lnTo>
                    <a:pt x="1404" y="529"/>
                  </a:lnTo>
                  <a:lnTo>
                    <a:pt x="1402" y="527"/>
                  </a:lnTo>
                  <a:lnTo>
                    <a:pt x="1399" y="524"/>
                  </a:lnTo>
                  <a:lnTo>
                    <a:pt x="1394" y="524"/>
                  </a:lnTo>
                  <a:lnTo>
                    <a:pt x="1392" y="524"/>
                  </a:lnTo>
                  <a:lnTo>
                    <a:pt x="1392" y="529"/>
                  </a:lnTo>
                  <a:lnTo>
                    <a:pt x="1392" y="535"/>
                  </a:lnTo>
                  <a:lnTo>
                    <a:pt x="1392" y="542"/>
                  </a:lnTo>
                  <a:lnTo>
                    <a:pt x="1392" y="547"/>
                  </a:lnTo>
                  <a:lnTo>
                    <a:pt x="1392" y="550"/>
                  </a:lnTo>
                  <a:lnTo>
                    <a:pt x="1394" y="552"/>
                  </a:lnTo>
                  <a:lnTo>
                    <a:pt x="1394" y="555"/>
                  </a:lnTo>
                  <a:lnTo>
                    <a:pt x="1394" y="560"/>
                  </a:lnTo>
                  <a:lnTo>
                    <a:pt x="1394" y="565"/>
                  </a:lnTo>
                  <a:lnTo>
                    <a:pt x="1394" y="570"/>
                  </a:lnTo>
                  <a:lnTo>
                    <a:pt x="1397" y="575"/>
                  </a:lnTo>
                  <a:lnTo>
                    <a:pt x="1397" y="577"/>
                  </a:lnTo>
                  <a:lnTo>
                    <a:pt x="1394" y="577"/>
                  </a:lnTo>
                  <a:lnTo>
                    <a:pt x="1392" y="580"/>
                  </a:lnTo>
                  <a:lnTo>
                    <a:pt x="1389" y="585"/>
                  </a:lnTo>
                  <a:lnTo>
                    <a:pt x="1387" y="587"/>
                  </a:lnTo>
                  <a:lnTo>
                    <a:pt x="1384" y="590"/>
                  </a:lnTo>
                  <a:lnTo>
                    <a:pt x="1387" y="593"/>
                  </a:lnTo>
                  <a:lnTo>
                    <a:pt x="1392" y="593"/>
                  </a:lnTo>
                  <a:lnTo>
                    <a:pt x="1397" y="590"/>
                  </a:lnTo>
                  <a:lnTo>
                    <a:pt x="1399" y="590"/>
                  </a:lnTo>
                  <a:lnTo>
                    <a:pt x="1402" y="590"/>
                  </a:lnTo>
                  <a:lnTo>
                    <a:pt x="1407" y="590"/>
                  </a:lnTo>
                  <a:lnTo>
                    <a:pt x="1409" y="590"/>
                  </a:lnTo>
                  <a:lnTo>
                    <a:pt x="1412" y="593"/>
                  </a:lnTo>
                  <a:lnTo>
                    <a:pt x="1414" y="598"/>
                  </a:lnTo>
                  <a:lnTo>
                    <a:pt x="1414" y="600"/>
                  </a:lnTo>
                  <a:lnTo>
                    <a:pt x="1417" y="603"/>
                  </a:lnTo>
                  <a:lnTo>
                    <a:pt x="1419" y="603"/>
                  </a:lnTo>
                  <a:lnTo>
                    <a:pt x="1424" y="600"/>
                  </a:lnTo>
                  <a:lnTo>
                    <a:pt x="1424" y="598"/>
                  </a:lnTo>
                  <a:lnTo>
                    <a:pt x="1427" y="595"/>
                  </a:lnTo>
                  <a:lnTo>
                    <a:pt x="1427" y="593"/>
                  </a:lnTo>
                  <a:lnTo>
                    <a:pt x="1429" y="590"/>
                  </a:lnTo>
                  <a:lnTo>
                    <a:pt x="1435" y="587"/>
                  </a:lnTo>
                  <a:lnTo>
                    <a:pt x="1437" y="585"/>
                  </a:lnTo>
                  <a:lnTo>
                    <a:pt x="1437" y="580"/>
                  </a:lnTo>
                  <a:lnTo>
                    <a:pt x="1437" y="575"/>
                  </a:lnTo>
                  <a:lnTo>
                    <a:pt x="1435" y="570"/>
                  </a:lnTo>
                  <a:lnTo>
                    <a:pt x="1437" y="567"/>
                  </a:lnTo>
                  <a:lnTo>
                    <a:pt x="1440" y="567"/>
                  </a:lnTo>
                  <a:close/>
                  <a:moveTo>
                    <a:pt x="966" y="300"/>
                  </a:moveTo>
                  <a:lnTo>
                    <a:pt x="968" y="303"/>
                  </a:lnTo>
                  <a:lnTo>
                    <a:pt x="971" y="310"/>
                  </a:lnTo>
                  <a:lnTo>
                    <a:pt x="973" y="323"/>
                  </a:lnTo>
                  <a:lnTo>
                    <a:pt x="973" y="330"/>
                  </a:lnTo>
                  <a:lnTo>
                    <a:pt x="973" y="335"/>
                  </a:lnTo>
                  <a:lnTo>
                    <a:pt x="978" y="338"/>
                  </a:lnTo>
                  <a:lnTo>
                    <a:pt x="983" y="335"/>
                  </a:lnTo>
                  <a:lnTo>
                    <a:pt x="986" y="333"/>
                  </a:lnTo>
                  <a:lnTo>
                    <a:pt x="988" y="330"/>
                  </a:lnTo>
                  <a:lnTo>
                    <a:pt x="991" y="333"/>
                  </a:lnTo>
                  <a:lnTo>
                    <a:pt x="996" y="335"/>
                  </a:lnTo>
                  <a:lnTo>
                    <a:pt x="998" y="338"/>
                  </a:lnTo>
                  <a:lnTo>
                    <a:pt x="1003" y="335"/>
                  </a:lnTo>
                  <a:lnTo>
                    <a:pt x="1006" y="330"/>
                  </a:lnTo>
                  <a:lnTo>
                    <a:pt x="1011" y="323"/>
                  </a:lnTo>
                  <a:lnTo>
                    <a:pt x="1016" y="320"/>
                  </a:lnTo>
                  <a:lnTo>
                    <a:pt x="1024" y="318"/>
                  </a:lnTo>
                  <a:lnTo>
                    <a:pt x="1026" y="315"/>
                  </a:lnTo>
                  <a:lnTo>
                    <a:pt x="1026" y="310"/>
                  </a:lnTo>
                  <a:lnTo>
                    <a:pt x="1026" y="305"/>
                  </a:lnTo>
                  <a:lnTo>
                    <a:pt x="1029" y="305"/>
                  </a:lnTo>
                  <a:lnTo>
                    <a:pt x="1039" y="303"/>
                  </a:lnTo>
                  <a:lnTo>
                    <a:pt x="1044" y="300"/>
                  </a:lnTo>
                  <a:lnTo>
                    <a:pt x="1049" y="300"/>
                  </a:lnTo>
                  <a:lnTo>
                    <a:pt x="1054" y="298"/>
                  </a:lnTo>
                  <a:lnTo>
                    <a:pt x="1059" y="295"/>
                  </a:lnTo>
                  <a:lnTo>
                    <a:pt x="1064" y="295"/>
                  </a:lnTo>
                  <a:lnTo>
                    <a:pt x="1066" y="292"/>
                  </a:lnTo>
                  <a:lnTo>
                    <a:pt x="1066" y="290"/>
                  </a:lnTo>
                  <a:lnTo>
                    <a:pt x="1069" y="287"/>
                  </a:lnTo>
                  <a:lnTo>
                    <a:pt x="1066" y="285"/>
                  </a:lnTo>
                  <a:lnTo>
                    <a:pt x="1066" y="277"/>
                  </a:lnTo>
                  <a:lnTo>
                    <a:pt x="1064" y="270"/>
                  </a:lnTo>
                  <a:lnTo>
                    <a:pt x="1059" y="265"/>
                  </a:lnTo>
                  <a:lnTo>
                    <a:pt x="1056" y="262"/>
                  </a:lnTo>
                  <a:lnTo>
                    <a:pt x="1054" y="262"/>
                  </a:lnTo>
                  <a:lnTo>
                    <a:pt x="1049" y="262"/>
                  </a:lnTo>
                  <a:lnTo>
                    <a:pt x="1046" y="262"/>
                  </a:lnTo>
                  <a:lnTo>
                    <a:pt x="1044" y="257"/>
                  </a:lnTo>
                  <a:lnTo>
                    <a:pt x="1041" y="255"/>
                  </a:lnTo>
                  <a:lnTo>
                    <a:pt x="1039" y="250"/>
                  </a:lnTo>
                  <a:lnTo>
                    <a:pt x="1031" y="247"/>
                  </a:lnTo>
                  <a:lnTo>
                    <a:pt x="1026" y="247"/>
                  </a:lnTo>
                  <a:lnTo>
                    <a:pt x="1021" y="247"/>
                  </a:lnTo>
                  <a:lnTo>
                    <a:pt x="1019" y="245"/>
                  </a:lnTo>
                  <a:lnTo>
                    <a:pt x="1016" y="242"/>
                  </a:lnTo>
                  <a:lnTo>
                    <a:pt x="1011" y="242"/>
                  </a:lnTo>
                  <a:lnTo>
                    <a:pt x="1008" y="240"/>
                  </a:lnTo>
                  <a:lnTo>
                    <a:pt x="1006" y="242"/>
                  </a:lnTo>
                  <a:lnTo>
                    <a:pt x="1006" y="245"/>
                  </a:lnTo>
                  <a:lnTo>
                    <a:pt x="1006" y="250"/>
                  </a:lnTo>
                  <a:lnTo>
                    <a:pt x="1003" y="255"/>
                  </a:lnTo>
                  <a:lnTo>
                    <a:pt x="1003" y="257"/>
                  </a:lnTo>
                  <a:lnTo>
                    <a:pt x="998" y="260"/>
                  </a:lnTo>
                  <a:lnTo>
                    <a:pt x="993" y="267"/>
                  </a:lnTo>
                  <a:lnTo>
                    <a:pt x="986" y="272"/>
                  </a:lnTo>
                  <a:lnTo>
                    <a:pt x="983" y="277"/>
                  </a:lnTo>
                  <a:lnTo>
                    <a:pt x="978" y="282"/>
                  </a:lnTo>
                  <a:lnTo>
                    <a:pt x="971" y="287"/>
                  </a:lnTo>
                  <a:lnTo>
                    <a:pt x="966" y="295"/>
                  </a:lnTo>
                  <a:lnTo>
                    <a:pt x="963" y="300"/>
                  </a:lnTo>
                  <a:lnTo>
                    <a:pt x="966" y="300"/>
                  </a:lnTo>
                  <a:close/>
                  <a:moveTo>
                    <a:pt x="1498" y="494"/>
                  </a:moveTo>
                  <a:lnTo>
                    <a:pt x="1498" y="494"/>
                  </a:lnTo>
                  <a:lnTo>
                    <a:pt x="1498" y="492"/>
                  </a:lnTo>
                  <a:lnTo>
                    <a:pt x="1498" y="489"/>
                  </a:lnTo>
                  <a:lnTo>
                    <a:pt x="1495" y="489"/>
                  </a:lnTo>
                  <a:lnTo>
                    <a:pt x="1495" y="492"/>
                  </a:lnTo>
                  <a:lnTo>
                    <a:pt x="1498" y="494"/>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defTabSz="912768" eaLnBrk="0" fontAlgn="auto" hangingPunct="0">
                <a:spcBef>
                  <a:spcPts val="600"/>
                </a:spcBef>
                <a:spcAft>
                  <a:spcPts val="600"/>
                </a:spcAft>
                <a:defRPr/>
              </a:pPr>
              <a:endParaRPr lang="en-GB" sz="1500" kern="0" dirty="0">
                <a:solidFill>
                  <a:srgbClr val="FFFFFF"/>
                </a:solidFill>
                <a:latin typeface="Arial" panose="020B0604020202020204" pitchFamily="34" charset="0"/>
                <a:ea typeface="MS PGothic" panose="020B0600070205080204" pitchFamily="34" charset="-128"/>
                <a:cs typeface="Arial" pitchFamily="34" charset="0"/>
              </a:endParaRPr>
            </a:p>
          </p:txBody>
        </p:sp>
        <p:sp>
          <p:nvSpPr>
            <p:cNvPr id="8" name="Freeform 43"/>
            <p:cNvSpPr>
              <a:spLocks/>
            </p:cNvSpPr>
            <p:nvPr/>
          </p:nvSpPr>
          <p:spPr bwMode="auto">
            <a:xfrm>
              <a:off x="3277" y="2412"/>
              <a:ext cx="46" cy="28"/>
            </a:xfrm>
            <a:custGeom>
              <a:avLst/>
              <a:gdLst>
                <a:gd name="T0" fmla="*/ 0 w 46"/>
                <a:gd name="T1" fmla="*/ 15 h 28"/>
                <a:gd name="T2" fmla="*/ 3 w 46"/>
                <a:gd name="T3" fmla="*/ 17 h 28"/>
                <a:gd name="T4" fmla="*/ 12 w 46"/>
                <a:gd name="T5" fmla="*/ 14 h 28"/>
                <a:gd name="T6" fmla="*/ 13 w 46"/>
                <a:gd name="T7" fmla="*/ 8 h 28"/>
                <a:gd name="T8" fmla="*/ 27 w 46"/>
                <a:gd name="T9" fmla="*/ 9 h 28"/>
                <a:gd name="T10" fmla="*/ 46 w 46"/>
                <a:gd name="T11" fmla="*/ 0 h 28"/>
                <a:gd name="T12" fmla="*/ 46 w 46"/>
                <a:gd name="T13" fmla="*/ 1 h 28"/>
                <a:gd name="T14" fmla="*/ 33 w 46"/>
                <a:gd name="T15" fmla="*/ 11 h 28"/>
                <a:gd name="T16" fmla="*/ 36 w 46"/>
                <a:gd name="T17" fmla="*/ 18 h 28"/>
                <a:gd name="T18" fmla="*/ 27 w 46"/>
                <a:gd name="T19" fmla="*/ 21 h 28"/>
                <a:gd name="T20" fmla="*/ 15 w 46"/>
                <a:gd name="T21" fmla="*/ 28 h 28"/>
                <a:gd name="T22" fmla="*/ 13 w 46"/>
                <a:gd name="T23" fmla="*/ 28 h 28"/>
                <a:gd name="T24" fmla="*/ 8 w 46"/>
                <a:gd name="T25" fmla="*/ 26 h 28"/>
                <a:gd name="T26" fmla="*/ 2 w 46"/>
                <a:gd name="T27" fmla="*/ 23 h 28"/>
                <a:gd name="T28" fmla="*/ 0 w 46"/>
                <a:gd name="T29" fmla="*/ 15 h 2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46" h="28">
                  <a:moveTo>
                    <a:pt x="0" y="15"/>
                  </a:moveTo>
                  <a:lnTo>
                    <a:pt x="3" y="17"/>
                  </a:lnTo>
                  <a:lnTo>
                    <a:pt x="12" y="14"/>
                  </a:lnTo>
                  <a:lnTo>
                    <a:pt x="13" y="8"/>
                  </a:lnTo>
                  <a:lnTo>
                    <a:pt x="27" y="9"/>
                  </a:lnTo>
                  <a:lnTo>
                    <a:pt x="46" y="0"/>
                  </a:lnTo>
                  <a:lnTo>
                    <a:pt x="46" y="1"/>
                  </a:lnTo>
                  <a:lnTo>
                    <a:pt x="33" y="11"/>
                  </a:lnTo>
                  <a:lnTo>
                    <a:pt x="36" y="18"/>
                  </a:lnTo>
                  <a:lnTo>
                    <a:pt x="27" y="21"/>
                  </a:lnTo>
                  <a:lnTo>
                    <a:pt x="15" y="28"/>
                  </a:lnTo>
                  <a:lnTo>
                    <a:pt x="13" y="28"/>
                  </a:lnTo>
                  <a:lnTo>
                    <a:pt x="8" y="26"/>
                  </a:lnTo>
                  <a:lnTo>
                    <a:pt x="2" y="23"/>
                  </a:lnTo>
                  <a:lnTo>
                    <a:pt x="0" y="15"/>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defTabSz="912768" eaLnBrk="0" fontAlgn="auto" hangingPunct="0">
                <a:spcBef>
                  <a:spcPts val="600"/>
                </a:spcBef>
                <a:spcAft>
                  <a:spcPts val="600"/>
                </a:spcAft>
                <a:defRPr/>
              </a:pPr>
              <a:endParaRPr lang="en-GB" sz="1500" kern="0" dirty="0">
                <a:solidFill>
                  <a:srgbClr val="FFFFFF"/>
                </a:solidFill>
                <a:latin typeface="Arial" panose="020B0604020202020204" pitchFamily="34" charset="0"/>
                <a:ea typeface="MS PGothic" panose="020B0600070205080204" pitchFamily="34" charset="-128"/>
                <a:cs typeface="Arial" pitchFamily="34" charset="0"/>
              </a:endParaRPr>
            </a:p>
          </p:txBody>
        </p:sp>
      </p:grpSp>
    </p:spTree>
    <p:extLst>
      <p:ext uri="{BB962C8B-B14F-4D97-AF65-F5344CB8AC3E}">
        <p14:creationId xmlns:p14="http://schemas.microsoft.com/office/powerpoint/2010/main" val="289864660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normAutofit fontScale="92500"/>
          </a:bodyPr>
          <a:lstStyle/>
          <a:p>
            <a:r>
              <a:rPr lang="en-US" dirty="0">
                <a:latin typeface="EC Square Sans Cond Pro" panose="020B0506040000020004" pitchFamily="34" charset="0"/>
              </a:rPr>
              <a:t>All partners in an ICM project can </a:t>
            </a:r>
            <a:r>
              <a:rPr lang="en-US" b="1" dirty="0">
                <a:latin typeface="EC Square Sans Cond Pro" panose="020B0506040000020004" pitchFamily="34" charset="0"/>
              </a:rPr>
              <a:t>send and host students and staff </a:t>
            </a:r>
            <a:r>
              <a:rPr lang="en-US" dirty="0">
                <a:latin typeface="EC Square Sans Cond Pro" panose="020B0506040000020004" pitchFamily="34" charset="0"/>
              </a:rPr>
              <a:t>as described in their submitted project and provided that a relevant grant has been secured.</a:t>
            </a:r>
          </a:p>
          <a:p>
            <a:r>
              <a:rPr lang="en-US" dirty="0">
                <a:latin typeface="EC Square Sans Cond Pro" panose="020B0506040000020004" pitchFamily="34" charset="0"/>
              </a:rPr>
              <a:t>For certain countries, Bachelor/Master student mobility is only possible from third countries to Europe – this means third country universities </a:t>
            </a:r>
            <a:r>
              <a:rPr lang="en-US" b="1" dirty="0">
                <a:latin typeface="EC Square Sans Cond Pro" panose="020B0506040000020004" pitchFamily="34" charset="0"/>
              </a:rPr>
              <a:t>can send but not host</a:t>
            </a:r>
            <a:r>
              <a:rPr lang="en-US" dirty="0">
                <a:latin typeface="EC Square Sans Cond Pro" panose="020B0506040000020004" pitchFamily="34" charset="0"/>
              </a:rPr>
              <a:t>.</a:t>
            </a:r>
          </a:p>
          <a:p>
            <a:r>
              <a:rPr lang="en-US" dirty="0">
                <a:latin typeface="EC Square Sans Cond Pro" panose="020B0506040000020004" pitchFamily="34" charset="0"/>
              </a:rPr>
              <a:t>Countries with this restriction can be found in this list (Region 1 – Western Balkans is exempted from restriction): </a:t>
            </a:r>
            <a:r>
              <a:rPr lang="en-US" altLang="en-US" dirty="0">
                <a:latin typeface="EC Square Sans Cond Pro" panose="020B0506040000020004" pitchFamily="34" charset="0"/>
                <a:ea typeface="Ebrima" panose="02000000000000000000" pitchFamily="2" charset="0"/>
                <a:cs typeface="Ebrima" panose="02000000000000000000" pitchFamily="2" charset="0"/>
                <a:hlinkClick r:id="rId3"/>
              </a:rPr>
              <a:t>https://www.oecd.org/dac/financing-sustainable-development/development-finance-standards/DAC-List-ODA-Recipients-for-reporting-2021-flows.pdf</a:t>
            </a:r>
            <a:r>
              <a:rPr lang="en-US" altLang="en-US" dirty="0">
                <a:latin typeface="EC Square Sans Cond Pro" panose="020B0506040000020004" pitchFamily="34" charset="0"/>
                <a:ea typeface="Ebrima" panose="02000000000000000000" pitchFamily="2" charset="0"/>
                <a:cs typeface="Ebrima" panose="02000000000000000000" pitchFamily="2" charset="0"/>
              </a:rPr>
              <a:t> </a:t>
            </a:r>
          </a:p>
          <a:p>
            <a:r>
              <a:rPr lang="en-US" dirty="0">
                <a:latin typeface="EC Square Sans Cond Pro" panose="020B0506040000020004" pitchFamily="34" charset="0"/>
              </a:rPr>
              <a:t>European partners may use a part of their </a:t>
            </a:r>
            <a:r>
              <a:rPr lang="en-US" b="1" dirty="0">
                <a:latin typeface="EC Square Sans Cond Pro" panose="020B0506040000020004" pitchFamily="34" charset="0"/>
              </a:rPr>
              <a:t>intra-European mobility budget </a:t>
            </a:r>
            <a:r>
              <a:rPr lang="en-US" dirty="0">
                <a:latin typeface="EC Square Sans Cond Pro" panose="020B0506040000020004" pitchFamily="34" charset="0"/>
              </a:rPr>
              <a:t>to</a:t>
            </a:r>
            <a:r>
              <a:rPr lang="en-US" b="1" dirty="0">
                <a:latin typeface="EC Square Sans Cond Pro" panose="020B0506040000020004" pitchFamily="34" charset="0"/>
              </a:rPr>
              <a:t> </a:t>
            </a:r>
            <a:r>
              <a:rPr lang="en-US" dirty="0">
                <a:latin typeface="EC Square Sans Cond Pro" panose="020B0506040000020004" pitchFamily="34" charset="0"/>
              </a:rPr>
              <a:t>fund their students mobility to restricted countries under ICM. </a:t>
            </a:r>
          </a:p>
        </p:txBody>
      </p:sp>
      <p:sp>
        <p:nvSpPr>
          <p:cNvPr id="3" name="Title 2"/>
          <p:cNvSpPr>
            <a:spLocks noGrp="1"/>
          </p:cNvSpPr>
          <p:nvPr>
            <p:ph type="title"/>
          </p:nvPr>
        </p:nvSpPr>
        <p:spPr/>
        <p:txBody>
          <a:bodyPr/>
          <a:lstStyle/>
          <a:p>
            <a:r>
              <a:rPr lang="en-IE" dirty="0">
                <a:latin typeface="EC Square Sans Cond Pro" panose="020B0506040000020004" pitchFamily="34" charset="0"/>
              </a:rPr>
              <a:t>Activities supported (II)</a:t>
            </a:r>
            <a:endParaRPr lang="en-US" dirty="0">
              <a:latin typeface="EC Square Sans Cond Pro" panose="020B0506040000020004" pitchFamily="34" charset="0"/>
            </a:endParaRPr>
          </a:p>
        </p:txBody>
      </p:sp>
      <p:grpSp>
        <p:nvGrpSpPr>
          <p:cNvPr id="5" name="Group 44"/>
          <p:cNvGrpSpPr>
            <a:grpSpLocks/>
          </p:cNvGrpSpPr>
          <p:nvPr/>
        </p:nvGrpSpPr>
        <p:grpSpPr bwMode="auto">
          <a:xfrm>
            <a:off x="472297" y="482860"/>
            <a:ext cx="11486322" cy="6151418"/>
            <a:chOff x="56" y="1006"/>
            <a:chExt cx="5634" cy="3048"/>
          </a:xfrm>
          <a:solidFill>
            <a:srgbClr val="0070C0">
              <a:alpha val="14000"/>
            </a:srgbClr>
          </a:solidFill>
        </p:grpSpPr>
        <p:sp>
          <p:nvSpPr>
            <p:cNvPr id="6" name="Freeform 5"/>
            <p:cNvSpPr>
              <a:spLocks noChangeAspect="1" noEditPoints="1"/>
            </p:cNvSpPr>
            <p:nvPr/>
          </p:nvSpPr>
          <p:spPr bwMode="auto">
            <a:xfrm>
              <a:off x="2489" y="1006"/>
              <a:ext cx="3201" cy="2883"/>
            </a:xfrm>
            <a:custGeom>
              <a:avLst/>
              <a:gdLst>
                <a:gd name="T0" fmla="*/ 3199 w 3062"/>
                <a:gd name="T1" fmla="*/ 2916 h 2758"/>
                <a:gd name="T2" fmla="*/ 3131 w 3062"/>
                <a:gd name="T3" fmla="*/ 2781 h 2758"/>
                <a:gd name="T4" fmla="*/ 3250 w 3062"/>
                <a:gd name="T5" fmla="*/ 2698 h 2758"/>
                <a:gd name="T6" fmla="*/ 3210 w 3062"/>
                <a:gd name="T7" fmla="*/ 2568 h 2758"/>
                <a:gd name="T8" fmla="*/ 4355 w 3062"/>
                <a:gd name="T9" fmla="*/ 629 h 2758"/>
                <a:gd name="T10" fmla="*/ 3688 w 3062"/>
                <a:gd name="T11" fmla="*/ 428 h 2758"/>
                <a:gd name="T12" fmla="*/ 3304 w 3062"/>
                <a:gd name="T13" fmla="*/ 358 h 2758"/>
                <a:gd name="T14" fmla="*/ 2996 w 3062"/>
                <a:gd name="T15" fmla="*/ 215 h 2758"/>
                <a:gd name="T16" fmla="*/ 2209 w 3062"/>
                <a:gd name="T17" fmla="*/ 448 h 2758"/>
                <a:gd name="T18" fmla="*/ 1961 w 3062"/>
                <a:gd name="T19" fmla="*/ 652 h 2758"/>
                <a:gd name="T20" fmla="*/ 1449 w 3062"/>
                <a:gd name="T21" fmla="*/ 783 h 2758"/>
                <a:gd name="T22" fmla="*/ 1257 w 3062"/>
                <a:gd name="T23" fmla="*/ 942 h 2758"/>
                <a:gd name="T24" fmla="*/ 1159 w 3062"/>
                <a:gd name="T25" fmla="*/ 629 h 2758"/>
                <a:gd name="T26" fmla="*/ 749 w 3062"/>
                <a:gd name="T27" fmla="*/ 721 h 2758"/>
                <a:gd name="T28" fmla="*/ 659 w 3062"/>
                <a:gd name="T29" fmla="*/ 1185 h 2758"/>
                <a:gd name="T30" fmla="*/ 799 w 3062"/>
                <a:gd name="T31" fmla="*/ 1111 h 2758"/>
                <a:gd name="T32" fmla="*/ 1050 w 3062"/>
                <a:gd name="T33" fmla="*/ 1140 h 2758"/>
                <a:gd name="T34" fmla="*/ 769 w 3062"/>
                <a:gd name="T35" fmla="*/ 1398 h 2758"/>
                <a:gd name="T36" fmla="*/ 602 w 3062"/>
                <a:gd name="T37" fmla="*/ 1405 h 2758"/>
                <a:gd name="T38" fmla="*/ 337 w 3062"/>
                <a:gd name="T39" fmla="*/ 1647 h 2758"/>
                <a:gd name="T40" fmla="*/ 244 w 3062"/>
                <a:gd name="T41" fmla="*/ 1970 h 2758"/>
                <a:gd name="T42" fmla="*/ 757 w 3062"/>
                <a:gd name="T43" fmla="*/ 1960 h 2758"/>
                <a:gd name="T44" fmla="*/ 850 w 3062"/>
                <a:gd name="T45" fmla="*/ 1876 h 2758"/>
                <a:gd name="T46" fmla="*/ 1114 w 3062"/>
                <a:gd name="T47" fmla="*/ 1982 h 2758"/>
                <a:gd name="T48" fmla="*/ 796 w 3062"/>
                <a:gd name="T49" fmla="*/ 2138 h 2758"/>
                <a:gd name="T50" fmla="*/ 283 w 3062"/>
                <a:gd name="T51" fmla="*/ 2017 h 2758"/>
                <a:gd name="T52" fmla="*/ 48 w 3062"/>
                <a:gd name="T53" fmla="*/ 2642 h 2758"/>
                <a:gd name="T54" fmla="*/ 583 w 3062"/>
                <a:gd name="T55" fmla="*/ 2798 h 2758"/>
                <a:gd name="T56" fmla="*/ 721 w 3062"/>
                <a:gd name="T57" fmla="*/ 3430 h 2758"/>
                <a:gd name="T58" fmla="*/ 1249 w 3062"/>
                <a:gd name="T59" fmla="*/ 3321 h 2758"/>
                <a:gd name="T60" fmla="*/ 1571 w 3062"/>
                <a:gd name="T61" fmla="*/ 2638 h 2758"/>
                <a:gd name="T62" fmla="*/ 1341 w 3062"/>
                <a:gd name="T63" fmla="*/ 2440 h 2758"/>
                <a:gd name="T64" fmla="*/ 1578 w 3062"/>
                <a:gd name="T65" fmla="*/ 2287 h 2758"/>
                <a:gd name="T66" fmla="*/ 2068 w 3062"/>
                <a:gd name="T67" fmla="*/ 2380 h 2758"/>
                <a:gd name="T68" fmla="*/ 2577 w 3062"/>
                <a:gd name="T69" fmla="*/ 2498 h 2758"/>
                <a:gd name="T70" fmla="*/ 2758 w 3062"/>
                <a:gd name="T71" fmla="*/ 2597 h 2758"/>
                <a:gd name="T72" fmla="*/ 3098 w 3062"/>
                <a:gd name="T73" fmla="*/ 2339 h 2758"/>
                <a:gd name="T74" fmla="*/ 3218 w 3062"/>
                <a:gd name="T75" fmla="*/ 1876 h 2758"/>
                <a:gd name="T76" fmla="*/ 3450 w 3062"/>
                <a:gd name="T77" fmla="*/ 1815 h 2758"/>
                <a:gd name="T78" fmla="*/ 3843 w 3062"/>
                <a:gd name="T79" fmla="*/ 1185 h 2758"/>
                <a:gd name="T80" fmla="*/ 4028 w 3062"/>
                <a:gd name="T81" fmla="*/ 1271 h 2758"/>
                <a:gd name="T82" fmla="*/ 4336 w 3062"/>
                <a:gd name="T83" fmla="*/ 1174 h 2758"/>
                <a:gd name="T84" fmla="*/ 1289 w 3062"/>
                <a:gd name="T85" fmla="*/ 1853 h 2758"/>
                <a:gd name="T86" fmla="*/ 1295 w 3062"/>
                <a:gd name="T87" fmla="*/ 1737 h 2758"/>
                <a:gd name="T88" fmla="*/ 1461 w 3062"/>
                <a:gd name="T89" fmla="*/ 1872 h 2758"/>
                <a:gd name="T90" fmla="*/ 1702 w 3062"/>
                <a:gd name="T91" fmla="*/ 391 h 2758"/>
                <a:gd name="T92" fmla="*/ 1613 w 3062"/>
                <a:gd name="T93" fmla="*/ 375 h 2758"/>
                <a:gd name="T94" fmla="*/ 178 w 3062"/>
                <a:gd name="T95" fmla="*/ 1468 h 2758"/>
                <a:gd name="T96" fmla="*/ 2703 w 3062"/>
                <a:gd name="T97" fmla="*/ 2894 h 2758"/>
                <a:gd name="T98" fmla="*/ 1536 w 3062"/>
                <a:gd name="T99" fmla="*/ 3189 h 2758"/>
                <a:gd name="T100" fmla="*/ 309 w 3062"/>
                <a:gd name="T101" fmla="*/ 1546 h 2758"/>
                <a:gd name="T102" fmla="*/ 307 w 3062"/>
                <a:gd name="T103" fmla="*/ 1254 h 2758"/>
                <a:gd name="T104" fmla="*/ 4445 w 3062"/>
                <a:gd name="T105" fmla="*/ 3933 h 2758"/>
                <a:gd name="T106" fmla="*/ 4294 w 3062"/>
                <a:gd name="T107" fmla="*/ 4108 h 2758"/>
                <a:gd name="T108" fmla="*/ 3444 w 3062"/>
                <a:gd name="T109" fmla="*/ 2076 h 2758"/>
                <a:gd name="T110" fmla="*/ 3629 w 3062"/>
                <a:gd name="T111" fmla="*/ 3082 h 2758"/>
                <a:gd name="T112" fmla="*/ 3458 w 3062"/>
                <a:gd name="T113" fmla="*/ 2901 h 2758"/>
                <a:gd name="T114" fmla="*/ 3554 w 3062"/>
                <a:gd name="T115" fmla="*/ 3186 h 2758"/>
                <a:gd name="T116" fmla="*/ 3061 w 3062"/>
                <a:gd name="T117" fmla="*/ 3647 h 2758"/>
                <a:gd name="T118" fmla="*/ 3794 w 3062"/>
                <a:gd name="T119" fmla="*/ 3861 h 2758"/>
                <a:gd name="T120" fmla="*/ 3690 w 3062"/>
                <a:gd name="T121" fmla="*/ 1421 h 2758"/>
                <a:gd name="T122" fmla="*/ 3709 w 3062"/>
                <a:gd name="T123" fmla="*/ 1826 h 2758"/>
                <a:gd name="T124" fmla="*/ 3590 w 3062"/>
                <a:gd name="T125" fmla="*/ 2026 h 2758"/>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3062" h="2758">
                  <a:moveTo>
                    <a:pt x="1982" y="1630"/>
                  </a:moveTo>
                  <a:lnTo>
                    <a:pt x="1982" y="1630"/>
                  </a:lnTo>
                  <a:lnTo>
                    <a:pt x="1976" y="1628"/>
                  </a:lnTo>
                  <a:lnTo>
                    <a:pt x="1972" y="1630"/>
                  </a:lnTo>
                  <a:lnTo>
                    <a:pt x="1962" y="1640"/>
                  </a:lnTo>
                  <a:lnTo>
                    <a:pt x="1960" y="1644"/>
                  </a:lnTo>
                  <a:lnTo>
                    <a:pt x="1962" y="1650"/>
                  </a:lnTo>
                  <a:lnTo>
                    <a:pt x="1966" y="1652"/>
                  </a:lnTo>
                  <a:lnTo>
                    <a:pt x="1972" y="1650"/>
                  </a:lnTo>
                  <a:lnTo>
                    <a:pt x="1982" y="1640"/>
                  </a:lnTo>
                  <a:lnTo>
                    <a:pt x="1984" y="1634"/>
                  </a:lnTo>
                  <a:lnTo>
                    <a:pt x="1982" y="1630"/>
                  </a:lnTo>
                  <a:close/>
                  <a:moveTo>
                    <a:pt x="2112" y="1982"/>
                  </a:moveTo>
                  <a:lnTo>
                    <a:pt x="2112" y="1982"/>
                  </a:lnTo>
                  <a:lnTo>
                    <a:pt x="2116" y="1994"/>
                  </a:lnTo>
                  <a:lnTo>
                    <a:pt x="2120" y="2000"/>
                  </a:lnTo>
                  <a:lnTo>
                    <a:pt x="2122" y="2006"/>
                  </a:lnTo>
                  <a:lnTo>
                    <a:pt x="2122" y="2014"/>
                  </a:lnTo>
                  <a:lnTo>
                    <a:pt x="2122" y="2018"/>
                  </a:lnTo>
                  <a:lnTo>
                    <a:pt x="2124" y="2022"/>
                  </a:lnTo>
                  <a:lnTo>
                    <a:pt x="2126" y="2024"/>
                  </a:lnTo>
                  <a:lnTo>
                    <a:pt x="2128" y="2026"/>
                  </a:lnTo>
                  <a:lnTo>
                    <a:pt x="2130" y="2026"/>
                  </a:lnTo>
                  <a:lnTo>
                    <a:pt x="2134" y="2026"/>
                  </a:lnTo>
                  <a:lnTo>
                    <a:pt x="2140" y="2024"/>
                  </a:lnTo>
                  <a:lnTo>
                    <a:pt x="2142" y="2022"/>
                  </a:lnTo>
                  <a:lnTo>
                    <a:pt x="2142" y="2008"/>
                  </a:lnTo>
                  <a:lnTo>
                    <a:pt x="2142" y="1996"/>
                  </a:lnTo>
                  <a:lnTo>
                    <a:pt x="2144" y="1992"/>
                  </a:lnTo>
                  <a:lnTo>
                    <a:pt x="2146" y="1994"/>
                  </a:lnTo>
                  <a:lnTo>
                    <a:pt x="2148" y="2000"/>
                  </a:lnTo>
                  <a:lnTo>
                    <a:pt x="2158" y="2012"/>
                  </a:lnTo>
                  <a:lnTo>
                    <a:pt x="2166" y="2020"/>
                  </a:lnTo>
                  <a:lnTo>
                    <a:pt x="2172" y="2024"/>
                  </a:lnTo>
                  <a:lnTo>
                    <a:pt x="2180" y="2026"/>
                  </a:lnTo>
                  <a:lnTo>
                    <a:pt x="2184" y="2026"/>
                  </a:lnTo>
                  <a:lnTo>
                    <a:pt x="2186" y="2026"/>
                  </a:lnTo>
                  <a:lnTo>
                    <a:pt x="2188" y="2024"/>
                  </a:lnTo>
                  <a:lnTo>
                    <a:pt x="2190" y="2022"/>
                  </a:lnTo>
                  <a:lnTo>
                    <a:pt x="2188" y="2020"/>
                  </a:lnTo>
                  <a:lnTo>
                    <a:pt x="2186" y="2014"/>
                  </a:lnTo>
                  <a:lnTo>
                    <a:pt x="2176" y="2002"/>
                  </a:lnTo>
                  <a:lnTo>
                    <a:pt x="2168" y="1992"/>
                  </a:lnTo>
                  <a:lnTo>
                    <a:pt x="2166" y="1988"/>
                  </a:lnTo>
                  <a:lnTo>
                    <a:pt x="2166" y="1984"/>
                  </a:lnTo>
                  <a:lnTo>
                    <a:pt x="2168" y="1982"/>
                  </a:lnTo>
                  <a:lnTo>
                    <a:pt x="2178" y="1972"/>
                  </a:lnTo>
                  <a:lnTo>
                    <a:pt x="2180" y="1968"/>
                  </a:lnTo>
                  <a:lnTo>
                    <a:pt x="2182" y="1962"/>
                  </a:lnTo>
                  <a:lnTo>
                    <a:pt x="2180" y="1960"/>
                  </a:lnTo>
                  <a:lnTo>
                    <a:pt x="2174" y="1958"/>
                  </a:lnTo>
                  <a:lnTo>
                    <a:pt x="2150" y="1958"/>
                  </a:lnTo>
                  <a:lnTo>
                    <a:pt x="2148" y="1958"/>
                  </a:lnTo>
                  <a:lnTo>
                    <a:pt x="2146" y="1956"/>
                  </a:lnTo>
                  <a:lnTo>
                    <a:pt x="2146" y="1954"/>
                  </a:lnTo>
                  <a:lnTo>
                    <a:pt x="2146" y="1950"/>
                  </a:lnTo>
                  <a:lnTo>
                    <a:pt x="2148" y="1946"/>
                  </a:lnTo>
                  <a:lnTo>
                    <a:pt x="2158" y="1934"/>
                  </a:lnTo>
                  <a:lnTo>
                    <a:pt x="2158" y="1932"/>
                  </a:lnTo>
                  <a:lnTo>
                    <a:pt x="2158" y="1930"/>
                  </a:lnTo>
                  <a:lnTo>
                    <a:pt x="2154" y="1928"/>
                  </a:lnTo>
                  <a:lnTo>
                    <a:pt x="2150" y="1928"/>
                  </a:lnTo>
                  <a:lnTo>
                    <a:pt x="2144" y="1930"/>
                  </a:lnTo>
                  <a:lnTo>
                    <a:pt x="2138" y="1934"/>
                  </a:lnTo>
                  <a:lnTo>
                    <a:pt x="2130" y="1946"/>
                  </a:lnTo>
                  <a:lnTo>
                    <a:pt x="2116" y="1970"/>
                  </a:lnTo>
                  <a:lnTo>
                    <a:pt x="2112" y="1982"/>
                  </a:lnTo>
                  <a:close/>
                  <a:moveTo>
                    <a:pt x="1966" y="1940"/>
                  </a:moveTo>
                  <a:lnTo>
                    <a:pt x="1966" y="1940"/>
                  </a:lnTo>
                  <a:lnTo>
                    <a:pt x="1968" y="1948"/>
                  </a:lnTo>
                  <a:lnTo>
                    <a:pt x="1970" y="1954"/>
                  </a:lnTo>
                  <a:lnTo>
                    <a:pt x="1972" y="1960"/>
                  </a:lnTo>
                  <a:lnTo>
                    <a:pt x="1980" y="1974"/>
                  </a:lnTo>
                  <a:lnTo>
                    <a:pt x="1982" y="1980"/>
                  </a:lnTo>
                  <a:lnTo>
                    <a:pt x="1988" y="1984"/>
                  </a:lnTo>
                  <a:lnTo>
                    <a:pt x="1994" y="1986"/>
                  </a:lnTo>
                  <a:lnTo>
                    <a:pt x="1998" y="1986"/>
                  </a:lnTo>
                  <a:lnTo>
                    <a:pt x="2014" y="1986"/>
                  </a:lnTo>
                  <a:lnTo>
                    <a:pt x="2018" y="1986"/>
                  </a:lnTo>
                  <a:lnTo>
                    <a:pt x="2024" y="1988"/>
                  </a:lnTo>
                  <a:lnTo>
                    <a:pt x="2032" y="1990"/>
                  </a:lnTo>
                  <a:lnTo>
                    <a:pt x="2038" y="1992"/>
                  </a:lnTo>
                  <a:lnTo>
                    <a:pt x="2044" y="1996"/>
                  </a:lnTo>
                  <a:lnTo>
                    <a:pt x="2052" y="1996"/>
                  </a:lnTo>
                  <a:lnTo>
                    <a:pt x="2056" y="1996"/>
                  </a:lnTo>
                  <a:lnTo>
                    <a:pt x="2062" y="1994"/>
                  </a:lnTo>
                  <a:lnTo>
                    <a:pt x="2066" y="1988"/>
                  </a:lnTo>
                  <a:lnTo>
                    <a:pt x="2072" y="1974"/>
                  </a:lnTo>
                  <a:lnTo>
                    <a:pt x="2074" y="1968"/>
                  </a:lnTo>
                  <a:lnTo>
                    <a:pt x="2078" y="1962"/>
                  </a:lnTo>
                  <a:lnTo>
                    <a:pt x="2088" y="1950"/>
                  </a:lnTo>
                  <a:lnTo>
                    <a:pt x="2090" y="1944"/>
                  </a:lnTo>
                  <a:lnTo>
                    <a:pt x="2094" y="1932"/>
                  </a:lnTo>
                  <a:lnTo>
                    <a:pt x="2096" y="1928"/>
                  </a:lnTo>
                  <a:lnTo>
                    <a:pt x="2100" y="1924"/>
                  </a:lnTo>
                  <a:lnTo>
                    <a:pt x="2106" y="1922"/>
                  </a:lnTo>
                  <a:lnTo>
                    <a:pt x="2108" y="1920"/>
                  </a:lnTo>
                  <a:lnTo>
                    <a:pt x="2108" y="1918"/>
                  </a:lnTo>
                  <a:lnTo>
                    <a:pt x="2108" y="1916"/>
                  </a:lnTo>
                  <a:lnTo>
                    <a:pt x="2106" y="1914"/>
                  </a:lnTo>
                  <a:lnTo>
                    <a:pt x="2100" y="1912"/>
                  </a:lnTo>
                  <a:lnTo>
                    <a:pt x="2096" y="1908"/>
                  </a:lnTo>
                  <a:lnTo>
                    <a:pt x="2094" y="1900"/>
                  </a:lnTo>
                  <a:lnTo>
                    <a:pt x="2094" y="1898"/>
                  </a:lnTo>
                  <a:lnTo>
                    <a:pt x="2094" y="1882"/>
                  </a:lnTo>
                  <a:lnTo>
                    <a:pt x="2094" y="1878"/>
                  </a:lnTo>
                  <a:lnTo>
                    <a:pt x="2096" y="1870"/>
                  </a:lnTo>
                  <a:lnTo>
                    <a:pt x="2100" y="1866"/>
                  </a:lnTo>
                  <a:lnTo>
                    <a:pt x="2106" y="1864"/>
                  </a:lnTo>
                  <a:lnTo>
                    <a:pt x="2108" y="1862"/>
                  </a:lnTo>
                  <a:lnTo>
                    <a:pt x="2110" y="1858"/>
                  </a:lnTo>
                  <a:lnTo>
                    <a:pt x="2110" y="1856"/>
                  </a:lnTo>
                  <a:lnTo>
                    <a:pt x="2110" y="1852"/>
                  </a:lnTo>
                  <a:lnTo>
                    <a:pt x="2106" y="1848"/>
                  </a:lnTo>
                  <a:lnTo>
                    <a:pt x="2102" y="1842"/>
                  </a:lnTo>
                  <a:lnTo>
                    <a:pt x="2096" y="1836"/>
                  </a:lnTo>
                  <a:lnTo>
                    <a:pt x="2090" y="1834"/>
                  </a:lnTo>
                  <a:lnTo>
                    <a:pt x="2084" y="1832"/>
                  </a:lnTo>
                  <a:lnTo>
                    <a:pt x="2076" y="1834"/>
                  </a:lnTo>
                  <a:lnTo>
                    <a:pt x="2052" y="1846"/>
                  </a:lnTo>
                  <a:lnTo>
                    <a:pt x="2046" y="1850"/>
                  </a:lnTo>
                  <a:lnTo>
                    <a:pt x="2040" y="1856"/>
                  </a:lnTo>
                  <a:lnTo>
                    <a:pt x="2020" y="1882"/>
                  </a:lnTo>
                  <a:lnTo>
                    <a:pt x="2014" y="1888"/>
                  </a:lnTo>
                  <a:lnTo>
                    <a:pt x="2008" y="1892"/>
                  </a:lnTo>
                  <a:lnTo>
                    <a:pt x="2004" y="1896"/>
                  </a:lnTo>
                  <a:lnTo>
                    <a:pt x="1988" y="1902"/>
                  </a:lnTo>
                  <a:lnTo>
                    <a:pt x="1984" y="1904"/>
                  </a:lnTo>
                  <a:lnTo>
                    <a:pt x="1972" y="1914"/>
                  </a:lnTo>
                  <a:lnTo>
                    <a:pt x="1968" y="1920"/>
                  </a:lnTo>
                  <a:lnTo>
                    <a:pt x="1966" y="1926"/>
                  </a:lnTo>
                  <a:lnTo>
                    <a:pt x="1966" y="1940"/>
                  </a:lnTo>
                  <a:close/>
                  <a:moveTo>
                    <a:pt x="2180" y="1810"/>
                  </a:moveTo>
                  <a:lnTo>
                    <a:pt x="2180" y="1810"/>
                  </a:lnTo>
                  <a:lnTo>
                    <a:pt x="2174" y="1814"/>
                  </a:lnTo>
                  <a:lnTo>
                    <a:pt x="2170" y="1818"/>
                  </a:lnTo>
                  <a:lnTo>
                    <a:pt x="2164" y="1832"/>
                  </a:lnTo>
                  <a:lnTo>
                    <a:pt x="2164" y="1834"/>
                  </a:lnTo>
                  <a:lnTo>
                    <a:pt x="2164" y="1836"/>
                  </a:lnTo>
                  <a:lnTo>
                    <a:pt x="2166" y="1838"/>
                  </a:lnTo>
                  <a:lnTo>
                    <a:pt x="2168" y="1836"/>
                  </a:lnTo>
                  <a:lnTo>
                    <a:pt x="2174" y="1834"/>
                  </a:lnTo>
                  <a:lnTo>
                    <a:pt x="2180" y="1832"/>
                  </a:lnTo>
                  <a:lnTo>
                    <a:pt x="2186" y="1834"/>
                  </a:lnTo>
                  <a:lnTo>
                    <a:pt x="2192" y="1838"/>
                  </a:lnTo>
                  <a:lnTo>
                    <a:pt x="2200" y="1840"/>
                  </a:lnTo>
                  <a:lnTo>
                    <a:pt x="2204" y="1840"/>
                  </a:lnTo>
                  <a:lnTo>
                    <a:pt x="2210" y="1840"/>
                  </a:lnTo>
                  <a:lnTo>
                    <a:pt x="2218" y="1844"/>
                  </a:lnTo>
                  <a:lnTo>
                    <a:pt x="2224" y="1846"/>
                  </a:lnTo>
                  <a:lnTo>
                    <a:pt x="2226" y="1846"/>
                  </a:lnTo>
                  <a:lnTo>
                    <a:pt x="2228" y="1846"/>
                  </a:lnTo>
                  <a:lnTo>
                    <a:pt x="2230" y="1844"/>
                  </a:lnTo>
                  <a:lnTo>
                    <a:pt x="2230" y="1842"/>
                  </a:lnTo>
                  <a:lnTo>
                    <a:pt x="2230" y="1818"/>
                  </a:lnTo>
                  <a:lnTo>
                    <a:pt x="2230" y="1812"/>
                  </a:lnTo>
                  <a:lnTo>
                    <a:pt x="2226" y="1806"/>
                  </a:lnTo>
                  <a:lnTo>
                    <a:pt x="2216" y="1798"/>
                  </a:lnTo>
                  <a:lnTo>
                    <a:pt x="2214" y="1796"/>
                  </a:lnTo>
                  <a:lnTo>
                    <a:pt x="2212" y="1794"/>
                  </a:lnTo>
                  <a:lnTo>
                    <a:pt x="2208" y="1796"/>
                  </a:lnTo>
                  <a:lnTo>
                    <a:pt x="2206" y="1798"/>
                  </a:lnTo>
                  <a:lnTo>
                    <a:pt x="2198" y="1806"/>
                  </a:lnTo>
                  <a:lnTo>
                    <a:pt x="2190" y="1810"/>
                  </a:lnTo>
                  <a:lnTo>
                    <a:pt x="2184" y="1810"/>
                  </a:lnTo>
                  <a:lnTo>
                    <a:pt x="2180" y="1810"/>
                  </a:lnTo>
                  <a:close/>
                  <a:moveTo>
                    <a:pt x="2152" y="1544"/>
                  </a:moveTo>
                  <a:lnTo>
                    <a:pt x="2152" y="1544"/>
                  </a:lnTo>
                  <a:lnTo>
                    <a:pt x="2152" y="1542"/>
                  </a:lnTo>
                  <a:lnTo>
                    <a:pt x="2152" y="1540"/>
                  </a:lnTo>
                  <a:lnTo>
                    <a:pt x="2150" y="1540"/>
                  </a:lnTo>
                  <a:lnTo>
                    <a:pt x="2148" y="1542"/>
                  </a:lnTo>
                  <a:lnTo>
                    <a:pt x="2138" y="1550"/>
                  </a:lnTo>
                  <a:lnTo>
                    <a:pt x="2134" y="1558"/>
                  </a:lnTo>
                  <a:lnTo>
                    <a:pt x="2132" y="1564"/>
                  </a:lnTo>
                  <a:lnTo>
                    <a:pt x="2132" y="1568"/>
                  </a:lnTo>
                  <a:lnTo>
                    <a:pt x="2134" y="1576"/>
                  </a:lnTo>
                  <a:lnTo>
                    <a:pt x="2136" y="1584"/>
                  </a:lnTo>
                  <a:lnTo>
                    <a:pt x="2140" y="1588"/>
                  </a:lnTo>
                  <a:lnTo>
                    <a:pt x="2140" y="1590"/>
                  </a:lnTo>
                  <a:lnTo>
                    <a:pt x="2142" y="1592"/>
                  </a:lnTo>
                  <a:lnTo>
                    <a:pt x="2144" y="1590"/>
                  </a:lnTo>
                  <a:lnTo>
                    <a:pt x="2144" y="1588"/>
                  </a:lnTo>
                  <a:lnTo>
                    <a:pt x="2150" y="1564"/>
                  </a:lnTo>
                  <a:lnTo>
                    <a:pt x="2152" y="1548"/>
                  </a:lnTo>
                  <a:lnTo>
                    <a:pt x="2152" y="1544"/>
                  </a:lnTo>
                  <a:close/>
                  <a:moveTo>
                    <a:pt x="2066" y="2082"/>
                  </a:moveTo>
                  <a:lnTo>
                    <a:pt x="2066" y="2082"/>
                  </a:lnTo>
                  <a:lnTo>
                    <a:pt x="2068" y="2082"/>
                  </a:lnTo>
                  <a:lnTo>
                    <a:pt x="2070" y="2082"/>
                  </a:lnTo>
                  <a:lnTo>
                    <a:pt x="2072" y="2080"/>
                  </a:lnTo>
                  <a:lnTo>
                    <a:pt x="2070" y="2078"/>
                  </a:lnTo>
                  <a:lnTo>
                    <a:pt x="2068" y="2072"/>
                  </a:lnTo>
                  <a:lnTo>
                    <a:pt x="2062" y="2066"/>
                  </a:lnTo>
                  <a:lnTo>
                    <a:pt x="2056" y="2062"/>
                  </a:lnTo>
                  <a:lnTo>
                    <a:pt x="2032" y="2058"/>
                  </a:lnTo>
                  <a:lnTo>
                    <a:pt x="2018" y="2052"/>
                  </a:lnTo>
                  <a:lnTo>
                    <a:pt x="2012" y="2048"/>
                  </a:lnTo>
                  <a:lnTo>
                    <a:pt x="2006" y="2046"/>
                  </a:lnTo>
                  <a:lnTo>
                    <a:pt x="1998" y="2046"/>
                  </a:lnTo>
                  <a:lnTo>
                    <a:pt x="1994" y="2046"/>
                  </a:lnTo>
                  <a:lnTo>
                    <a:pt x="1978" y="2046"/>
                  </a:lnTo>
                  <a:lnTo>
                    <a:pt x="1964" y="2046"/>
                  </a:lnTo>
                  <a:lnTo>
                    <a:pt x="1948" y="2046"/>
                  </a:lnTo>
                  <a:lnTo>
                    <a:pt x="1916" y="2046"/>
                  </a:lnTo>
                  <a:lnTo>
                    <a:pt x="1912" y="2046"/>
                  </a:lnTo>
                  <a:lnTo>
                    <a:pt x="1916" y="2048"/>
                  </a:lnTo>
                  <a:lnTo>
                    <a:pt x="1940" y="2062"/>
                  </a:lnTo>
                  <a:lnTo>
                    <a:pt x="1954" y="2066"/>
                  </a:lnTo>
                  <a:lnTo>
                    <a:pt x="1998" y="2074"/>
                  </a:lnTo>
                  <a:lnTo>
                    <a:pt x="2014" y="2074"/>
                  </a:lnTo>
                  <a:lnTo>
                    <a:pt x="2026" y="2074"/>
                  </a:lnTo>
                  <a:lnTo>
                    <a:pt x="2042" y="2076"/>
                  </a:lnTo>
                  <a:lnTo>
                    <a:pt x="2066" y="2082"/>
                  </a:lnTo>
                  <a:close/>
                  <a:moveTo>
                    <a:pt x="2126" y="1676"/>
                  </a:moveTo>
                  <a:lnTo>
                    <a:pt x="2126" y="1676"/>
                  </a:lnTo>
                  <a:lnTo>
                    <a:pt x="2124" y="1684"/>
                  </a:lnTo>
                  <a:lnTo>
                    <a:pt x="2126" y="1692"/>
                  </a:lnTo>
                  <a:lnTo>
                    <a:pt x="2130" y="1706"/>
                  </a:lnTo>
                  <a:lnTo>
                    <a:pt x="2134" y="1712"/>
                  </a:lnTo>
                  <a:lnTo>
                    <a:pt x="2138" y="1718"/>
                  </a:lnTo>
                  <a:lnTo>
                    <a:pt x="2142" y="1722"/>
                  </a:lnTo>
                  <a:lnTo>
                    <a:pt x="2148" y="1722"/>
                  </a:lnTo>
                  <a:lnTo>
                    <a:pt x="2152" y="1724"/>
                  </a:lnTo>
                  <a:lnTo>
                    <a:pt x="2158" y="1728"/>
                  </a:lnTo>
                  <a:lnTo>
                    <a:pt x="2174" y="1738"/>
                  </a:lnTo>
                  <a:lnTo>
                    <a:pt x="2180" y="1744"/>
                  </a:lnTo>
                  <a:lnTo>
                    <a:pt x="2186" y="1750"/>
                  </a:lnTo>
                  <a:lnTo>
                    <a:pt x="2188" y="1754"/>
                  </a:lnTo>
                  <a:lnTo>
                    <a:pt x="2192" y="1760"/>
                  </a:lnTo>
                  <a:lnTo>
                    <a:pt x="2198" y="1766"/>
                  </a:lnTo>
                  <a:lnTo>
                    <a:pt x="2204" y="1768"/>
                  </a:lnTo>
                  <a:lnTo>
                    <a:pt x="2206" y="1768"/>
                  </a:lnTo>
                  <a:lnTo>
                    <a:pt x="2208" y="1768"/>
                  </a:lnTo>
                  <a:lnTo>
                    <a:pt x="2210" y="1766"/>
                  </a:lnTo>
                  <a:lnTo>
                    <a:pt x="2210" y="1764"/>
                  </a:lnTo>
                  <a:lnTo>
                    <a:pt x="2210" y="1760"/>
                  </a:lnTo>
                  <a:lnTo>
                    <a:pt x="2210" y="1752"/>
                  </a:lnTo>
                  <a:lnTo>
                    <a:pt x="2206" y="1746"/>
                  </a:lnTo>
                  <a:lnTo>
                    <a:pt x="2196" y="1730"/>
                  </a:lnTo>
                  <a:lnTo>
                    <a:pt x="2190" y="1724"/>
                  </a:lnTo>
                  <a:lnTo>
                    <a:pt x="2184" y="1718"/>
                  </a:lnTo>
                  <a:lnTo>
                    <a:pt x="2168" y="1708"/>
                  </a:lnTo>
                  <a:lnTo>
                    <a:pt x="2164" y="1704"/>
                  </a:lnTo>
                  <a:lnTo>
                    <a:pt x="2162" y="1698"/>
                  </a:lnTo>
                  <a:lnTo>
                    <a:pt x="2164" y="1686"/>
                  </a:lnTo>
                  <a:lnTo>
                    <a:pt x="2170" y="1672"/>
                  </a:lnTo>
                  <a:lnTo>
                    <a:pt x="2168" y="1666"/>
                  </a:lnTo>
                  <a:lnTo>
                    <a:pt x="2164" y="1660"/>
                  </a:lnTo>
                  <a:lnTo>
                    <a:pt x="2160" y="1658"/>
                  </a:lnTo>
                  <a:lnTo>
                    <a:pt x="2152" y="1656"/>
                  </a:lnTo>
                  <a:lnTo>
                    <a:pt x="2146" y="1658"/>
                  </a:lnTo>
                  <a:lnTo>
                    <a:pt x="2140" y="1660"/>
                  </a:lnTo>
                  <a:lnTo>
                    <a:pt x="2134" y="1666"/>
                  </a:lnTo>
                  <a:lnTo>
                    <a:pt x="2130" y="1672"/>
                  </a:lnTo>
                  <a:lnTo>
                    <a:pt x="2126" y="1676"/>
                  </a:lnTo>
                  <a:close/>
                  <a:moveTo>
                    <a:pt x="3046" y="620"/>
                  </a:moveTo>
                  <a:lnTo>
                    <a:pt x="3046" y="620"/>
                  </a:lnTo>
                  <a:lnTo>
                    <a:pt x="3052" y="616"/>
                  </a:lnTo>
                  <a:lnTo>
                    <a:pt x="3054" y="610"/>
                  </a:lnTo>
                  <a:lnTo>
                    <a:pt x="3062" y="478"/>
                  </a:lnTo>
                  <a:lnTo>
                    <a:pt x="3060" y="472"/>
                  </a:lnTo>
                  <a:lnTo>
                    <a:pt x="3056" y="466"/>
                  </a:lnTo>
                  <a:lnTo>
                    <a:pt x="3050" y="464"/>
                  </a:lnTo>
                  <a:lnTo>
                    <a:pt x="3038" y="460"/>
                  </a:lnTo>
                  <a:lnTo>
                    <a:pt x="3034" y="458"/>
                  </a:lnTo>
                  <a:lnTo>
                    <a:pt x="3028" y="454"/>
                  </a:lnTo>
                  <a:lnTo>
                    <a:pt x="3020" y="446"/>
                  </a:lnTo>
                  <a:lnTo>
                    <a:pt x="3006" y="438"/>
                  </a:lnTo>
                  <a:lnTo>
                    <a:pt x="3002" y="434"/>
                  </a:lnTo>
                  <a:lnTo>
                    <a:pt x="2994" y="432"/>
                  </a:lnTo>
                  <a:lnTo>
                    <a:pt x="2986" y="432"/>
                  </a:lnTo>
                  <a:lnTo>
                    <a:pt x="2972" y="432"/>
                  </a:lnTo>
                  <a:lnTo>
                    <a:pt x="2966" y="430"/>
                  </a:lnTo>
                  <a:lnTo>
                    <a:pt x="2958" y="428"/>
                  </a:lnTo>
                  <a:lnTo>
                    <a:pt x="2952" y="424"/>
                  </a:lnTo>
                  <a:lnTo>
                    <a:pt x="2946" y="422"/>
                  </a:lnTo>
                  <a:lnTo>
                    <a:pt x="2938" y="422"/>
                  </a:lnTo>
                  <a:lnTo>
                    <a:pt x="2934" y="422"/>
                  </a:lnTo>
                  <a:lnTo>
                    <a:pt x="2920" y="422"/>
                  </a:lnTo>
                  <a:lnTo>
                    <a:pt x="2918" y="424"/>
                  </a:lnTo>
                  <a:lnTo>
                    <a:pt x="2918" y="430"/>
                  </a:lnTo>
                  <a:lnTo>
                    <a:pt x="2924" y="452"/>
                  </a:lnTo>
                  <a:lnTo>
                    <a:pt x="2922" y="460"/>
                  </a:lnTo>
                  <a:lnTo>
                    <a:pt x="2918" y="464"/>
                  </a:lnTo>
                  <a:lnTo>
                    <a:pt x="2914" y="466"/>
                  </a:lnTo>
                  <a:lnTo>
                    <a:pt x="2906" y="468"/>
                  </a:lnTo>
                  <a:lnTo>
                    <a:pt x="2900" y="466"/>
                  </a:lnTo>
                  <a:lnTo>
                    <a:pt x="2894" y="464"/>
                  </a:lnTo>
                  <a:lnTo>
                    <a:pt x="2888" y="460"/>
                  </a:lnTo>
                  <a:lnTo>
                    <a:pt x="2882" y="454"/>
                  </a:lnTo>
                  <a:lnTo>
                    <a:pt x="2880" y="448"/>
                  </a:lnTo>
                  <a:lnTo>
                    <a:pt x="2876" y="436"/>
                  </a:lnTo>
                  <a:lnTo>
                    <a:pt x="2874" y="432"/>
                  </a:lnTo>
                  <a:lnTo>
                    <a:pt x="2868" y="432"/>
                  </a:lnTo>
                  <a:lnTo>
                    <a:pt x="2856" y="432"/>
                  </a:lnTo>
                  <a:lnTo>
                    <a:pt x="2848" y="432"/>
                  </a:lnTo>
                  <a:lnTo>
                    <a:pt x="2842" y="436"/>
                  </a:lnTo>
                  <a:lnTo>
                    <a:pt x="2836" y="438"/>
                  </a:lnTo>
                  <a:lnTo>
                    <a:pt x="2830" y="438"/>
                  </a:lnTo>
                  <a:lnTo>
                    <a:pt x="2816" y="434"/>
                  </a:lnTo>
                  <a:lnTo>
                    <a:pt x="2800" y="432"/>
                  </a:lnTo>
                  <a:lnTo>
                    <a:pt x="2786" y="432"/>
                  </a:lnTo>
                  <a:lnTo>
                    <a:pt x="2780" y="432"/>
                  </a:lnTo>
                  <a:lnTo>
                    <a:pt x="2774" y="436"/>
                  </a:lnTo>
                  <a:lnTo>
                    <a:pt x="2772" y="438"/>
                  </a:lnTo>
                  <a:lnTo>
                    <a:pt x="2768" y="438"/>
                  </a:lnTo>
                  <a:lnTo>
                    <a:pt x="2764" y="436"/>
                  </a:lnTo>
                  <a:lnTo>
                    <a:pt x="2756" y="426"/>
                  </a:lnTo>
                  <a:lnTo>
                    <a:pt x="2752" y="420"/>
                  </a:lnTo>
                  <a:lnTo>
                    <a:pt x="2750" y="414"/>
                  </a:lnTo>
                  <a:lnTo>
                    <a:pt x="2750" y="400"/>
                  </a:lnTo>
                  <a:lnTo>
                    <a:pt x="2748" y="394"/>
                  </a:lnTo>
                  <a:lnTo>
                    <a:pt x="2742" y="388"/>
                  </a:lnTo>
                  <a:lnTo>
                    <a:pt x="2726" y="376"/>
                  </a:lnTo>
                  <a:lnTo>
                    <a:pt x="2720" y="374"/>
                  </a:lnTo>
                  <a:lnTo>
                    <a:pt x="2712" y="372"/>
                  </a:lnTo>
                  <a:lnTo>
                    <a:pt x="2680" y="372"/>
                  </a:lnTo>
                  <a:lnTo>
                    <a:pt x="2664" y="372"/>
                  </a:lnTo>
                  <a:lnTo>
                    <a:pt x="2630" y="372"/>
                  </a:lnTo>
                  <a:lnTo>
                    <a:pt x="2624" y="370"/>
                  </a:lnTo>
                  <a:lnTo>
                    <a:pt x="2622" y="368"/>
                  </a:lnTo>
                  <a:lnTo>
                    <a:pt x="2620" y="362"/>
                  </a:lnTo>
                  <a:lnTo>
                    <a:pt x="2618" y="358"/>
                  </a:lnTo>
                  <a:lnTo>
                    <a:pt x="2606" y="348"/>
                  </a:lnTo>
                  <a:lnTo>
                    <a:pt x="2590" y="338"/>
                  </a:lnTo>
                  <a:lnTo>
                    <a:pt x="2586" y="332"/>
                  </a:lnTo>
                  <a:lnTo>
                    <a:pt x="2584" y="326"/>
                  </a:lnTo>
                  <a:lnTo>
                    <a:pt x="2584" y="322"/>
                  </a:lnTo>
                  <a:lnTo>
                    <a:pt x="2580" y="316"/>
                  </a:lnTo>
                  <a:lnTo>
                    <a:pt x="2576" y="312"/>
                  </a:lnTo>
                  <a:lnTo>
                    <a:pt x="2474" y="286"/>
                  </a:lnTo>
                  <a:lnTo>
                    <a:pt x="2468" y="286"/>
                  </a:lnTo>
                  <a:lnTo>
                    <a:pt x="2466" y="288"/>
                  </a:lnTo>
                  <a:lnTo>
                    <a:pt x="2466" y="290"/>
                  </a:lnTo>
                  <a:lnTo>
                    <a:pt x="2464" y="294"/>
                  </a:lnTo>
                  <a:lnTo>
                    <a:pt x="2458" y="298"/>
                  </a:lnTo>
                  <a:lnTo>
                    <a:pt x="2442" y="310"/>
                  </a:lnTo>
                  <a:lnTo>
                    <a:pt x="2438" y="314"/>
                  </a:lnTo>
                  <a:lnTo>
                    <a:pt x="2438" y="322"/>
                  </a:lnTo>
                  <a:lnTo>
                    <a:pt x="2444" y="336"/>
                  </a:lnTo>
                  <a:lnTo>
                    <a:pt x="2444" y="338"/>
                  </a:lnTo>
                  <a:lnTo>
                    <a:pt x="2444" y="342"/>
                  </a:lnTo>
                  <a:lnTo>
                    <a:pt x="2442" y="344"/>
                  </a:lnTo>
                  <a:lnTo>
                    <a:pt x="2438" y="346"/>
                  </a:lnTo>
                  <a:lnTo>
                    <a:pt x="2424" y="350"/>
                  </a:lnTo>
                  <a:lnTo>
                    <a:pt x="2408" y="352"/>
                  </a:lnTo>
                  <a:lnTo>
                    <a:pt x="2406" y="352"/>
                  </a:lnTo>
                  <a:lnTo>
                    <a:pt x="2390" y="350"/>
                  </a:lnTo>
                  <a:lnTo>
                    <a:pt x="2376" y="346"/>
                  </a:lnTo>
                  <a:lnTo>
                    <a:pt x="2368" y="346"/>
                  </a:lnTo>
                  <a:lnTo>
                    <a:pt x="2362" y="348"/>
                  </a:lnTo>
                  <a:lnTo>
                    <a:pt x="2358" y="350"/>
                  </a:lnTo>
                  <a:lnTo>
                    <a:pt x="2350" y="350"/>
                  </a:lnTo>
                  <a:lnTo>
                    <a:pt x="2346" y="346"/>
                  </a:lnTo>
                  <a:lnTo>
                    <a:pt x="2332" y="340"/>
                  </a:lnTo>
                  <a:lnTo>
                    <a:pt x="2326" y="336"/>
                  </a:lnTo>
                  <a:lnTo>
                    <a:pt x="2324" y="336"/>
                  </a:lnTo>
                  <a:lnTo>
                    <a:pt x="2322" y="336"/>
                  </a:lnTo>
                  <a:lnTo>
                    <a:pt x="2320" y="338"/>
                  </a:lnTo>
                  <a:lnTo>
                    <a:pt x="2318" y="342"/>
                  </a:lnTo>
                  <a:lnTo>
                    <a:pt x="2318" y="354"/>
                  </a:lnTo>
                  <a:lnTo>
                    <a:pt x="2318" y="362"/>
                  </a:lnTo>
                  <a:lnTo>
                    <a:pt x="2314" y="368"/>
                  </a:lnTo>
                  <a:lnTo>
                    <a:pt x="2304" y="376"/>
                  </a:lnTo>
                  <a:lnTo>
                    <a:pt x="2302" y="378"/>
                  </a:lnTo>
                  <a:lnTo>
                    <a:pt x="2300" y="378"/>
                  </a:lnTo>
                  <a:lnTo>
                    <a:pt x="2298" y="378"/>
                  </a:lnTo>
                  <a:lnTo>
                    <a:pt x="2294" y="376"/>
                  </a:lnTo>
                  <a:lnTo>
                    <a:pt x="2284" y="360"/>
                  </a:lnTo>
                  <a:lnTo>
                    <a:pt x="2276" y="346"/>
                  </a:lnTo>
                  <a:lnTo>
                    <a:pt x="2264" y="330"/>
                  </a:lnTo>
                  <a:lnTo>
                    <a:pt x="2262" y="324"/>
                  </a:lnTo>
                  <a:lnTo>
                    <a:pt x="2264" y="316"/>
                  </a:lnTo>
                  <a:lnTo>
                    <a:pt x="2276" y="300"/>
                  </a:lnTo>
                  <a:lnTo>
                    <a:pt x="2278" y="294"/>
                  </a:lnTo>
                  <a:lnTo>
                    <a:pt x="2280" y="286"/>
                  </a:lnTo>
                  <a:lnTo>
                    <a:pt x="2280" y="282"/>
                  </a:lnTo>
                  <a:lnTo>
                    <a:pt x="2278" y="276"/>
                  </a:lnTo>
                  <a:lnTo>
                    <a:pt x="2274" y="268"/>
                  </a:lnTo>
                  <a:lnTo>
                    <a:pt x="2266" y="260"/>
                  </a:lnTo>
                  <a:lnTo>
                    <a:pt x="2252" y="252"/>
                  </a:lnTo>
                  <a:lnTo>
                    <a:pt x="2248" y="248"/>
                  </a:lnTo>
                  <a:lnTo>
                    <a:pt x="2240" y="246"/>
                  </a:lnTo>
                  <a:lnTo>
                    <a:pt x="2232" y="246"/>
                  </a:lnTo>
                  <a:lnTo>
                    <a:pt x="2230" y="246"/>
                  </a:lnTo>
                  <a:lnTo>
                    <a:pt x="2222" y="244"/>
                  </a:lnTo>
                  <a:lnTo>
                    <a:pt x="2216" y="240"/>
                  </a:lnTo>
                  <a:lnTo>
                    <a:pt x="2204" y="232"/>
                  </a:lnTo>
                  <a:lnTo>
                    <a:pt x="2198" y="230"/>
                  </a:lnTo>
                  <a:lnTo>
                    <a:pt x="2196" y="228"/>
                  </a:lnTo>
                  <a:lnTo>
                    <a:pt x="2192" y="228"/>
                  </a:lnTo>
                  <a:lnTo>
                    <a:pt x="2190" y="230"/>
                  </a:lnTo>
                  <a:lnTo>
                    <a:pt x="2188" y="232"/>
                  </a:lnTo>
                  <a:lnTo>
                    <a:pt x="2186" y="238"/>
                  </a:lnTo>
                  <a:lnTo>
                    <a:pt x="2178" y="252"/>
                  </a:lnTo>
                  <a:lnTo>
                    <a:pt x="2176" y="258"/>
                  </a:lnTo>
                  <a:lnTo>
                    <a:pt x="2170" y="262"/>
                  </a:lnTo>
                  <a:lnTo>
                    <a:pt x="2164" y="264"/>
                  </a:lnTo>
                  <a:lnTo>
                    <a:pt x="2132" y="264"/>
                  </a:lnTo>
                  <a:lnTo>
                    <a:pt x="2124" y="264"/>
                  </a:lnTo>
                  <a:lnTo>
                    <a:pt x="2116" y="262"/>
                  </a:lnTo>
                  <a:lnTo>
                    <a:pt x="2110" y="258"/>
                  </a:lnTo>
                  <a:lnTo>
                    <a:pt x="2104" y="254"/>
                  </a:lnTo>
                  <a:lnTo>
                    <a:pt x="2100" y="248"/>
                  </a:lnTo>
                  <a:lnTo>
                    <a:pt x="2098" y="242"/>
                  </a:lnTo>
                  <a:lnTo>
                    <a:pt x="2092" y="238"/>
                  </a:lnTo>
                  <a:lnTo>
                    <a:pt x="2086" y="236"/>
                  </a:lnTo>
                  <a:lnTo>
                    <a:pt x="2062" y="236"/>
                  </a:lnTo>
                  <a:lnTo>
                    <a:pt x="2054" y="236"/>
                  </a:lnTo>
                  <a:lnTo>
                    <a:pt x="2048" y="240"/>
                  </a:lnTo>
                  <a:lnTo>
                    <a:pt x="2032" y="250"/>
                  </a:lnTo>
                  <a:lnTo>
                    <a:pt x="2030" y="252"/>
                  </a:lnTo>
                  <a:lnTo>
                    <a:pt x="2028" y="252"/>
                  </a:lnTo>
                  <a:lnTo>
                    <a:pt x="2026" y="250"/>
                  </a:lnTo>
                  <a:lnTo>
                    <a:pt x="2026" y="246"/>
                  </a:lnTo>
                  <a:lnTo>
                    <a:pt x="2026" y="244"/>
                  </a:lnTo>
                  <a:lnTo>
                    <a:pt x="2024" y="236"/>
                  </a:lnTo>
                  <a:lnTo>
                    <a:pt x="2020" y="230"/>
                  </a:lnTo>
                  <a:lnTo>
                    <a:pt x="2012" y="222"/>
                  </a:lnTo>
                  <a:lnTo>
                    <a:pt x="2004" y="218"/>
                  </a:lnTo>
                  <a:lnTo>
                    <a:pt x="1998" y="216"/>
                  </a:lnTo>
                  <a:lnTo>
                    <a:pt x="1994" y="216"/>
                  </a:lnTo>
                  <a:lnTo>
                    <a:pt x="1986" y="218"/>
                  </a:lnTo>
                  <a:lnTo>
                    <a:pt x="1980" y="222"/>
                  </a:lnTo>
                  <a:lnTo>
                    <a:pt x="1972" y="230"/>
                  </a:lnTo>
                  <a:lnTo>
                    <a:pt x="1960" y="240"/>
                  </a:lnTo>
                  <a:lnTo>
                    <a:pt x="1944" y="250"/>
                  </a:lnTo>
                  <a:lnTo>
                    <a:pt x="1930" y="260"/>
                  </a:lnTo>
                  <a:lnTo>
                    <a:pt x="1914" y="270"/>
                  </a:lnTo>
                  <a:lnTo>
                    <a:pt x="1910" y="272"/>
                  </a:lnTo>
                  <a:lnTo>
                    <a:pt x="1912" y="268"/>
                  </a:lnTo>
                  <a:lnTo>
                    <a:pt x="1922" y="252"/>
                  </a:lnTo>
                  <a:lnTo>
                    <a:pt x="1928" y="246"/>
                  </a:lnTo>
                  <a:lnTo>
                    <a:pt x="1934" y="242"/>
                  </a:lnTo>
                  <a:lnTo>
                    <a:pt x="1940" y="238"/>
                  </a:lnTo>
                  <a:lnTo>
                    <a:pt x="1946" y="234"/>
                  </a:lnTo>
                  <a:lnTo>
                    <a:pt x="1952" y="228"/>
                  </a:lnTo>
                  <a:lnTo>
                    <a:pt x="1972" y="194"/>
                  </a:lnTo>
                  <a:lnTo>
                    <a:pt x="1982" y="180"/>
                  </a:lnTo>
                  <a:lnTo>
                    <a:pt x="1990" y="172"/>
                  </a:lnTo>
                  <a:lnTo>
                    <a:pt x="2000" y="160"/>
                  </a:lnTo>
                  <a:lnTo>
                    <a:pt x="2010" y="144"/>
                  </a:lnTo>
                  <a:lnTo>
                    <a:pt x="2014" y="138"/>
                  </a:lnTo>
                  <a:lnTo>
                    <a:pt x="2014" y="130"/>
                  </a:lnTo>
                  <a:lnTo>
                    <a:pt x="2008" y="96"/>
                  </a:lnTo>
                  <a:lnTo>
                    <a:pt x="2004" y="90"/>
                  </a:lnTo>
                  <a:lnTo>
                    <a:pt x="2000" y="84"/>
                  </a:lnTo>
                  <a:lnTo>
                    <a:pt x="1972" y="64"/>
                  </a:lnTo>
                  <a:lnTo>
                    <a:pt x="1958" y="56"/>
                  </a:lnTo>
                  <a:lnTo>
                    <a:pt x="1944" y="52"/>
                  </a:lnTo>
                  <a:lnTo>
                    <a:pt x="1940" y="48"/>
                  </a:lnTo>
                  <a:lnTo>
                    <a:pt x="1938" y="44"/>
                  </a:lnTo>
                  <a:lnTo>
                    <a:pt x="1934" y="32"/>
                  </a:lnTo>
                  <a:lnTo>
                    <a:pt x="1922" y="8"/>
                  </a:lnTo>
                  <a:lnTo>
                    <a:pt x="1916" y="2"/>
                  </a:lnTo>
                  <a:lnTo>
                    <a:pt x="1910" y="0"/>
                  </a:lnTo>
                  <a:lnTo>
                    <a:pt x="1886" y="0"/>
                  </a:lnTo>
                  <a:lnTo>
                    <a:pt x="1880" y="2"/>
                  </a:lnTo>
                  <a:lnTo>
                    <a:pt x="1872" y="6"/>
                  </a:lnTo>
                  <a:lnTo>
                    <a:pt x="1844" y="34"/>
                  </a:lnTo>
                  <a:lnTo>
                    <a:pt x="1840" y="40"/>
                  </a:lnTo>
                  <a:lnTo>
                    <a:pt x="1838" y="48"/>
                  </a:lnTo>
                  <a:lnTo>
                    <a:pt x="1832" y="70"/>
                  </a:lnTo>
                  <a:lnTo>
                    <a:pt x="1828" y="78"/>
                  </a:lnTo>
                  <a:lnTo>
                    <a:pt x="1822" y="82"/>
                  </a:lnTo>
                  <a:lnTo>
                    <a:pt x="1788" y="104"/>
                  </a:lnTo>
                  <a:lnTo>
                    <a:pt x="1780" y="106"/>
                  </a:lnTo>
                  <a:lnTo>
                    <a:pt x="1774" y="104"/>
                  </a:lnTo>
                  <a:lnTo>
                    <a:pt x="1758" y="92"/>
                  </a:lnTo>
                  <a:lnTo>
                    <a:pt x="1750" y="90"/>
                  </a:lnTo>
                  <a:lnTo>
                    <a:pt x="1744" y="92"/>
                  </a:lnTo>
                  <a:lnTo>
                    <a:pt x="1710" y="106"/>
                  </a:lnTo>
                  <a:lnTo>
                    <a:pt x="1696" y="112"/>
                  </a:lnTo>
                  <a:lnTo>
                    <a:pt x="1660" y="134"/>
                  </a:lnTo>
                  <a:lnTo>
                    <a:pt x="1648" y="144"/>
                  </a:lnTo>
                  <a:lnTo>
                    <a:pt x="1630" y="162"/>
                  </a:lnTo>
                  <a:lnTo>
                    <a:pt x="1626" y="168"/>
                  </a:lnTo>
                  <a:lnTo>
                    <a:pt x="1622" y="174"/>
                  </a:lnTo>
                  <a:lnTo>
                    <a:pt x="1616" y="218"/>
                  </a:lnTo>
                  <a:lnTo>
                    <a:pt x="1612" y="224"/>
                  </a:lnTo>
                  <a:lnTo>
                    <a:pt x="1606" y="228"/>
                  </a:lnTo>
                  <a:lnTo>
                    <a:pt x="1544" y="244"/>
                  </a:lnTo>
                  <a:lnTo>
                    <a:pt x="1536" y="246"/>
                  </a:lnTo>
                  <a:lnTo>
                    <a:pt x="1532" y="252"/>
                  </a:lnTo>
                  <a:lnTo>
                    <a:pt x="1530" y="258"/>
                  </a:lnTo>
                  <a:lnTo>
                    <a:pt x="1528" y="264"/>
                  </a:lnTo>
                  <a:lnTo>
                    <a:pt x="1526" y="272"/>
                  </a:lnTo>
                  <a:lnTo>
                    <a:pt x="1526" y="306"/>
                  </a:lnTo>
                  <a:lnTo>
                    <a:pt x="1524" y="310"/>
                  </a:lnTo>
                  <a:lnTo>
                    <a:pt x="1522" y="308"/>
                  </a:lnTo>
                  <a:lnTo>
                    <a:pt x="1516" y="304"/>
                  </a:lnTo>
                  <a:lnTo>
                    <a:pt x="1508" y="302"/>
                  </a:lnTo>
                  <a:lnTo>
                    <a:pt x="1494" y="296"/>
                  </a:lnTo>
                  <a:lnTo>
                    <a:pt x="1488" y="296"/>
                  </a:lnTo>
                  <a:lnTo>
                    <a:pt x="1482" y="300"/>
                  </a:lnTo>
                  <a:lnTo>
                    <a:pt x="1472" y="316"/>
                  </a:lnTo>
                  <a:lnTo>
                    <a:pt x="1468" y="320"/>
                  </a:lnTo>
                  <a:lnTo>
                    <a:pt x="1464" y="320"/>
                  </a:lnTo>
                  <a:lnTo>
                    <a:pt x="1462" y="318"/>
                  </a:lnTo>
                  <a:lnTo>
                    <a:pt x="1458" y="314"/>
                  </a:lnTo>
                  <a:lnTo>
                    <a:pt x="1458" y="308"/>
                  </a:lnTo>
                  <a:lnTo>
                    <a:pt x="1456" y="304"/>
                  </a:lnTo>
                  <a:lnTo>
                    <a:pt x="1452" y="298"/>
                  </a:lnTo>
                  <a:lnTo>
                    <a:pt x="1444" y="290"/>
                  </a:lnTo>
                  <a:lnTo>
                    <a:pt x="1438" y="286"/>
                  </a:lnTo>
                  <a:lnTo>
                    <a:pt x="1434" y="284"/>
                  </a:lnTo>
                  <a:lnTo>
                    <a:pt x="1428" y="286"/>
                  </a:lnTo>
                  <a:lnTo>
                    <a:pt x="1426" y="292"/>
                  </a:lnTo>
                  <a:lnTo>
                    <a:pt x="1420" y="306"/>
                  </a:lnTo>
                  <a:lnTo>
                    <a:pt x="1418" y="322"/>
                  </a:lnTo>
                  <a:lnTo>
                    <a:pt x="1418" y="336"/>
                  </a:lnTo>
                  <a:lnTo>
                    <a:pt x="1418" y="352"/>
                  </a:lnTo>
                  <a:lnTo>
                    <a:pt x="1418" y="374"/>
                  </a:lnTo>
                  <a:lnTo>
                    <a:pt x="1416" y="382"/>
                  </a:lnTo>
                  <a:lnTo>
                    <a:pt x="1414" y="388"/>
                  </a:lnTo>
                  <a:lnTo>
                    <a:pt x="1412" y="388"/>
                  </a:lnTo>
                  <a:lnTo>
                    <a:pt x="1408" y="388"/>
                  </a:lnTo>
                  <a:lnTo>
                    <a:pt x="1404" y="384"/>
                  </a:lnTo>
                  <a:lnTo>
                    <a:pt x="1402" y="380"/>
                  </a:lnTo>
                  <a:lnTo>
                    <a:pt x="1400" y="372"/>
                  </a:lnTo>
                  <a:lnTo>
                    <a:pt x="1400" y="364"/>
                  </a:lnTo>
                  <a:lnTo>
                    <a:pt x="1406" y="340"/>
                  </a:lnTo>
                  <a:lnTo>
                    <a:pt x="1408" y="334"/>
                  </a:lnTo>
                  <a:lnTo>
                    <a:pt x="1406" y="326"/>
                  </a:lnTo>
                  <a:lnTo>
                    <a:pt x="1402" y="312"/>
                  </a:lnTo>
                  <a:lnTo>
                    <a:pt x="1398" y="296"/>
                  </a:lnTo>
                  <a:lnTo>
                    <a:pt x="1398" y="292"/>
                  </a:lnTo>
                  <a:lnTo>
                    <a:pt x="1396" y="286"/>
                  </a:lnTo>
                  <a:lnTo>
                    <a:pt x="1392" y="282"/>
                  </a:lnTo>
                  <a:lnTo>
                    <a:pt x="1376" y="278"/>
                  </a:lnTo>
                  <a:lnTo>
                    <a:pt x="1362" y="274"/>
                  </a:lnTo>
                  <a:lnTo>
                    <a:pt x="1348" y="274"/>
                  </a:lnTo>
                  <a:lnTo>
                    <a:pt x="1342" y="276"/>
                  </a:lnTo>
                  <a:lnTo>
                    <a:pt x="1338" y="282"/>
                  </a:lnTo>
                  <a:lnTo>
                    <a:pt x="1322" y="336"/>
                  </a:lnTo>
                  <a:lnTo>
                    <a:pt x="1320" y="342"/>
                  </a:lnTo>
                  <a:lnTo>
                    <a:pt x="1316" y="348"/>
                  </a:lnTo>
                  <a:lnTo>
                    <a:pt x="1308" y="360"/>
                  </a:lnTo>
                  <a:lnTo>
                    <a:pt x="1304" y="366"/>
                  </a:lnTo>
                  <a:lnTo>
                    <a:pt x="1304" y="372"/>
                  </a:lnTo>
                  <a:lnTo>
                    <a:pt x="1304" y="380"/>
                  </a:lnTo>
                  <a:lnTo>
                    <a:pt x="1308" y="384"/>
                  </a:lnTo>
                  <a:lnTo>
                    <a:pt x="1310" y="392"/>
                  </a:lnTo>
                  <a:lnTo>
                    <a:pt x="1310" y="400"/>
                  </a:lnTo>
                  <a:lnTo>
                    <a:pt x="1310" y="414"/>
                  </a:lnTo>
                  <a:lnTo>
                    <a:pt x="1310" y="426"/>
                  </a:lnTo>
                  <a:lnTo>
                    <a:pt x="1312" y="432"/>
                  </a:lnTo>
                  <a:lnTo>
                    <a:pt x="1316" y="436"/>
                  </a:lnTo>
                  <a:lnTo>
                    <a:pt x="1334" y="454"/>
                  </a:lnTo>
                  <a:lnTo>
                    <a:pt x="1338" y="460"/>
                  </a:lnTo>
                  <a:lnTo>
                    <a:pt x="1336" y="468"/>
                  </a:lnTo>
                  <a:lnTo>
                    <a:pt x="1324" y="484"/>
                  </a:lnTo>
                  <a:lnTo>
                    <a:pt x="1322" y="486"/>
                  </a:lnTo>
                  <a:lnTo>
                    <a:pt x="1320" y="486"/>
                  </a:lnTo>
                  <a:lnTo>
                    <a:pt x="1318" y="486"/>
                  </a:lnTo>
                  <a:lnTo>
                    <a:pt x="1314" y="484"/>
                  </a:lnTo>
                  <a:lnTo>
                    <a:pt x="1296" y="466"/>
                  </a:lnTo>
                  <a:lnTo>
                    <a:pt x="1284" y="456"/>
                  </a:lnTo>
                  <a:lnTo>
                    <a:pt x="1258" y="436"/>
                  </a:lnTo>
                  <a:lnTo>
                    <a:pt x="1252" y="432"/>
                  </a:lnTo>
                  <a:lnTo>
                    <a:pt x="1244" y="432"/>
                  </a:lnTo>
                  <a:lnTo>
                    <a:pt x="1230" y="432"/>
                  </a:lnTo>
                  <a:lnTo>
                    <a:pt x="1214" y="432"/>
                  </a:lnTo>
                  <a:lnTo>
                    <a:pt x="1212" y="432"/>
                  </a:lnTo>
                  <a:lnTo>
                    <a:pt x="1208" y="432"/>
                  </a:lnTo>
                  <a:lnTo>
                    <a:pt x="1206" y="434"/>
                  </a:lnTo>
                  <a:lnTo>
                    <a:pt x="1204" y="436"/>
                  </a:lnTo>
                  <a:lnTo>
                    <a:pt x="1204" y="440"/>
                  </a:lnTo>
                  <a:lnTo>
                    <a:pt x="1204" y="452"/>
                  </a:lnTo>
                  <a:lnTo>
                    <a:pt x="1202" y="460"/>
                  </a:lnTo>
                  <a:lnTo>
                    <a:pt x="1198" y="466"/>
                  </a:lnTo>
                  <a:lnTo>
                    <a:pt x="1192" y="468"/>
                  </a:lnTo>
                  <a:lnTo>
                    <a:pt x="1186" y="466"/>
                  </a:lnTo>
                  <a:lnTo>
                    <a:pt x="1180" y="464"/>
                  </a:lnTo>
                  <a:lnTo>
                    <a:pt x="1174" y="462"/>
                  </a:lnTo>
                  <a:lnTo>
                    <a:pt x="1166" y="464"/>
                  </a:lnTo>
                  <a:lnTo>
                    <a:pt x="1162" y="466"/>
                  </a:lnTo>
                  <a:lnTo>
                    <a:pt x="1146" y="474"/>
                  </a:lnTo>
                  <a:lnTo>
                    <a:pt x="1142" y="476"/>
                  </a:lnTo>
                  <a:lnTo>
                    <a:pt x="1134" y="478"/>
                  </a:lnTo>
                  <a:lnTo>
                    <a:pt x="1126" y="480"/>
                  </a:lnTo>
                  <a:lnTo>
                    <a:pt x="1124" y="480"/>
                  </a:lnTo>
                  <a:lnTo>
                    <a:pt x="1116" y="478"/>
                  </a:lnTo>
                  <a:lnTo>
                    <a:pt x="1110" y="476"/>
                  </a:lnTo>
                  <a:lnTo>
                    <a:pt x="1104" y="472"/>
                  </a:lnTo>
                  <a:lnTo>
                    <a:pt x="1098" y="474"/>
                  </a:lnTo>
                  <a:lnTo>
                    <a:pt x="1092" y="476"/>
                  </a:lnTo>
                  <a:lnTo>
                    <a:pt x="1078" y="484"/>
                  </a:lnTo>
                  <a:lnTo>
                    <a:pt x="1062" y="496"/>
                  </a:lnTo>
                  <a:lnTo>
                    <a:pt x="1050" y="504"/>
                  </a:lnTo>
                  <a:lnTo>
                    <a:pt x="1024" y="516"/>
                  </a:lnTo>
                  <a:lnTo>
                    <a:pt x="1012" y="520"/>
                  </a:lnTo>
                  <a:lnTo>
                    <a:pt x="1008" y="522"/>
                  </a:lnTo>
                  <a:lnTo>
                    <a:pt x="1004" y="526"/>
                  </a:lnTo>
                  <a:lnTo>
                    <a:pt x="1000" y="540"/>
                  </a:lnTo>
                  <a:lnTo>
                    <a:pt x="996" y="546"/>
                  </a:lnTo>
                  <a:lnTo>
                    <a:pt x="992" y="548"/>
                  </a:lnTo>
                  <a:lnTo>
                    <a:pt x="988" y="546"/>
                  </a:lnTo>
                  <a:lnTo>
                    <a:pt x="982" y="542"/>
                  </a:lnTo>
                  <a:lnTo>
                    <a:pt x="974" y="534"/>
                  </a:lnTo>
                  <a:lnTo>
                    <a:pt x="972" y="530"/>
                  </a:lnTo>
                  <a:lnTo>
                    <a:pt x="972" y="526"/>
                  </a:lnTo>
                  <a:lnTo>
                    <a:pt x="974" y="524"/>
                  </a:lnTo>
                  <a:lnTo>
                    <a:pt x="982" y="514"/>
                  </a:lnTo>
                  <a:lnTo>
                    <a:pt x="986" y="508"/>
                  </a:lnTo>
                  <a:lnTo>
                    <a:pt x="988" y="502"/>
                  </a:lnTo>
                  <a:lnTo>
                    <a:pt x="988" y="498"/>
                  </a:lnTo>
                  <a:lnTo>
                    <a:pt x="986" y="492"/>
                  </a:lnTo>
                  <a:lnTo>
                    <a:pt x="980" y="486"/>
                  </a:lnTo>
                  <a:lnTo>
                    <a:pt x="976" y="484"/>
                  </a:lnTo>
                  <a:lnTo>
                    <a:pt x="964" y="480"/>
                  </a:lnTo>
                  <a:lnTo>
                    <a:pt x="950" y="480"/>
                  </a:lnTo>
                  <a:lnTo>
                    <a:pt x="946" y="480"/>
                  </a:lnTo>
                  <a:lnTo>
                    <a:pt x="944" y="480"/>
                  </a:lnTo>
                  <a:lnTo>
                    <a:pt x="942" y="482"/>
                  </a:lnTo>
                  <a:lnTo>
                    <a:pt x="942" y="484"/>
                  </a:lnTo>
                  <a:lnTo>
                    <a:pt x="942" y="488"/>
                  </a:lnTo>
                  <a:lnTo>
                    <a:pt x="944" y="492"/>
                  </a:lnTo>
                  <a:lnTo>
                    <a:pt x="948" y="500"/>
                  </a:lnTo>
                  <a:lnTo>
                    <a:pt x="948" y="508"/>
                  </a:lnTo>
                  <a:lnTo>
                    <a:pt x="948" y="520"/>
                  </a:lnTo>
                  <a:lnTo>
                    <a:pt x="950" y="528"/>
                  </a:lnTo>
                  <a:lnTo>
                    <a:pt x="952" y="536"/>
                  </a:lnTo>
                  <a:lnTo>
                    <a:pt x="954" y="542"/>
                  </a:lnTo>
                  <a:lnTo>
                    <a:pt x="956" y="548"/>
                  </a:lnTo>
                  <a:lnTo>
                    <a:pt x="956" y="556"/>
                  </a:lnTo>
                  <a:lnTo>
                    <a:pt x="952" y="570"/>
                  </a:lnTo>
                  <a:lnTo>
                    <a:pt x="948" y="574"/>
                  </a:lnTo>
                  <a:lnTo>
                    <a:pt x="946" y="574"/>
                  </a:lnTo>
                  <a:lnTo>
                    <a:pt x="944" y="572"/>
                  </a:lnTo>
                  <a:lnTo>
                    <a:pt x="938" y="570"/>
                  </a:lnTo>
                  <a:lnTo>
                    <a:pt x="930" y="568"/>
                  </a:lnTo>
                  <a:lnTo>
                    <a:pt x="928" y="568"/>
                  </a:lnTo>
                  <a:lnTo>
                    <a:pt x="920" y="570"/>
                  </a:lnTo>
                  <a:lnTo>
                    <a:pt x="914" y="572"/>
                  </a:lnTo>
                  <a:lnTo>
                    <a:pt x="902" y="582"/>
                  </a:lnTo>
                  <a:lnTo>
                    <a:pt x="896" y="584"/>
                  </a:lnTo>
                  <a:lnTo>
                    <a:pt x="884" y="592"/>
                  </a:lnTo>
                  <a:lnTo>
                    <a:pt x="882" y="598"/>
                  </a:lnTo>
                  <a:lnTo>
                    <a:pt x="884" y="604"/>
                  </a:lnTo>
                  <a:lnTo>
                    <a:pt x="896" y="630"/>
                  </a:lnTo>
                  <a:lnTo>
                    <a:pt x="898" y="634"/>
                  </a:lnTo>
                  <a:lnTo>
                    <a:pt x="894" y="632"/>
                  </a:lnTo>
                  <a:lnTo>
                    <a:pt x="888" y="628"/>
                  </a:lnTo>
                  <a:lnTo>
                    <a:pt x="882" y="626"/>
                  </a:lnTo>
                  <a:lnTo>
                    <a:pt x="868" y="626"/>
                  </a:lnTo>
                  <a:lnTo>
                    <a:pt x="860" y="626"/>
                  </a:lnTo>
                  <a:lnTo>
                    <a:pt x="854" y="624"/>
                  </a:lnTo>
                  <a:lnTo>
                    <a:pt x="848" y="620"/>
                  </a:lnTo>
                  <a:lnTo>
                    <a:pt x="842" y="620"/>
                  </a:lnTo>
                  <a:lnTo>
                    <a:pt x="840" y="622"/>
                  </a:lnTo>
                  <a:lnTo>
                    <a:pt x="842" y="630"/>
                  </a:lnTo>
                  <a:lnTo>
                    <a:pt x="842" y="632"/>
                  </a:lnTo>
                  <a:lnTo>
                    <a:pt x="836" y="630"/>
                  </a:lnTo>
                  <a:lnTo>
                    <a:pt x="818" y="624"/>
                  </a:lnTo>
                  <a:lnTo>
                    <a:pt x="812" y="622"/>
                  </a:lnTo>
                  <a:lnTo>
                    <a:pt x="808" y="616"/>
                  </a:lnTo>
                  <a:lnTo>
                    <a:pt x="804" y="604"/>
                  </a:lnTo>
                  <a:lnTo>
                    <a:pt x="804" y="598"/>
                  </a:lnTo>
                  <a:lnTo>
                    <a:pt x="806" y="592"/>
                  </a:lnTo>
                  <a:lnTo>
                    <a:pt x="810" y="588"/>
                  </a:lnTo>
                  <a:lnTo>
                    <a:pt x="812" y="582"/>
                  </a:lnTo>
                  <a:lnTo>
                    <a:pt x="810" y="578"/>
                  </a:lnTo>
                  <a:lnTo>
                    <a:pt x="804" y="574"/>
                  </a:lnTo>
                  <a:lnTo>
                    <a:pt x="800" y="572"/>
                  </a:lnTo>
                  <a:lnTo>
                    <a:pt x="786" y="562"/>
                  </a:lnTo>
                  <a:lnTo>
                    <a:pt x="778" y="554"/>
                  </a:lnTo>
                  <a:lnTo>
                    <a:pt x="768" y="544"/>
                  </a:lnTo>
                  <a:lnTo>
                    <a:pt x="766" y="540"/>
                  </a:lnTo>
                  <a:lnTo>
                    <a:pt x="768" y="538"/>
                  </a:lnTo>
                  <a:lnTo>
                    <a:pt x="772" y="540"/>
                  </a:lnTo>
                  <a:lnTo>
                    <a:pt x="778" y="544"/>
                  </a:lnTo>
                  <a:lnTo>
                    <a:pt x="784" y="546"/>
                  </a:lnTo>
                  <a:lnTo>
                    <a:pt x="790" y="548"/>
                  </a:lnTo>
                  <a:lnTo>
                    <a:pt x="794" y="548"/>
                  </a:lnTo>
                  <a:lnTo>
                    <a:pt x="800" y="550"/>
                  </a:lnTo>
                  <a:lnTo>
                    <a:pt x="806" y="556"/>
                  </a:lnTo>
                  <a:lnTo>
                    <a:pt x="808" y="560"/>
                  </a:lnTo>
                  <a:lnTo>
                    <a:pt x="812" y="566"/>
                  </a:lnTo>
                  <a:lnTo>
                    <a:pt x="820" y="570"/>
                  </a:lnTo>
                  <a:lnTo>
                    <a:pt x="842" y="576"/>
                  </a:lnTo>
                  <a:lnTo>
                    <a:pt x="850" y="576"/>
                  </a:lnTo>
                  <a:lnTo>
                    <a:pt x="858" y="576"/>
                  </a:lnTo>
                  <a:lnTo>
                    <a:pt x="872" y="570"/>
                  </a:lnTo>
                  <a:lnTo>
                    <a:pt x="888" y="564"/>
                  </a:lnTo>
                  <a:lnTo>
                    <a:pt x="892" y="562"/>
                  </a:lnTo>
                  <a:lnTo>
                    <a:pt x="898" y="558"/>
                  </a:lnTo>
                  <a:lnTo>
                    <a:pt x="902" y="550"/>
                  </a:lnTo>
                  <a:lnTo>
                    <a:pt x="906" y="536"/>
                  </a:lnTo>
                  <a:lnTo>
                    <a:pt x="906" y="530"/>
                  </a:lnTo>
                  <a:lnTo>
                    <a:pt x="904" y="524"/>
                  </a:lnTo>
                  <a:lnTo>
                    <a:pt x="876" y="496"/>
                  </a:lnTo>
                  <a:lnTo>
                    <a:pt x="864" y="486"/>
                  </a:lnTo>
                  <a:lnTo>
                    <a:pt x="848" y="474"/>
                  </a:lnTo>
                  <a:lnTo>
                    <a:pt x="836" y="464"/>
                  </a:lnTo>
                  <a:lnTo>
                    <a:pt x="826" y="456"/>
                  </a:lnTo>
                  <a:lnTo>
                    <a:pt x="820" y="452"/>
                  </a:lnTo>
                  <a:lnTo>
                    <a:pt x="814" y="448"/>
                  </a:lnTo>
                  <a:lnTo>
                    <a:pt x="800" y="444"/>
                  </a:lnTo>
                  <a:lnTo>
                    <a:pt x="788" y="440"/>
                  </a:lnTo>
                  <a:lnTo>
                    <a:pt x="784" y="438"/>
                  </a:lnTo>
                  <a:lnTo>
                    <a:pt x="782" y="432"/>
                  </a:lnTo>
                  <a:lnTo>
                    <a:pt x="782" y="430"/>
                  </a:lnTo>
                  <a:lnTo>
                    <a:pt x="782" y="426"/>
                  </a:lnTo>
                  <a:lnTo>
                    <a:pt x="780" y="424"/>
                  </a:lnTo>
                  <a:lnTo>
                    <a:pt x="778" y="422"/>
                  </a:lnTo>
                  <a:lnTo>
                    <a:pt x="774" y="422"/>
                  </a:lnTo>
                  <a:lnTo>
                    <a:pt x="770" y="422"/>
                  </a:lnTo>
                  <a:lnTo>
                    <a:pt x="754" y="422"/>
                  </a:lnTo>
                  <a:lnTo>
                    <a:pt x="752" y="422"/>
                  </a:lnTo>
                  <a:lnTo>
                    <a:pt x="742" y="422"/>
                  </a:lnTo>
                  <a:lnTo>
                    <a:pt x="738" y="416"/>
                  </a:lnTo>
                  <a:lnTo>
                    <a:pt x="734" y="412"/>
                  </a:lnTo>
                  <a:lnTo>
                    <a:pt x="734" y="406"/>
                  </a:lnTo>
                  <a:lnTo>
                    <a:pt x="736" y="394"/>
                  </a:lnTo>
                  <a:lnTo>
                    <a:pt x="740" y="390"/>
                  </a:lnTo>
                  <a:lnTo>
                    <a:pt x="740" y="384"/>
                  </a:lnTo>
                  <a:lnTo>
                    <a:pt x="738" y="378"/>
                  </a:lnTo>
                  <a:lnTo>
                    <a:pt x="728" y="368"/>
                  </a:lnTo>
                  <a:lnTo>
                    <a:pt x="720" y="358"/>
                  </a:lnTo>
                  <a:lnTo>
                    <a:pt x="716" y="358"/>
                  </a:lnTo>
                  <a:lnTo>
                    <a:pt x="714" y="356"/>
                  </a:lnTo>
                  <a:lnTo>
                    <a:pt x="710" y="358"/>
                  </a:lnTo>
                  <a:lnTo>
                    <a:pt x="708" y="358"/>
                  </a:lnTo>
                  <a:lnTo>
                    <a:pt x="700" y="368"/>
                  </a:lnTo>
                  <a:lnTo>
                    <a:pt x="694" y="370"/>
                  </a:lnTo>
                  <a:lnTo>
                    <a:pt x="686" y="370"/>
                  </a:lnTo>
                  <a:lnTo>
                    <a:pt x="682" y="366"/>
                  </a:lnTo>
                  <a:lnTo>
                    <a:pt x="670" y="362"/>
                  </a:lnTo>
                  <a:lnTo>
                    <a:pt x="656" y="362"/>
                  </a:lnTo>
                  <a:lnTo>
                    <a:pt x="654" y="362"/>
                  </a:lnTo>
                  <a:lnTo>
                    <a:pt x="646" y="364"/>
                  </a:lnTo>
                  <a:lnTo>
                    <a:pt x="640" y="368"/>
                  </a:lnTo>
                  <a:lnTo>
                    <a:pt x="632" y="376"/>
                  </a:lnTo>
                  <a:lnTo>
                    <a:pt x="626" y="380"/>
                  </a:lnTo>
                  <a:lnTo>
                    <a:pt x="620" y="382"/>
                  </a:lnTo>
                  <a:lnTo>
                    <a:pt x="610" y="382"/>
                  </a:lnTo>
                  <a:lnTo>
                    <a:pt x="606" y="384"/>
                  </a:lnTo>
                  <a:lnTo>
                    <a:pt x="600" y="388"/>
                  </a:lnTo>
                  <a:lnTo>
                    <a:pt x="596" y="390"/>
                  </a:lnTo>
                  <a:lnTo>
                    <a:pt x="592" y="392"/>
                  </a:lnTo>
                  <a:lnTo>
                    <a:pt x="586" y="394"/>
                  </a:lnTo>
                  <a:lnTo>
                    <a:pt x="584" y="400"/>
                  </a:lnTo>
                  <a:lnTo>
                    <a:pt x="578" y="414"/>
                  </a:lnTo>
                  <a:lnTo>
                    <a:pt x="574" y="420"/>
                  </a:lnTo>
                  <a:lnTo>
                    <a:pt x="568" y="422"/>
                  </a:lnTo>
                  <a:lnTo>
                    <a:pt x="556" y="422"/>
                  </a:lnTo>
                  <a:lnTo>
                    <a:pt x="548" y="424"/>
                  </a:lnTo>
                  <a:lnTo>
                    <a:pt x="544" y="430"/>
                  </a:lnTo>
                  <a:lnTo>
                    <a:pt x="540" y="444"/>
                  </a:lnTo>
                  <a:lnTo>
                    <a:pt x="538" y="456"/>
                  </a:lnTo>
                  <a:lnTo>
                    <a:pt x="534" y="460"/>
                  </a:lnTo>
                  <a:lnTo>
                    <a:pt x="530" y="460"/>
                  </a:lnTo>
                  <a:lnTo>
                    <a:pt x="526" y="460"/>
                  </a:lnTo>
                  <a:lnTo>
                    <a:pt x="518" y="462"/>
                  </a:lnTo>
                  <a:lnTo>
                    <a:pt x="514" y="468"/>
                  </a:lnTo>
                  <a:lnTo>
                    <a:pt x="502" y="484"/>
                  </a:lnTo>
                  <a:lnTo>
                    <a:pt x="500" y="490"/>
                  </a:lnTo>
                  <a:lnTo>
                    <a:pt x="498" y="498"/>
                  </a:lnTo>
                  <a:lnTo>
                    <a:pt x="498" y="502"/>
                  </a:lnTo>
                  <a:lnTo>
                    <a:pt x="496" y="510"/>
                  </a:lnTo>
                  <a:lnTo>
                    <a:pt x="494" y="516"/>
                  </a:lnTo>
                  <a:lnTo>
                    <a:pt x="482" y="532"/>
                  </a:lnTo>
                  <a:lnTo>
                    <a:pt x="474" y="546"/>
                  </a:lnTo>
                  <a:lnTo>
                    <a:pt x="472" y="552"/>
                  </a:lnTo>
                  <a:lnTo>
                    <a:pt x="466" y="566"/>
                  </a:lnTo>
                  <a:lnTo>
                    <a:pt x="462" y="570"/>
                  </a:lnTo>
                  <a:lnTo>
                    <a:pt x="456" y="586"/>
                  </a:lnTo>
                  <a:lnTo>
                    <a:pt x="452" y="590"/>
                  </a:lnTo>
                  <a:lnTo>
                    <a:pt x="444" y="604"/>
                  </a:lnTo>
                  <a:lnTo>
                    <a:pt x="424" y="640"/>
                  </a:lnTo>
                  <a:lnTo>
                    <a:pt x="414" y="652"/>
                  </a:lnTo>
                  <a:lnTo>
                    <a:pt x="406" y="660"/>
                  </a:lnTo>
                  <a:lnTo>
                    <a:pt x="392" y="670"/>
                  </a:lnTo>
                  <a:lnTo>
                    <a:pt x="388" y="672"/>
                  </a:lnTo>
                  <a:lnTo>
                    <a:pt x="382" y="676"/>
                  </a:lnTo>
                  <a:lnTo>
                    <a:pt x="376" y="682"/>
                  </a:lnTo>
                  <a:lnTo>
                    <a:pt x="374" y="688"/>
                  </a:lnTo>
                  <a:lnTo>
                    <a:pt x="366" y="700"/>
                  </a:lnTo>
                  <a:lnTo>
                    <a:pt x="356" y="710"/>
                  </a:lnTo>
                  <a:lnTo>
                    <a:pt x="352" y="714"/>
                  </a:lnTo>
                  <a:lnTo>
                    <a:pt x="350" y="720"/>
                  </a:lnTo>
                  <a:lnTo>
                    <a:pt x="346" y="732"/>
                  </a:lnTo>
                  <a:lnTo>
                    <a:pt x="344" y="736"/>
                  </a:lnTo>
                  <a:lnTo>
                    <a:pt x="342" y="744"/>
                  </a:lnTo>
                  <a:lnTo>
                    <a:pt x="340" y="752"/>
                  </a:lnTo>
                  <a:lnTo>
                    <a:pt x="340" y="756"/>
                  </a:lnTo>
                  <a:lnTo>
                    <a:pt x="342" y="764"/>
                  </a:lnTo>
                  <a:lnTo>
                    <a:pt x="344" y="770"/>
                  </a:lnTo>
                  <a:lnTo>
                    <a:pt x="346" y="776"/>
                  </a:lnTo>
                  <a:lnTo>
                    <a:pt x="348" y="784"/>
                  </a:lnTo>
                  <a:lnTo>
                    <a:pt x="350" y="792"/>
                  </a:lnTo>
                  <a:lnTo>
                    <a:pt x="350" y="794"/>
                  </a:lnTo>
                  <a:lnTo>
                    <a:pt x="350" y="810"/>
                  </a:lnTo>
                  <a:lnTo>
                    <a:pt x="350" y="814"/>
                  </a:lnTo>
                  <a:lnTo>
                    <a:pt x="352" y="820"/>
                  </a:lnTo>
                  <a:lnTo>
                    <a:pt x="356" y="826"/>
                  </a:lnTo>
                  <a:lnTo>
                    <a:pt x="364" y="828"/>
                  </a:lnTo>
                  <a:lnTo>
                    <a:pt x="370" y="830"/>
                  </a:lnTo>
                  <a:lnTo>
                    <a:pt x="378" y="832"/>
                  </a:lnTo>
                  <a:lnTo>
                    <a:pt x="382" y="832"/>
                  </a:lnTo>
                  <a:lnTo>
                    <a:pt x="390" y="830"/>
                  </a:lnTo>
                  <a:lnTo>
                    <a:pt x="396" y="828"/>
                  </a:lnTo>
                  <a:lnTo>
                    <a:pt x="412" y="816"/>
                  </a:lnTo>
                  <a:lnTo>
                    <a:pt x="424" y="808"/>
                  </a:lnTo>
                  <a:lnTo>
                    <a:pt x="430" y="804"/>
                  </a:lnTo>
                  <a:lnTo>
                    <a:pt x="434" y="802"/>
                  </a:lnTo>
                  <a:lnTo>
                    <a:pt x="438" y="800"/>
                  </a:lnTo>
                  <a:lnTo>
                    <a:pt x="442" y="796"/>
                  </a:lnTo>
                  <a:lnTo>
                    <a:pt x="446" y="790"/>
                  </a:lnTo>
                  <a:lnTo>
                    <a:pt x="454" y="778"/>
                  </a:lnTo>
                  <a:lnTo>
                    <a:pt x="458" y="774"/>
                  </a:lnTo>
                  <a:lnTo>
                    <a:pt x="454" y="778"/>
                  </a:lnTo>
                  <a:lnTo>
                    <a:pt x="446" y="790"/>
                  </a:lnTo>
                  <a:lnTo>
                    <a:pt x="442" y="796"/>
                  </a:lnTo>
                  <a:lnTo>
                    <a:pt x="440" y="808"/>
                  </a:lnTo>
                  <a:lnTo>
                    <a:pt x="442" y="820"/>
                  </a:lnTo>
                  <a:lnTo>
                    <a:pt x="446" y="826"/>
                  </a:lnTo>
                  <a:lnTo>
                    <a:pt x="448" y="832"/>
                  </a:lnTo>
                  <a:lnTo>
                    <a:pt x="448" y="840"/>
                  </a:lnTo>
                  <a:lnTo>
                    <a:pt x="448" y="844"/>
                  </a:lnTo>
                  <a:lnTo>
                    <a:pt x="452" y="860"/>
                  </a:lnTo>
                  <a:lnTo>
                    <a:pt x="456" y="874"/>
                  </a:lnTo>
                  <a:lnTo>
                    <a:pt x="458" y="886"/>
                  </a:lnTo>
                  <a:lnTo>
                    <a:pt x="460" y="892"/>
                  </a:lnTo>
                  <a:lnTo>
                    <a:pt x="464" y="896"/>
                  </a:lnTo>
                  <a:lnTo>
                    <a:pt x="466" y="902"/>
                  </a:lnTo>
                  <a:lnTo>
                    <a:pt x="468" y="906"/>
                  </a:lnTo>
                  <a:lnTo>
                    <a:pt x="470" y="910"/>
                  </a:lnTo>
                  <a:lnTo>
                    <a:pt x="476" y="910"/>
                  </a:lnTo>
                  <a:lnTo>
                    <a:pt x="480" y="910"/>
                  </a:lnTo>
                  <a:lnTo>
                    <a:pt x="486" y="910"/>
                  </a:lnTo>
                  <a:lnTo>
                    <a:pt x="488" y="906"/>
                  </a:lnTo>
                  <a:lnTo>
                    <a:pt x="490" y="902"/>
                  </a:lnTo>
                  <a:lnTo>
                    <a:pt x="492" y="896"/>
                  </a:lnTo>
                  <a:lnTo>
                    <a:pt x="498" y="892"/>
                  </a:lnTo>
                  <a:lnTo>
                    <a:pt x="506" y="892"/>
                  </a:lnTo>
                  <a:lnTo>
                    <a:pt x="510" y="892"/>
                  </a:lnTo>
                  <a:lnTo>
                    <a:pt x="516" y="890"/>
                  </a:lnTo>
                  <a:lnTo>
                    <a:pt x="520" y="884"/>
                  </a:lnTo>
                  <a:lnTo>
                    <a:pt x="524" y="878"/>
                  </a:lnTo>
                  <a:lnTo>
                    <a:pt x="526" y="872"/>
                  </a:lnTo>
                  <a:lnTo>
                    <a:pt x="528" y="864"/>
                  </a:lnTo>
                  <a:lnTo>
                    <a:pt x="528" y="840"/>
                  </a:lnTo>
                  <a:lnTo>
                    <a:pt x="528" y="824"/>
                  </a:lnTo>
                  <a:lnTo>
                    <a:pt x="528" y="822"/>
                  </a:lnTo>
                  <a:lnTo>
                    <a:pt x="528" y="816"/>
                  </a:lnTo>
                  <a:lnTo>
                    <a:pt x="532" y="814"/>
                  </a:lnTo>
                  <a:lnTo>
                    <a:pt x="544" y="810"/>
                  </a:lnTo>
                  <a:lnTo>
                    <a:pt x="550" y="806"/>
                  </a:lnTo>
                  <a:lnTo>
                    <a:pt x="554" y="802"/>
                  </a:lnTo>
                  <a:lnTo>
                    <a:pt x="556" y="796"/>
                  </a:lnTo>
                  <a:lnTo>
                    <a:pt x="556" y="792"/>
                  </a:lnTo>
                  <a:lnTo>
                    <a:pt x="556" y="784"/>
                  </a:lnTo>
                  <a:lnTo>
                    <a:pt x="554" y="776"/>
                  </a:lnTo>
                  <a:lnTo>
                    <a:pt x="550" y="772"/>
                  </a:lnTo>
                  <a:lnTo>
                    <a:pt x="542" y="760"/>
                  </a:lnTo>
                  <a:lnTo>
                    <a:pt x="538" y="754"/>
                  </a:lnTo>
                  <a:lnTo>
                    <a:pt x="536" y="746"/>
                  </a:lnTo>
                  <a:lnTo>
                    <a:pt x="536" y="732"/>
                  </a:lnTo>
                  <a:lnTo>
                    <a:pt x="536" y="716"/>
                  </a:lnTo>
                  <a:lnTo>
                    <a:pt x="536" y="704"/>
                  </a:lnTo>
                  <a:lnTo>
                    <a:pt x="538" y="696"/>
                  </a:lnTo>
                  <a:lnTo>
                    <a:pt x="542" y="690"/>
                  </a:lnTo>
                  <a:lnTo>
                    <a:pt x="550" y="682"/>
                  </a:lnTo>
                  <a:lnTo>
                    <a:pt x="562" y="672"/>
                  </a:lnTo>
                  <a:lnTo>
                    <a:pt x="572" y="662"/>
                  </a:lnTo>
                  <a:lnTo>
                    <a:pt x="590" y="652"/>
                  </a:lnTo>
                  <a:lnTo>
                    <a:pt x="594" y="646"/>
                  </a:lnTo>
                  <a:lnTo>
                    <a:pt x="600" y="640"/>
                  </a:lnTo>
                  <a:lnTo>
                    <a:pt x="602" y="634"/>
                  </a:lnTo>
                  <a:lnTo>
                    <a:pt x="604" y="628"/>
                  </a:lnTo>
                  <a:lnTo>
                    <a:pt x="600" y="622"/>
                  </a:lnTo>
                  <a:lnTo>
                    <a:pt x="598" y="616"/>
                  </a:lnTo>
                  <a:lnTo>
                    <a:pt x="600" y="610"/>
                  </a:lnTo>
                  <a:lnTo>
                    <a:pt x="602" y="604"/>
                  </a:lnTo>
                  <a:lnTo>
                    <a:pt x="612" y="592"/>
                  </a:lnTo>
                  <a:lnTo>
                    <a:pt x="620" y="584"/>
                  </a:lnTo>
                  <a:lnTo>
                    <a:pt x="624" y="580"/>
                  </a:lnTo>
                  <a:lnTo>
                    <a:pt x="630" y="576"/>
                  </a:lnTo>
                  <a:lnTo>
                    <a:pt x="634" y="578"/>
                  </a:lnTo>
                  <a:lnTo>
                    <a:pt x="640" y="582"/>
                  </a:lnTo>
                  <a:lnTo>
                    <a:pt x="648" y="594"/>
                  </a:lnTo>
                  <a:lnTo>
                    <a:pt x="652" y="600"/>
                  </a:lnTo>
                  <a:lnTo>
                    <a:pt x="652" y="608"/>
                  </a:lnTo>
                  <a:lnTo>
                    <a:pt x="652" y="614"/>
                  </a:lnTo>
                  <a:lnTo>
                    <a:pt x="638" y="640"/>
                  </a:lnTo>
                  <a:lnTo>
                    <a:pt x="634" y="646"/>
                  </a:lnTo>
                  <a:lnTo>
                    <a:pt x="628" y="650"/>
                  </a:lnTo>
                  <a:lnTo>
                    <a:pt x="612" y="662"/>
                  </a:lnTo>
                  <a:lnTo>
                    <a:pt x="606" y="666"/>
                  </a:lnTo>
                  <a:lnTo>
                    <a:pt x="604" y="674"/>
                  </a:lnTo>
                  <a:lnTo>
                    <a:pt x="598" y="688"/>
                  </a:lnTo>
                  <a:lnTo>
                    <a:pt x="596" y="704"/>
                  </a:lnTo>
                  <a:lnTo>
                    <a:pt x="596" y="726"/>
                  </a:lnTo>
                  <a:lnTo>
                    <a:pt x="596" y="734"/>
                  </a:lnTo>
                  <a:lnTo>
                    <a:pt x="600" y="742"/>
                  </a:lnTo>
                  <a:lnTo>
                    <a:pt x="602" y="748"/>
                  </a:lnTo>
                  <a:lnTo>
                    <a:pt x="610" y="760"/>
                  </a:lnTo>
                  <a:lnTo>
                    <a:pt x="620" y="770"/>
                  </a:lnTo>
                  <a:lnTo>
                    <a:pt x="626" y="772"/>
                  </a:lnTo>
                  <a:lnTo>
                    <a:pt x="634" y="774"/>
                  </a:lnTo>
                  <a:lnTo>
                    <a:pt x="636" y="774"/>
                  </a:lnTo>
                  <a:lnTo>
                    <a:pt x="652" y="772"/>
                  </a:lnTo>
                  <a:lnTo>
                    <a:pt x="676" y="766"/>
                  </a:lnTo>
                  <a:lnTo>
                    <a:pt x="690" y="764"/>
                  </a:lnTo>
                  <a:lnTo>
                    <a:pt x="694" y="764"/>
                  </a:lnTo>
                  <a:lnTo>
                    <a:pt x="700" y="764"/>
                  </a:lnTo>
                  <a:lnTo>
                    <a:pt x="704" y="766"/>
                  </a:lnTo>
                  <a:lnTo>
                    <a:pt x="708" y="768"/>
                  </a:lnTo>
                  <a:lnTo>
                    <a:pt x="712" y="774"/>
                  </a:lnTo>
                  <a:lnTo>
                    <a:pt x="714" y="782"/>
                  </a:lnTo>
                  <a:lnTo>
                    <a:pt x="714" y="786"/>
                  </a:lnTo>
                  <a:lnTo>
                    <a:pt x="712" y="790"/>
                  </a:lnTo>
                  <a:lnTo>
                    <a:pt x="708" y="794"/>
                  </a:lnTo>
                  <a:lnTo>
                    <a:pt x="704" y="794"/>
                  </a:lnTo>
                  <a:lnTo>
                    <a:pt x="700" y="792"/>
                  </a:lnTo>
                  <a:lnTo>
                    <a:pt x="686" y="792"/>
                  </a:lnTo>
                  <a:lnTo>
                    <a:pt x="672" y="792"/>
                  </a:lnTo>
                  <a:lnTo>
                    <a:pt x="658" y="796"/>
                  </a:lnTo>
                  <a:lnTo>
                    <a:pt x="642" y="800"/>
                  </a:lnTo>
                  <a:lnTo>
                    <a:pt x="638" y="804"/>
                  </a:lnTo>
                  <a:lnTo>
                    <a:pt x="634" y="808"/>
                  </a:lnTo>
                  <a:lnTo>
                    <a:pt x="634" y="818"/>
                  </a:lnTo>
                  <a:lnTo>
                    <a:pt x="636" y="822"/>
                  </a:lnTo>
                  <a:lnTo>
                    <a:pt x="640" y="828"/>
                  </a:lnTo>
                  <a:lnTo>
                    <a:pt x="644" y="832"/>
                  </a:lnTo>
                  <a:lnTo>
                    <a:pt x="644" y="838"/>
                  </a:lnTo>
                  <a:lnTo>
                    <a:pt x="644" y="842"/>
                  </a:lnTo>
                  <a:lnTo>
                    <a:pt x="642" y="850"/>
                  </a:lnTo>
                  <a:lnTo>
                    <a:pt x="638" y="854"/>
                  </a:lnTo>
                  <a:lnTo>
                    <a:pt x="636" y="856"/>
                  </a:lnTo>
                  <a:lnTo>
                    <a:pt x="634" y="858"/>
                  </a:lnTo>
                  <a:lnTo>
                    <a:pt x="632" y="858"/>
                  </a:lnTo>
                  <a:lnTo>
                    <a:pt x="628" y="858"/>
                  </a:lnTo>
                  <a:lnTo>
                    <a:pt x="622" y="856"/>
                  </a:lnTo>
                  <a:lnTo>
                    <a:pt x="610" y="852"/>
                  </a:lnTo>
                  <a:lnTo>
                    <a:pt x="606" y="854"/>
                  </a:lnTo>
                  <a:lnTo>
                    <a:pt x="602" y="858"/>
                  </a:lnTo>
                  <a:lnTo>
                    <a:pt x="600" y="864"/>
                  </a:lnTo>
                  <a:lnTo>
                    <a:pt x="598" y="872"/>
                  </a:lnTo>
                  <a:lnTo>
                    <a:pt x="596" y="880"/>
                  </a:lnTo>
                  <a:lnTo>
                    <a:pt x="596" y="882"/>
                  </a:lnTo>
                  <a:lnTo>
                    <a:pt x="596" y="890"/>
                  </a:lnTo>
                  <a:lnTo>
                    <a:pt x="596" y="898"/>
                  </a:lnTo>
                  <a:lnTo>
                    <a:pt x="596" y="902"/>
                  </a:lnTo>
                  <a:lnTo>
                    <a:pt x="596" y="910"/>
                  </a:lnTo>
                  <a:lnTo>
                    <a:pt x="592" y="910"/>
                  </a:lnTo>
                  <a:lnTo>
                    <a:pt x="586" y="912"/>
                  </a:lnTo>
                  <a:lnTo>
                    <a:pt x="582" y="916"/>
                  </a:lnTo>
                  <a:lnTo>
                    <a:pt x="578" y="920"/>
                  </a:lnTo>
                  <a:lnTo>
                    <a:pt x="576" y="926"/>
                  </a:lnTo>
                  <a:lnTo>
                    <a:pt x="574" y="928"/>
                  </a:lnTo>
                  <a:lnTo>
                    <a:pt x="568" y="930"/>
                  </a:lnTo>
                  <a:lnTo>
                    <a:pt x="564" y="930"/>
                  </a:lnTo>
                  <a:lnTo>
                    <a:pt x="552" y="930"/>
                  </a:lnTo>
                  <a:lnTo>
                    <a:pt x="540" y="932"/>
                  </a:lnTo>
                  <a:lnTo>
                    <a:pt x="516" y="938"/>
                  </a:lnTo>
                  <a:lnTo>
                    <a:pt x="500" y="944"/>
                  </a:lnTo>
                  <a:lnTo>
                    <a:pt x="496" y="946"/>
                  </a:lnTo>
                  <a:lnTo>
                    <a:pt x="488" y="950"/>
                  </a:lnTo>
                  <a:lnTo>
                    <a:pt x="482" y="946"/>
                  </a:lnTo>
                  <a:lnTo>
                    <a:pt x="476" y="944"/>
                  </a:lnTo>
                  <a:lnTo>
                    <a:pt x="468" y="942"/>
                  </a:lnTo>
                  <a:lnTo>
                    <a:pt x="462" y="944"/>
                  </a:lnTo>
                  <a:lnTo>
                    <a:pt x="456" y="946"/>
                  </a:lnTo>
                  <a:lnTo>
                    <a:pt x="450" y="946"/>
                  </a:lnTo>
                  <a:lnTo>
                    <a:pt x="444" y="944"/>
                  </a:lnTo>
                  <a:lnTo>
                    <a:pt x="440" y="940"/>
                  </a:lnTo>
                  <a:lnTo>
                    <a:pt x="440" y="934"/>
                  </a:lnTo>
                  <a:lnTo>
                    <a:pt x="436" y="932"/>
                  </a:lnTo>
                  <a:lnTo>
                    <a:pt x="432" y="930"/>
                  </a:lnTo>
                  <a:lnTo>
                    <a:pt x="428" y="930"/>
                  </a:lnTo>
                  <a:lnTo>
                    <a:pt x="424" y="930"/>
                  </a:lnTo>
                  <a:lnTo>
                    <a:pt x="422" y="928"/>
                  </a:lnTo>
                  <a:lnTo>
                    <a:pt x="420" y="924"/>
                  </a:lnTo>
                  <a:lnTo>
                    <a:pt x="420" y="922"/>
                  </a:lnTo>
                  <a:lnTo>
                    <a:pt x="420" y="918"/>
                  </a:lnTo>
                  <a:lnTo>
                    <a:pt x="420" y="902"/>
                  </a:lnTo>
                  <a:lnTo>
                    <a:pt x="420" y="898"/>
                  </a:lnTo>
                  <a:lnTo>
                    <a:pt x="422" y="894"/>
                  </a:lnTo>
                  <a:lnTo>
                    <a:pt x="424" y="890"/>
                  </a:lnTo>
                  <a:lnTo>
                    <a:pt x="430" y="890"/>
                  </a:lnTo>
                  <a:lnTo>
                    <a:pt x="434" y="886"/>
                  </a:lnTo>
                  <a:lnTo>
                    <a:pt x="436" y="882"/>
                  </a:lnTo>
                  <a:lnTo>
                    <a:pt x="434" y="882"/>
                  </a:lnTo>
                  <a:lnTo>
                    <a:pt x="430" y="880"/>
                  </a:lnTo>
                  <a:lnTo>
                    <a:pt x="430" y="876"/>
                  </a:lnTo>
                  <a:lnTo>
                    <a:pt x="430" y="864"/>
                  </a:lnTo>
                  <a:lnTo>
                    <a:pt x="430" y="860"/>
                  </a:lnTo>
                  <a:lnTo>
                    <a:pt x="428" y="858"/>
                  </a:lnTo>
                  <a:lnTo>
                    <a:pt x="428" y="856"/>
                  </a:lnTo>
                  <a:lnTo>
                    <a:pt x="426" y="854"/>
                  </a:lnTo>
                  <a:lnTo>
                    <a:pt x="422" y="856"/>
                  </a:lnTo>
                  <a:lnTo>
                    <a:pt x="418" y="858"/>
                  </a:lnTo>
                  <a:lnTo>
                    <a:pt x="406" y="862"/>
                  </a:lnTo>
                  <a:lnTo>
                    <a:pt x="400" y="864"/>
                  </a:lnTo>
                  <a:lnTo>
                    <a:pt x="398" y="868"/>
                  </a:lnTo>
                  <a:lnTo>
                    <a:pt x="394" y="874"/>
                  </a:lnTo>
                  <a:lnTo>
                    <a:pt x="392" y="882"/>
                  </a:lnTo>
                  <a:lnTo>
                    <a:pt x="392" y="890"/>
                  </a:lnTo>
                  <a:lnTo>
                    <a:pt x="392" y="892"/>
                  </a:lnTo>
                  <a:lnTo>
                    <a:pt x="392" y="900"/>
                  </a:lnTo>
                  <a:lnTo>
                    <a:pt x="396" y="906"/>
                  </a:lnTo>
                  <a:lnTo>
                    <a:pt x="404" y="918"/>
                  </a:lnTo>
                  <a:lnTo>
                    <a:pt x="406" y="922"/>
                  </a:lnTo>
                  <a:lnTo>
                    <a:pt x="410" y="930"/>
                  </a:lnTo>
                  <a:lnTo>
                    <a:pt x="406" y="936"/>
                  </a:lnTo>
                  <a:lnTo>
                    <a:pt x="404" y="942"/>
                  </a:lnTo>
                  <a:lnTo>
                    <a:pt x="400" y="954"/>
                  </a:lnTo>
                  <a:lnTo>
                    <a:pt x="398" y="958"/>
                  </a:lnTo>
                  <a:lnTo>
                    <a:pt x="396" y="958"/>
                  </a:lnTo>
                  <a:lnTo>
                    <a:pt x="386" y="958"/>
                  </a:lnTo>
                  <a:lnTo>
                    <a:pt x="380" y="960"/>
                  </a:lnTo>
                  <a:lnTo>
                    <a:pt x="376" y="960"/>
                  </a:lnTo>
                  <a:lnTo>
                    <a:pt x="364" y="964"/>
                  </a:lnTo>
                  <a:lnTo>
                    <a:pt x="358" y="966"/>
                  </a:lnTo>
                  <a:lnTo>
                    <a:pt x="352" y="970"/>
                  </a:lnTo>
                  <a:lnTo>
                    <a:pt x="346" y="976"/>
                  </a:lnTo>
                  <a:lnTo>
                    <a:pt x="336" y="992"/>
                  </a:lnTo>
                  <a:lnTo>
                    <a:pt x="326" y="1004"/>
                  </a:lnTo>
                  <a:lnTo>
                    <a:pt x="320" y="1008"/>
                  </a:lnTo>
                  <a:lnTo>
                    <a:pt x="316" y="1012"/>
                  </a:lnTo>
                  <a:lnTo>
                    <a:pt x="312" y="1018"/>
                  </a:lnTo>
                  <a:lnTo>
                    <a:pt x="306" y="1024"/>
                  </a:lnTo>
                  <a:lnTo>
                    <a:pt x="298" y="1034"/>
                  </a:lnTo>
                  <a:lnTo>
                    <a:pt x="296" y="1040"/>
                  </a:lnTo>
                  <a:lnTo>
                    <a:pt x="292" y="1046"/>
                  </a:lnTo>
                  <a:lnTo>
                    <a:pt x="288" y="1048"/>
                  </a:lnTo>
                  <a:lnTo>
                    <a:pt x="282" y="1050"/>
                  </a:lnTo>
                  <a:lnTo>
                    <a:pt x="278" y="1054"/>
                  </a:lnTo>
                  <a:lnTo>
                    <a:pt x="276" y="1060"/>
                  </a:lnTo>
                  <a:lnTo>
                    <a:pt x="272" y="1064"/>
                  </a:lnTo>
                  <a:lnTo>
                    <a:pt x="264" y="1066"/>
                  </a:lnTo>
                  <a:lnTo>
                    <a:pt x="260" y="1066"/>
                  </a:lnTo>
                  <a:lnTo>
                    <a:pt x="256" y="1066"/>
                  </a:lnTo>
                  <a:lnTo>
                    <a:pt x="252" y="1062"/>
                  </a:lnTo>
                  <a:lnTo>
                    <a:pt x="252" y="1058"/>
                  </a:lnTo>
                  <a:lnTo>
                    <a:pt x="248" y="1058"/>
                  </a:lnTo>
                  <a:lnTo>
                    <a:pt x="244" y="1058"/>
                  </a:lnTo>
                  <a:lnTo>
                    <a:pt x="242" y="1062"/>
                  </a:lnTo>
                  <a:lnTo>
                    <a:pt x="242" y="1072"/>
                  </a:lnTo>
                  <a:lnTo>
                    <a:pt x="242" y="1076"/>
                  </a:lnTo>
                  <a:lnTo>
                    <a:pt x="238" y="1076"/>
                  </a:lnTo>
                  <a:lnTo>
                    <a:pt x="228" y="1076"/>
                  </a:lnTo>
                  <a:lnTo>
                    <a:pt x="218" y="1076"/>
                  </a:lnTo>
                  <a:lnTo>
                    <a:pt x="206" y="1080"/>
                  </a:lnTo>
                  <a:lnTo>
                    <a:pt x="202" y="1082"/>
                  </a:lnTo>
                  <a:lnTo>
                    <a:pt x="196" y="1086"/>
                  </a:lnTo>
                  <a:lnTo>
                    <a:pt x="194" y="1092"/>
                  </a:lnTo>
                  <a:lnTo>
                    <a:pt x="196" y="1096"/>
                  </a:lnTo>
                  <a:lnTo>
                    <a:pt x="202" y="1100"/>
                  </a:lnTo>
                  <a:lnTo>
                    <a:pt x="206" y="1102"/>
                  </a:lnTo>
                  <a:lnTo>
                    <a:pt x="214" y="1106"/>
                  </a:lnTo>
                  <a:lnTo>
                    <a:pt x="222" y="1106"/>
                  </a:lnTo>
                  <a:lnTo>
                    <a:pt x="226" y="1106"/>
                  </a:lnTo>
                  <a:lnTo>
                    <a:pt x="230" y="1108"/>
                  </a:lnTo>
                  <a:lnTo>
                    <a:pt x="234" y="1110"/>
                  </a:lnTo>
                  <a:lnTo>
                    <a:pt x="234" y="1116"/>
                  </a:lnTo>
                  <a:lnTo>
                    <a:pt x="238" y="1120"/>
                  </a:lnTo>
                  <a:lnTo>
                    <a:pt x="242" y="1126"/>
                  </a:lnTo>
                  <a:lnTo>
                    <a:pt x="242" y="1134"/>
                  </a:lnTo>
                  <a:lnTo>
                    <a:pt x="242" y="1138"/>
                  </a:lnTo>
                  <a:lnTo>
                    <a:pt x="244" y="1142"/>
                  </a:lnTo>
                  <a:lnTo>
                    <a:pt x="248" y="1146"/>
                  </a:lnTo>
                  <a:lnTo>
                    <a:pt x="252" y="1148"/>
                  </a:lnTo>
                  <a:lnTo>
                    <a:pt x="252" y="1154"/>
                  </a:lnTo>
                  <a:lnTo>
                    <a:pt x="252" y="1156"/>
                  </a:lnTo>
                  <a:lnTo>
                    <a:pt x="250" y="1172"/>
                  </a:lnTo>
                  <a:lnTo>
                    <a:pt x="244" y="1196"/>
                  </a:lnTo>
                  <a:lnTo>
                    <a:pt x="242" y="1204"/>
                  </a:lnTo>
                  <a:lnTo>
                    <a:pt x="234" y="1202"/>
                  </a:lnTo>
                  <a:lnTo>
                    <a:pt x="192" y="1194"/>
                  </a:lnTo>
                  <a:lnTo>
                    <a:pt x="176" y="1194"/>
                  </a:lnTo>
                  <a:lnTo>
                    <a:pt x="162" y="1194"/>
                  </a:lnTo>
                  <a:lnTo>
                    <a:pt x="150" y="1194"/>
                  </a:lnTo>
                  <a:lnTo>
                    <a:pt x="140" y="1194"/>
                  </a:lnTo>
                  <a:lnTo>
                    <a:pt x="134" y="1196"/>
                  </a:lnTo>
                  <a:lnTo>
                    <a:pt x="130" y="1198"/>
                  </a:lnTo>
                  <a:lnTo>
                    <a:pt x="128" y="1204"/>
                  </a:lnTo>
                  <a:lnTo>
                    <a:pt x="128" y="1212"/>
                  </a:lnTo>
                  <a:lnTo>
                    <a:pt x="132" y="1226"/>
                  </a:lnTo>
                  <a:lnTo>
                    <a:pt x="134" y="1234"/>
                  </a:lnTo>
                  <a:lnTo>
                    <a:pt x="130" y="1234"/>
                  </a:lnTo>
                  <a:lnTo>
                    <a:pt x="128" y="1234"/>
                  </a:lnTo>
                  <a:lnTo>
                    <a:pt x="128" y="1236"/>
                  </a:lnTo>
                  <a:lnTo>
                    <a:pt x="128" y="1240"/>
                  </a:lnTo>
                  <a:lnTo>
                    <a:pt x="132" y="1246"/>
                  </a:lnTo>
                  <a:lnTo>
                    <a:pt x="134" y="1254"/>
                  </a:lnTo>
                  <a:lnTo>
                    <a:pt x="134" y="1262"/>
                  </a:lnTo>
                  <a:lnTo>
                    <a:pt x="134" y="1264"/>
                  </a:lnTo>
                  <a:lnTo>
                    <a:pt x="134" y="1272"/>
                  </a:lnTo>
                  <a:lnTo>
                    <a:pt x="132" y="1280"/>
                  </a:lnTo>
                  <a:lnTo>
                    <a:pt x="128" y="1286"/>
                  </a:lnTo>
                  <a:lnTo>
                    <a:pt x="128" y="1292"/>
                  </a:lnTo>
                  <a:lnTo>
                    <a:pt x="130" y="1298"/>
                  </a:lnTo>
                  <a:lnTo>
                    <a:pt x="134" y="1304"/>
                  </a:lnTo>
                  <a:lnTo>
                    <a:pt x="134" y="1310"/>
                  </a:lnTo>
                  <a:lnTo>
                    <a:pt x="134" y="1314"/>
                  </a:lnTo>
                  <a:lnTo>
                    <a:pt x="136" y="1316"/>
                  </a:lnTo>
                  <a:lnTo>
                    <a:pt x="138" y="1320"/>
                  </a:lnTo>
                  <a:lnTo>
                    <a:pt x="140" y="1322"/>
                  </a:lnTo>
                  <a:lnTo>
                    <a:pt x="142" y="1322"/>
                  </a:lnTo>
                  <a:lnTo>
                    <a:pt x="146" y="1322"/>
                  </a:lnTo>
                  <a:lnTo>
                    <a:pt x="154" y="1322"/>
                  </a:lnTo>
                  <a:lnTo>
                    <a:pt x="160" y="1322"/>
                  </a:lnTo>
                  <a:lnTo>
                    <a:pt x="164" y="1322"/>
                  </a:lnTo>
                  <a:lnTo>
                    <a:pt x="170" y="1326"/>
                  </a:lnTo>
                  <a:lnTo>
                    <a:pt x="178" y="1334"/>
                  </a:lnTo>
                  <a:lnTo>
                    <a:pt x="184" y="1338"/>
                  </a:lnTo>
                  <a:lnTo>
                    <a:pt x="192" y="1338"/>
                  </a:lnTo>
                  <a:lnTo>
                    <a:pt x="206" y="1334"/>
                  </a:lnTo>
                  <a:lnTo>
                    <a:pt x="220" y="1328"/>
                  </a:lnTo>
                  <a:lnTo>
                    <a:pt x="234" y="1324"/>
                  </a:lnTo>
                  <a:lnTo>
                    <a:pt x="242" y="1320"/>
                  </a:lnTo>
                  <a:lnTo>
                    <a:pt x="246" y="1314"/>
                  </a:lnTo>
                  <a:lnTo>
                    <a:pt x="248" y="1308"/>
                  </a:lnTo>
                  <a:lnTo>
                    <a:pt x="258" y="1296"/>
                  </a:lnTo>
                  <a:lnTo>
                    <a:pt x="266" y="1288"/>
                  </a:lnTo>
                  <a:lnTo>
                    <a:pt x="270" y="1282"/>
                  </a:lnTo>
                  <a:lnTo>
                    <a:pt x="272" y="1276"/>
                  </a:lnTo>
                  <a:lnTo>
                    <a:pt x="274" y="1264"/>
                  </a:lnTo>
                  <a:lnTo>
                    <a:pt x="280" y="1250"/>
                  </a:lnTo>
                  <a:lnTo>
                    <a:pt x="282" y="1244"/>
                  </a:lnTo>
                  <a:lnTo>
                    <a:pt x="288" y="1238"/>
                  </a:lnTo>
                  <a:lnTo>
                    <a:pt x="304" y="1228"/>
                  </a:lnTo>
                  <a:lnTo>
                    <a:pt x="310" y="1224"/>
                  </a:lnTo>
                  <a:lnTo>
                    <a:pt x="316" y="1216"/>
                  </a:lnTo>
                  <a:lnTo>
                    <a:pt x="318" y="1212"/>
                  </a:lnTo>
                  <a:lnTo>
                    <a:pt x="322" y="1206"/>
                  </a:lnTo>
                  <a:lnTo>
                    <a:pt x="326" y="1204"/>
                  </a:lnTo>
                  <a:lnTo>
                    <a:pt x="340" y="1204"/>
                  </a:lnTo>
                  <a:lnTo>
                    <a:pt x="342" y="1204"/>
                  </a:lnTo>
                  <a:lnTo>
                    <a:pt x="350" y="1202"/>
                  </a:lnTo>
                  <a:lnTo>
                    <a:pt x="358" y="1200"/>
                  </a:lnTo>
                  <a:lnTo>
                    <a:pt x="374" y="1188"/>
                  </a:lnTo>
                  <a:lnTo>
                    <a:pt x="380" y="1186"/>
                  </a:lnTo>
                  <a:lnTo>
                    <a:pt x="386" y="1184"/>
                  </a:lnTo>
                  <a:lnTo>
                    <a:pt x="390" y="1182"/>
                  </a:lnTo>
                  <a:lnTo>
                    <a:pt x="396" y="1180"/>
                  </a:lnTo>
                  <a:lnTo>
                    <a:pt x="402" y="1178"/>
                  </a:lnTo>
                  <a:lnTo>
                    <a:pt x="408" y="1178"/>
                  </a:lnTo>
                  <a:lnTo>
                    <a:pt x="412" y="1180"/>
                  </a:lnTo>
                  <a:lnTo>
                    <a:pt x="420" y="1186"/>
                  </a:lnTo>
                  <a:lnTo>
                    <a:pt x="424" y="1192"/>
                  </a:lnTo>
                  <a:lnTo>
                    <a:pt x="436" y="1208"/>
                  </a:lnTo>
                  <a:lnTo>
                    <a:pt x="444" y="1220"/>
                  </a:lnTo>
                  <a:lnTo>
                    <a:pt x="446" y="1226"/>
                  </a:lnTo>
                  <a:lnTo>
                    <a:pt x="450" y="1232"/>
                  </a:lnTo>
                  <a:lnTo>
                    <a:pt x="456" y="1236"/>
                  </a:lnTo>
                  <a:lnTo>
                    <a:pt x="482" y="1250"/>
                  </a:lnTo>
                  <a:lnTo>
                    <a:pt x="488" y="1254"/>
                  </a:lnTo>
                  <a:lnTo>
                    <a:pt x="492" y="1260"/>
                  </a:lnTo>
                  <a:lnTo>
                    <a:pt x="502" y="1274"/>
                  </a:lnTo>
                  <a:lnTo>
                    <a:pt x="506" y="1282"/>
                  </a:lnTo>
                  <a:lnTo>
                    <a:pt x="506" y="1290"/>
                  </a:lnTo>
                  <a:lnTo>
                    <a:pt x="506" y="1304"/>
                  </a:lnTo>
                  <a:lnTo>
                    <a:pt x="506" y="1312"/>
                  </a:lnTo>
                  <a:lnTo>
                    <a:pt x="508" y="1316"/>
                  </a:lnTo>
                  <a:lnTo>
                    <a:pt x="510" y="1316"/>
                  </a:lnTo>
                  <a:lnTo>
                    <a:pt x="512" y="1316"/>
                  </a:lnTo>
                  <a:lnTo>
                    <a:pt x="514" y="1312"/>
                  </a:lnTo>
                  <a:lnTo>
                    <a:pt x="518" y="1302"/>
                  </a:lnTo>
                  <a:lnTo>
                    <a:pt x="522" y="1294"/>
                  </a:lnTo>
                  <a:lnTo>
                    <a:pt x="524" y="1288"/>
                  </a:lnTo>
                  <a:lnTo>
                    <a:pt x="526" y="1282"/>
                  </a:lnTo>
                  <a:lnTo>
                    <a:pt x="528" y="1274"/>
                  </a:lnTo>
                  <a:lnTo>
                    <a:pt x="528" y="1270"/>
                  </a:lnTo>
                  <a:lnTo>
                    <a:pt x="528" y="1268"/>
                  </a:lnTo>
                  <a:lnTo>
                    <a:pt x="530" y="1266"/>
                  </a:lnTo>
                  <a:lnTo>
                    <a:pt x="532" y="1266"/>
                  </a:lnTo>
                  <a:lnTo>
                    <a:pt x="534" y="1266"/>
                  </a:lnTo>
                  <a:lnTo>
                    <a:pt x="540" y="1268"/>
                  </a:lnTo>
                  <a:lnTo>
                    <a:pt x="552" y="1272"/>
                  </a:lnTo>
                  <a:lnTo>
                    <a:pt x="554" y="1272"/>
                  </a:lnTo>
                  <a:lnTo>
                    <a:pt x="554" y="1270"/>
                  </a:lnTo>
                  <a:lnTo>
                    <a:pt x="552" y="1266"/>
                  </a:lnTo>
                  <a:lnTo>
                    <a:pt x="534" y="1248"/>
                  </a:lnTo>
                  <a:lnTo>
                    <a:pt x="520" y="1240"/>
                  </a:lnTo>
                  <a:lnTo>
                    <a:pt x="516" y="1236"/>
                  </a:lnTo>
                  <a:lnTo>
                    <a:pt x="504" y="1228"/>
                  </a:lnTo>
                  <a:lnTo>
                    <a:pt x="494" y="1216"/>
                  </a:lnTo>
                  <a:lnTo>
                    <a:pt x="484" y="1200"/>
                  </a:lnTo>
                  <a:lnTo>
                    <a:pt x="476" y="1188"/>
                  </a:lnTo>
                  <a:lnTo>
                    <a:pt x="472" y="1182"/>
                  </a:lnTo>
                  <a:lnTo>
                    <a:pt x="470" y="1174"/>
                  </a:lnTo>
                  <a:lnTo>
                    <a:pt x="468" y="1166"/>
                  </a:lnTo>
                  <a:lnTo>
                    <a:pt x="468" y="1164"/>
                  </a:lnTo>
                  <a:lnTo>
                    <a:pt x="470" y="1158"/>
                  </a:lnTo>
                  <a:lnTo>
                    <a:pt x="474" y="1156"/>
                  </a:lnTo>
                  <a:lnTo>
                    <a:pt x="478" y="1154"/>
                  </a:lnTo>
                  <a:lnTo>
                    <a:pt x="482" y="1156"/>
                  </a:lnTo>
                  <a:lnTo>
                    <a:pt x="488" y="1156"/>
                  </a:lnTo>
                  <a:lnTo>
                    <a:pt x="496" y="1162"/>
                  </a:lnTo>
                  <a:lnTo>
                    <a:pt x="502" y="1168"/>
                  </a:lnTo>
                  <a:lnTo>
                    <a:pt x="508" y="1176"/>
                  </a:lnTo>
                  <a:lnTo>
                    <a:pt x="510" y="1182"/>
                  </a:lnTo>
                  <a:lnTo>
                    <a:pt x="516" y="1196"/>
                  </a:lnTo>
                  <a:lnTo>
                    <a:pt x="520" y="1204"/>
                  </a:lnTo>
                  <a:lnTo>
                    <a:pt x="524" y="1208"/>
                  </a:lnTo>
                  <a:lnTo>
                    <a:pt x="540" y="1220"/>
                  </a:lnTo>
                  <a:lnTo>
                    <a:pt x="548" y="1224"/>
                  </a:lnTo>
                  <a:lnTo>
                    <a:pt x="552" y="1230"/>
                  </a:lnTo>
                  <a:lnTo>
                    <a:pt x="560" y="1238"/>
                  </a:lnTo>
                  <a:lnTo>
                    <a:pt x="564" y="1244"/>
                  </a:lnTo>
                  <a:lnTo>
                    <a:pt x="566" y="1248"/>
                  </a:lnTo>
                  <a:lnTo>
                    <a:pt x="570" y="1260"/>
                  </a:lnTo>
                  <a:lnTo>
                    <a:pt x="572" y="1266"/>
                  </a:lnTo>
                  <a:lnTo>
                    <a:pt x="576" y="1272"/>
                  </a:lnTo>
                  <a:lnTo>
                    <a:pt x="580" y="1280"/>
                  </a:lnTo>
                  <a:lnTo>
                    <a:pt x="584" y="1286"/>
                  </a:lnTo>
                  <a:lnTo>
                    <a:pt x="588" y="1290"/>
                  </a:lnTo>
                  <a:lnTo>
                    <a:pt x="594" y="1292"/>
                  </a:lnTo>
                  <a:lnTo>
                    <a:pt x="598" y="1292"/>
                  </a:lnTo>
                  <a:lnTo>
                    <a:pt x="602" y="1294"/>
                  </a:lnTo>
                  <a:lnTo>
                    <a:pt x="602" y="1296"/>
                  </a:lnTo>
                  <a:lnTo>
                    <a:pt x="602" y="1298"/>
                  </a:lnTo>
                  <a:lnTo>
                    <a:pt x="598" y="1304"/>
                  </a:lnTo>
                  <a:lnTo>
                    <a:pt x="596" y="1310"/>
                  </a:lnTo>
                  <a:lnTo>
                    <a:pt x="596" y="1314"/>
                  </a:lnTo>
                  <a:lnTo>
                    <a:pt x="598" y="1320"/>
                  </a:lnTo>
                  <a:lnTo>
                    <a:pt x="604" y="1326"/>
                  </a:lnTo>
                  <a:lnTo>
                    <a:pt x="608" y="1328"/>
                  </a:lnTo>
                  <a:lnTo>
                    <a:pt x="616" y="1330"/>
                  </a:lnTo>
                  <a:lnTo>
                    <a:pt x="620" y="1326"/>
                  </a:lnTo>
                  <a:lnTo>
                    <a:pt x="624" y="1322"/>
                  </a:lnTo>
                  <a:lnTo>
                    <a:pt x="626" y="1316"/>
                  </a:lnTo>
                  <a:lnTo>
                    <a:pt x="628" y="1312"/>
                  </a:lnTo>
                  <a:lnTo>
                    <a:pt x="632" y="1308"/>
                  </a:lnTo>
                  <a:lnTo>
                    <a:pt x="638" y="1306"/>
                  </a:lnTo>
                  <a:lnTo>
                    <a:pt x="640" y="1304"/>
                  </a:lnTo>
                  <a:lnTo>
                    <a:pt x="642" y="1302"/>
                  </a:lnTo>
                  <a:lnTo>
                    <a:pt x="640" y="1300"/>
                  </a:lnTo>
                  <a:lnTo>
                    <a:pt x="640" y="1296"/>
                  </a:lnTo>
                  <a:lnTo>
                    <a:pt x="632" y="1288"/>
                  </a:lnTo>
                  <a:lnTo>
                    <a:pt x="628" y="1282"/>
                  </a:lnTo>
                  <a:lnTo>
                    <a:pt x="626" y="1278"/>
                  </a:lnTo>
                  <a:lnTo>
                    <a:pt x="624" y="1272"/>
                  </a:lnTo>
                  <a:lnTo>
                    <a:pt x="620" y="1268"/>
                  </a:lnTo>
                  <a:lnTo>
                    <a:pt x="620" y="1266"/>
                  </a:lnTo>
                  <a:lnTo>
                    <a:pt x="620" y="1264"/>
                  </a:lnTo>
                  <a:lnTo>
                    <a:pt x="624" y="1260"/>
                  </a:lnTo>
                  <a:lnTo>
                    <a:pt x="638" y="1256"/>
                  </a:lnTo>
                  <a:lnTo>
                    <a:pt x="652" y="1254"/>
                  </a:lnTo>
                  <a:lnTo>
                    <a:pt x="656" y="1254"/>
                  </a:lnTo>
                  <a:lnTo>
                    <a:pt x="664" y="1254"/>
                  </a:lnTo>
                  <a:lnTo>
                    <a:pt x="668" y="1260"/>
                  </a:lnTo>
                  <a:lnTo>
                    <a:pt x="670" y="1266"/>
                  </a:lnTo>
                  <a:lnTo>
                    <a:pt x="674" y="1272"/>
                  </a:lnTo>
                  <a:lnTo>
                    <a:pt x="678" y="1280"/>
                  </a:lnTo>
                  <a:lnTo>
                    <a:pt x="680" y="1284"/>
                  </a:lnTo>
                  <a:lnTo>
                    <a:pt x="688" y="1300"/>
                  </a:lnTo>
                  <a:lnTo>
                    <a:pt x="690" y="1304"/>
                  </a:lnTo>
                  <a:lnTo>
                    <a:pt x="698" y="1318"/>
                  </a:lnTo>
                  <a:lnTo>
                    <a:pt x="700" y="1324"/>
                  </a:lnTo>
                  <a:lnTo>
                    <a:pt x="704" y="1328"/>
                  </a:lnTo>
                  <a:lnTo>
                    <a:pt x="712" y="1330"/>
                  </a:lnTo>
                  <a:lnTo>
                    <a:pt x="734" y="1330"/>
                  </a:lnTo>
                  <a:lnTo>
                    <a:pt x="748" y="1330"/>
                  </a:lnTo>
                  <a:lnTo>
                    <a:pt x="760" y="1334"/>
                  </a:lnTo>
                  <a:lnTo>
                    <a:pt x="774" y="1338"/>
                  </a:lnTo>
                  <a:lnTo>
                    <a:pt x="782" y="1338"/>
                  </a:lnTo>
                  <a:lnTo>
                    <a:pt x="788" y="1338"/>
                  </a:lnTo>
                  <a:lnTo>
                    <a:pt x="794" y="1334"/>
                  </a:lnTo>
                  <a:lnTo>
                    <a:pt x="802" y="1332"/>
                  </a:lnTo>
                  <a:lnTo>
                    <a:pt x="808" y="1334"/>
                  </a:lnTo>
                  <a:lnTo>
                    <a:pt x="814" y="1338"/>
                  </a:lnTo>
                  <a:lnTo>
                    <a:pt x="820" y="1340"/>
                  </a:lnTo>
                  <a:lnTo>
                    <a:pt x="824" y="1348"/>
                  </a:lnTo>
                  <a:lnTo>
                    <a:pt x="826" y="1354"/>
                  </a:lnTo>
                  <a:lnTo>
                    <a:pt x="828" y="1360"/>
                  </a:lnTo>
                  <a:lnTo>
                    <a:pt x="828" y="1368"/>
                  </a:lnTo>
                  <a:lnTo>
                    <a:pt x="814" y="1402"/>
                  </a:lnTo>
                  <a:lnTo>
                    <a:pt x="810" y="1408"/>
                  </a:lnTo>
                  <a:lnTo>
                    <a:pt x="806" y="1410"/>
                  </a:lnTo>
                  <a:lnTo>
                    <a:pt x="802" y="1412"/>
                  </a:lnTo>
                  <a:lnTo>
                    <a:pt x="798" y="1416"/>
                  </a:lnTo>
                  <a:lnTo>
                    <a:pt x="796" y="1422"/>
                  </a:lnTo>
                  <a:lnTo>
                    <a:pt x="792" y="1428"/>
                  </a:lnTo>
                  <a:lnTo>
                    <a:pt x="786" y="1434"/>
                  </a:lnTo>
                  <a:lnTo>
                    <a:pt x="780" y="1438"/>
                  </a:lnTo>
                  <a:lnTo>
                    <a:pt x="774" y="1438"/>
                  </a:lnTo>
                  <a:lnTo>
                    <a:pt x="760" y="1438"/>
                  </a:lnTo>
                  <a:lnTo>
                    <a:pt x="754" y="1438"/>
                  </a:lnTo>
                  <a:lnTo>
                    <a:pt x="748" y="1434"/>
                  </a:lnTo>
                  <a:lnTo>
                    <a:pt x="742" y="1430"/>
                  </a:lnTo>
                  <a:lnTo>
                    <a:pt x="734" y="1430"/>
                  </a:lnTo>
                  <a:lnTo>
                    <a:pt x="712" y="1436"/>
                  </a:lnTo>
                  <a:lnTo>
                    <a:pt x="704" y="1438"/>
                  </a:lnTo>
                  <a:lnTo>
                    <a:pt x="696" y="1436"/>
                  </a:lnTo>
                  <a:lnTo>
                    <a:pt x="682" y="1432"/>
                  </a:lnTo>
                  <a:lnTo>
                    <a:pt x="666" y="1428"/>
                  </a:lnTo>
                  <a:lnTo>
                    <a:pt x="662" y="1428"/>
                  </a:lnTo>
                  <a:lnTo>
                    <a:pt x="656" y="1428"/>
                  </a:lnTo>
                  <a:lnTo>
                    <a:pt x="650" y="1424"/>
                  </a:lnTo>
                  <a:lnTo>
                    <a:pt x="638" y="1416"/>
                  </a:lnTo>
                  <a:lnTo>
                    <a:pt x="632" y="1412"/>
                  </a:lnTo>
                  <a:lnTo>
                    <a:pt x="626" y="1410"/>
                  </a:lnTo>
                  <a:lnTo>
                    <a:pt x="618" y="1410"/>
                  </a:lnTo>
                  <a:lnTo>
                    <a:pt x="614" y="1410"/>
                  </a:lnTo>
                  <a:lnTo>
                    <a:pt x="598" y="1412"/>
                  </a:lnTo>
                  <a:lnTo>
                    <a:pt x="584" y="1416"/>
                  </a:lnTo>
                  <a:lnTo>
                    <a:pt x="578" y="1420"/>
                  </a:lnTo>
                  <a:lnTo>
                    <a:pt x="576" y="1428"/>
                  </a:lnTo>
                  <a:lnTo>
                    <a:pt x="576" y="1430"/>
                  </a:lnTo>
                  <a:lnTo>
                    <a:pt x="574" y="1438"/>
                  </a:lnTo>
                  <a:lnTo>
                    <a:pt x="570" y="1442"/>
                  </a:lnTo>
                  <a:lnTo>
                    <a:pt x="554" y="1446"/>
                  </a:lnTo>
                  <a:lnTo>
                    <a:pt x="548" y="1446"/>
                  </a:lnTo>
                  <a:lnTo>
                    <a:pt x="542" y="1442"/>
                  </a:lnTo>
                  <a:lnTo>
                    <a:pt x="534" y="1434"/>
                  </a:lnTo>
                  <a:lnTo>
                    <a:pt x="522" y="1424"/>
                  </a:lnTo>
                  <a:lnTo>
                    <a:pt x="512" y="1414"/>
                  </a:lnTo>
                  <a:lnTo>
                    <a:pt x="508" y="1410"/>
                  </a:lnTo>
                  <a:lnTo>
                    <a:pt x="500" y="1410"/>
                  </a:lnTo>
                  <a:lnTo>
                    <a:pt x="476" y="1410"/>
                  </a:lnTo>
                  <a:lnTo>
                    <a:pt x="470" y="1408"/>
                  </a:lnTo>
                  <a:lnTo>
                    <a:pt x="462" y="1406"/>
                  </a:lnTo>
                  <a:lnTo>
                    <a:pt x="456" y="1404"/>
                  </a:lnTo>
                  <a:lnTo>
                    <a:pt x="442" y="1396"/>
                  </a:lnTo>
                  <a:lnTo>
                    <a:pt x="436" y="1394"/>
                  </a:lnTo>
                  <a:lnTo>
                    <a:pt x="424" y="1386"/>
                  </a:lnTo>
                  <a:lnTo>
                    <a:pt x="422" y="1380"/>
                  </a:lnTo>
                  <a:lnTo>
                    <a:pt x="424" y="1374"/>
                  </a:lnTo>
                  <a:lnTo>
                    <a:pt x="434" y="1358"/>
                  </a:lnTo>
                  <a:lnTo>
                    <a:pt x="436" y="1350"/>
                  </a:lnTo>
                  <a:lnTo>
                    <a:pt x="436" y="1344"/>
                  </a:lnTo>
                  <a:lnTo>
                    <a:pt x="434" y="1338"/>
                  </a:lnTo>
                  <a:lnTo>
                    <a:pt x="428" y="1332"/>
                  </a:lnTo>
                  <a:lnTo>
                    <a:pt x="422" y="1328"/>
                  </a:lnTo>
                  <a:lnTo>
                    <a:pt x="418" y="1326"/>
                  </a:lnTo>
                  <a:lnTo>
                    <a:pt x="406" y="1322"/>
                  </a:lnTo>
                  <a:lnTo>
                    <a:pt x="402" y="1322"/>
                  </a:lnTo>
                  <a:lnTo>
                    <a:pt x="400" y="1324"/>
                  </a:lnTo>
                  <a:lnTo>
                    <a:pt x="400" y="1328"/>
                  </a:lnTo>
                  <a:lnTo>
                    <a:pt x="400" y="1324"/>
                  </a:lnTo>
                  <a:lnTo>
                    <a:pt x="398" y="1324"/>
                  </a:lnTo>
                  <a:lnTo>
                    <a:pt x="396" y="1326"/>
                  </a:lnTo>
                  <a:lnTo>
                    <a:pt x="390" y="1330"/>
                  </a:lnTo>
                  <a:lnTo>
                    <a:pt x="382" y="1332"/>
                  </a:lnTo>
                  <a:lnTo>
                    <a:pt x="378" y="1332"/>
                  </a:lnTo>
                  <a:lnTo>
                    <a:pt x="362" y="1332"/>
                  </a:lnTo>
                  <a:lnTo>
                    <a:pt x="320" y="1332"/>
                  </a:lnTo>
                  <a:lnTo>
                    <a:pt x="312" y="1332"/>
                  </a:lnTo>
                  <a:lnTo>
                    <a:pt x="304" y="1334"/>
                  </a:lnTo>
                  <a:lnTo>
                    <a:pt x="270" y="1348"/>
                  </a:lnTo>
                  <a:lnTo>
                    <a:pt x="254" y="1354"/>
                  </a:lnTo>
                  <a:lnTo>
                    <a:pt x="250" y="1358"/>
                  </a:lnTo>
                  <a:lnTo>
                    <a:pt x="244" y="1360"/>
                  </a:lnTo>
                  <a:lnTo>
                    <a:pt x="242" y="1362"/>
                  </a:lnTo>
                  <a:lnTo>
                    <a:pt x="242" y="1364"/>
                  </a:lnTo>
                  <a:lnTo>
                    <a:pt x="242" y="1362"/>
                  </a:lnTo>
                  <a:lnTo>
                    <a:pt x="240" y="1362"/>
                  </a:lnTo>
                  <a:lnTo>
                    <a:pt x="238" y="1360"/>
                  </a:lnTo>
                  <a:lnTo>
                    <a:pt x="224" y="1360"/>
                  </a:lnTo>
                  <a:lnTo>
                    <a:pt x="220" y="1360"/>
                  </a:lnTo>
                  <a:lnTo>
                    <a:pt x="208" y="1360"/>
                  </a:lnTo>
                  <a:lnTo>
                    <a:pt x="196" y="1356"/>
                  </a:lnTo>
                  <a:lnTo>
                    <a:pt x="190" y="1354"/>
                  </a:lnTo>
                  <a:lnTo>
                    <a:pt x="188" y="1354"/>
                  </a:lnTo>
                  <a:lnTo>
                    <a:pt x="184" y="1354"/>
                  </a:lnTo>
                  <a:lnTo>
                    <a:pt x="182" y="1356"/>
                  </a:lnTo>
                  <a:lnTo>
                    <a:pt x="180" y="1358"/>
                  </a:lnTo>
                  <a:lnTo>
                    <a:pt x="168" y="1374"/>
                  </a:lnTo>
                  <a:lnTo>
                    <a:pt x="158" y="1386"/>
                  </a:lnTo>
                  <a:lnTo>
                    <a:pt x="150" y="1394"/>
                  </a:lnTo>
                  <a:lnTo>
                    <a:pt x="140" y="1406"/>
                  </a:lnTo>
                  <a:lnTo>
                    <a:pt x="130" y="1422"/>
                  </a:lnTo>
                  <a:lnTo>
                    <a:pt x="122" y="1436"/>
                  </a:lnTo>
                  <a:lnTo>
                    <a:pt x="116" y="1460"/>
                  </a:lnTo>
                  <a:lnTo>
                    <a:pt x="114" y="1466"/>
                  </a:lnTo>
                  <a:lnTo>
                    <a:pt x="108" y="1472"/>
                  </a:lnTo>
                  <a:lnTo>
                    <a:pt x="82" y="1484"/>
                  </a:lnTo>
                  <a:lnTo>
                    <a:pt x="70" y="1492"/>
                  </a:lnTo>
                  <a:lnTo>
                    <a:pt x="66" y="1498"/>
                  </a:lnTo>
                  <a:lnTo>
                    <a:pt x="62" y="1502"/>
                  </a:lnTo>
                  <a:lnTo>
                    <a:pt x="52" y="1514"/>
                  </a:lnTo>
                  <a:lnTo>
                    <a:pt x="32" y="1550"/>
                  </a:lnTo>
                  <a:lnTo>
                    <a:pt x="24" y="1564"/>
                  </a:lnTo>
                  <a:lnTo>
                    <a:pt x="12" y="1598"/>
                  </a:lnTo>
                  <a:lnTo>
                    <a:pt x="8" y="1606"/>
                  </a:lnTo>
                  <a:lnTo>
                    <a:pt x="10" y="1614"/>
                  </a:lnTo>
                  <a:lnTo>
                    <a:pt x="16" y="1626"/>
                  </a:lnTo>
                  <a:lnTo>
                    <a:pt x="18" y="1642"/>
                  </a:lnTo>
                  <a:lnTo>
                    <a:pt x="18" y="1666"/>
                  </a:lnTo>
                  <a:lnTo>
                    <a:pt x="16" y="1672"/>
                  </a:lnTo>
                  <a:lnTo>
                    <a:pt x="12" y="1678"/>
                  </a:lnTo>
                  <a:lnTo>
                    <a:pt x="8" y="1684"/>
                  </a:lnTo>
                  <a:lnTo>
                    <a:pt x="6" y="1692"/>
                  </a:lnTo>
                  <a:lnTo>
                    <a:pt x="0" y="1706"/>
                  </a:lnTo>
                  <a:lnTo>
                    <a:pt x="0" y="1712"/>
                  </a:lnTo>
                  <a:lnTo>
                    <a:pt x="0" y="1720"/>
                  </a:lnTo>
                  <a:lnTo>
                    <a:pt x="6" y="1744"/>
                  </a:lnTo>
                  <a:lnTo>
                    <a:pt x="8" y="1750"/>
                  </a:lnTo>
                  <a:lnTo>
                    <a:pt x="12" y="1752"/>
                  </a:lnTo>
                  <a:lnTo>
                    <a:pt x="18" y="1752"/>
                  </a:lnTo>
                  <a:lnTo>
                    <a:pt x="20" y="1752"/>
                  </a:lnTo>
                  <a:lnTo>
                    <a:pt x="18" y="1752"/>
                  </a:lnTo>
                  <a:lnTo>
                    <a:pt x="20" y="1760"/>
                  </a:lnTo>
                  <a:lnTo>
                    <a:pt x="24" y="1764"/>
                  </a:lnTo>
                  <a:lnTo>
                    <a:pt x="26" y="1768"/>
                  </a:lnTo>
                  <a:lnTo>
                    <a:pt x="30" y="1770"/>
                  </a:lnTo>
                  <a:lnTo>
                    <a:pt x="32" y="1768"/>
                  </a:lnTo>
                  <a:lnTo>
                    <a:pt x="30" y="1770"/>
                  </a:lnTo>
                  <a:lnTo>
                    <a:pt x="30" y="1772"/>
                  </a:lnTo>
                  <a:lnTo>
                    <a:pt x="32" y="1772"/>
                  </a:lnTo>
                  <a:lnTo>
                    <a:pt x="36" y="1774"/>
                  </a:lnTo>
                  <a:lnTo>
                    <a:pt x="40" y="1778"/>
                  </a:lnTo>
                  <a:lnTo>
                    <a:pt x="52" y="1804"/>
                  </a:lnTo>
                  <a:lnTo>
                    <a:pt x="56" y="1810"/>
                  </a:lnTo>
                  <a:lnTo>
                    <a:pt x="60" y="1816"/>
                  </a:lnTo>
                  <a:lnTo>
                    <a:pt x="72" y="1824"/>
                  </a:lnTo>
                  <a:lnTo>
                    <a:pt x="84" y="1832"/>
                  </a:lnTo>
                  <a:lnTo>
                    <a:pt x="94" y="1838"/>
                  </a:lnTo>
                  <a:lnTo>
                    <a:pt x="102" y="1844"/>
                  </a:lnTo>
                  <a:lnTo>
                    <a:pt x="128" y="1864"/>
                  </a:lnTo>
                  <a:lnTo>
                    <a:pt x="136" y="1868"/>
                  </a:lnTo>
                  <a:lnTo>
                    <a:pt x="142" y="1870"/>
                  </a:lnTo>
                  <a:lnTo>
                    <a:pt x="146" y="1870"/>
                  </a:lnTo>
                  <a:lnTo>
                    <a:pt x="152" y="1868"/>
                  </a:lnTo>
                  <a:lnTo>
                    <a:pt x="154" y="1868"/>
                  </a:lnTo>
                  <a:lnTo>
                    <a:pt x="154" y="1866"/>
                  </a:lnTo>
                  <a:lnTo>
                    <a:pt x="154" y="1868"/>
                  </a:lnTo>
                  <a:lnTo>
                    <a:pt x="158" y="1868"/>
                  </a:lnTo>
                  <a:lnTo>
                    <a:pt x="162" y="1870"/>
                  </a:lnTo>
                  <a:lnTo>
                    <a:pt x="166" y="1870"/>
                  </a:lnTo>
                  <a:lnTo>
                    <a:pt x="182" y="1868"/>
                  </a:lnTo>
                  <a:lnTo>
                    <a:pt x="206" y="1862"/>
                  </a:lnTo>
                  <a:lnTo>
                    <a:pt x="218" y="1860"/>
                  </a:lnTo>
                  <a:lnTo>
                    <a:pt x="224" y="1860"/>
                  </a:lnTo>
                  <a:lnTo>
                    <a:pt x="232" y="1860"/>
                  </a:lnTo>
                  <a:lnTo>
                    <a:pt x="244" y="1860"/>
                  </a:lnTo>
                  <a:lnTo>
                    <a:pt x="260" y="1856"/>
                  </a:lnTo>
                  <a:lnTo>
                    <a:pt x="274" y="1852"/>
                  </a:lnTo>
                  <a:lnTo>
                    <a:pt x="282" y="1850"/>
                  </a:lnTo>
                  <a:lnTo>
                    <a:pt x="288" y="1844"/>
                  </a:lnTo>
                  <a:lnTo>
                    <a:pt x="294" y="1842"/>
                  </a:lnTo>
                  <a:lnTo>
                    <a:pt x="300" y="1838"/>
                  </a:lnTo>
                  <a:lnTo>
                    <a:pt x="306" y="1838"/>
                  </a:lnTo>
                  <a:lnTo>
                    <a:pt x="312" y="1840"/>
                  </a:lnTo>
                  <a:lnTo>
                    <a:pt x="320" y="1840"/>
                  </a:lnTo>
                  <a:lnTo>
                    <a:pt x="322" y="1840"/>
                  </a:lnTo>
                  <a:lnTo>
                    <a:pt x="330" y="1842"/>
                  </a:lnTo>
                  <a:lnTo>
                    <a:pt x="334" y="1846"/>
                  </a:lnTo>
                  <a:lnTo>
                    <a:pt x="346" y="1862"/>
                  </a:lnTo>
                  <a:lnTo>
                    <a:pt x="352" y="1868"/>
                  </a:lnTo>
                  <a:lnTo>
                    <a:pt x="358" y="1870"/>
                  </a:lnTo>
                  <a:lnTo>
                    <a:pt x="362" y="1870"/>
                  </a:lnTo>
                  <a:lnTo>
                    <a:pt x="370" y="1870"/>
                  </a:lnTo>
                  <a:lnTo>
                    <a:pt x="378" y="1874"/>
                  </a:lnTo>
                  <a:lnTo>
                    <a:pt x="384" y="1876"/>
                  </a:lnTo>
                  <a:lnTo>
                    <a:pt x="388" y="1878"/>
                  </a:lnTo>
                  <a:lnTo>
                    <a:pt x="392" y="1878"/>
                  </a:lnTo>
                  <a:lnTo>
                    <a:pt x="392" y="1876"/>
                  </a:lnTo>
                  <a:lnTo>
                    <a:pt x="392" y="1878"/>
                  </a:lnTo>
                  <a:lnTo>
                    <a:pt x="394" y="1878"/>
                  </a:lnTo>
                  <a:lnTo>
                    <a:pt x="398" y="1878"/>
                  </a:lnTo>
                  <a:lnTo>
                    <a:pt x="404" y="1880"/>
                  </a:lnTo>
                  <a:lnTo>
                    <a:pt x="408" y="1884"/>
                  </a:lnTo>
                  <a:lnTo>
                    <a:pt x="410" y="1890"/>
                  </a:lnTo>
                  <a:lnTo>
                    <a:pt x="410" y="1896"/>
                  </a:lnTo>
                  <a:lnTo>
                    <a:pt x="410" y="1900"/>
                  </a:lnTo>
                  <a:lnTo>
                    <a:pt x="410" y="1908"/>
                  </a:lnTo>
                  <a:lnTo>
                    <a:pt x="410" y="1916"/>
                  </a:lnTo>
                  <a:lnTo>
                    <a:pt x="410" y="1920"/>
                  </a:lnTo>
                  <a:lnTo>
                    <a:pt x="410" y="1936"/>
                  </a:lnTo>
                  <a:lnTo>
                    <a:pt x="410" y="1950"/>
                  </a:lnTo>
                  <a:lnTo>
                    <a:pt x="412" y="1956"/>
                  </a:lnTo>
                  <a:lnTo>
                    <a:pt x="414" y="1964"/>
                  </a:lnTo>
                  <a:lnTo>
                    <a:pt x="434" y="1990"/>
                  </a:lnTo>
                  <a:lnTo>
                    <a:pt x="438" y="1994"/>
                  </a:lnTo>
                  <a:lnTo>
                    <a:pt x="440" y="1994"/>
                  </a:lnTo>
                  <a:lnTo>
                    <a:pt x="442" y="1994"/>
                  </a:lnTo>
                  <a:lnTo>
                    <a:pt x="440" y="1996"/>
                  </a:lnTo>
                  <a:lnTo>
                    <a:pt x="440" y="1998"/>
                  </a:lnTo>
                  <a:lnTo>
                    <a:pt x="444" y="2002"/>
                  </a:lnTo>
                  <a:lnTo>
                    <a:pt x="452" y="2014"/>
                  </a:lnTo>
                  <a:lnTo>
                    <a:pt x="456" y="2020"/>
                  </a:lnTo>
                  <a:lnTo>
                    <a:pt x="458" y="2026"/>
                  </a:lnTo>
                  <a:lnTo>
                    <a:pt x="458" y="2034"/>
                  </a:lnTo>
                  <a:lnTo>
                    <a:pt x="458" y="2038"/>
                  </a:lnTo>
                  <a:lnTo>
                    <a:pt x="458" y="2046"/>
                  </a:lnTo>
                  <a:lnTo>
                    <a:pt x="460" y="2054"/>
                  </a:lnTo>
                  <a:lnTo>
                    <a:pt x="468" y="2096"/>
                  </a:lnTo>
                  <a:lnTo>
                    <a:pt x="472" y="2112"/>
                  </a:lnTo>
                  <a:lnTo>
                    <a:pt x="476" y="2124"/>
                  </a:lnTo>
                  <a:lnTo>
                    <a:pt x="478" y="2134"/>
                  </a:lnTo>
                  <a:lnTo>
                    <a:pt x="472" y="2144"/>
                  </a:lnTo>
                  <a:lnTo>
                    <a:pt x="462" y="2166"/>
                  </a:lnTo>
                  <a:lnTo>
                    <a:pt x="460" y="2172"/>
                  </a:lnTo>
                  <a:lnTo>
                    <a:pt x="458" y="2180"/>
                  </a:lnTo>
                  <a:lnTo>
                    <a:pt x="458" y="2204"/>
                  </a:lnTo>
                  <a:lnTo>
                    <a:pt x="460" y="2212"/>
                  </a:lnTo>
                  <a:lnTo>
                    <a:pt x="460" y="2210"/>
                  </a:lnTo>
                  <a:lnTo>
                    <a:pt x="460" y="2212"/>
                  </a:lnTo>
                  <a:lnTo>
                    <a:pt x="456" y="2220"/>
                  </a:lnTo>
                  <a:lnTo>
                    <a:pt x="452" y="2234"/>
                  </a:lnTo>
                  <a:lnTo>
                    <a:pt x="450" y="2242"/>
                  </a:lnTo>
                  <a:lnTo>
                    <a:pt x="452" y="2248"/>
                  </a:lnTo>
                  <a:lnTo>
                    <a:pt x="484" y="2302"/>
                  </a:lnTo>
                  <a:lnTo>
                    <a:pt x="488" y="2308"/>
                  </a:lnTo>
                  <a:lnTo>
                    <a:pt x="488" y="2314"/>
                  </a:lnTo>
                  <a:lnTo>
                    <a:pt x="490" y="2328"/>
                  </a:lnTo>
                  <a:lnTo>
                    <a:pt x="496" y="2380"/>
                  </a:lnTo>
                  <a:lnTo>
                    <a:pt x="500" y="2386"/>
                  </a:lnTo>
                  <a:lnTo>
                    <a:pt x="504" y="2392"/>
                  </a:lnTo>
                  <a:lnTo>
                    <a:pt x="520" y="2402"/>
                  </a:lnTo>
                  <a:lnTo>
                    <a:pt x="528" y="2406"/>
                  </a:lnTo>
                  <a:lnTo>
                    <a:pt x="528" y="2404"/>
                  </a:lnTo>
                  <a:lnTo>
                    <a:pt x="528" y="2406"/>
                  </a:lnTo>
                  <a:lnTo>
                    <a:pt x="532" y="2414"/>
                  </a:lnTo>
                  <a:lnTo>
                    <a:pt x="534" y="2420"/>
                  </a:lnTo>
                  <a:lnTo>
                    <a:pt x="540" y="2434"/>
                  </a:lnTo>
                  <a:lnTo>
                    <a:pt x="546" y="2458"/>
                  </a:lnTo>
                  <a:lnTo>
                    <a:pt x="548" y="2474"/>
                  </a:lnTo>
                  <a:lnTo>
                    <a:pt x="548" y="2478"/>
                  </a:lnTo>
                  <a:lnTo>
                    <a:pt x="548" y="2486"/>
                  </a:lnTo>
                  <a:lnTo>
                    <a:pt x="552" y="2492"/>
                  </a:lnTo>
                  <a:lnTo>
                    <a:pt x="562" y="2508"/>
                  </a:lnTo>
                  <a:lnTo>
                    <a:pt x="568" y="2512"/>
                  </a:lnTo>
                  <a:lnTo>
                    <a:pt x="574" y="2514"/>
                  </a:lnTo>
                  <a:lnTo>
                    <a:pt x="598" y="2508"/>
                  </a:lnTo>
                  <a:lnTo>
                    <a:pt x="614" y="2504"/>
                  </a:lnTo>
                  <a:lnTo>
                    <a:pt x="638" y="2498"/>
                  </a:lnTo>
                  <a:lnTo>
                    <a:pt x="654" y="2496"/>
                  </a:lnTo>
                  <a:lnTo>
                    <a:pt x="676" y="2496"/>
                  </a:lnTo>
                  <a:lnTo>
                    <a:pt x="684" y="2494"/>
                  </a:lnTo>
                  <a:lnTo>
                    <a:pt x="690" y="2490"/>
                  </a:lnTo>
                  <a:lnTo>
                    <a:pt x="748" y="2424"/>
                  </a:lnTo>
                  <a:lnTo>
                    <a:pt x="756" y="2410"/>
                  </a:lnTo>
                  <a:lnTo>
                    <a:pt x="770" y="2376"/>
                  </a:lnTo>
                  <a:lnTo>
                    <a:pt x="770" y="2370"/>
                  </a:lnTo>
                  <a:lnTo>
                    <a:pt x="770" y="2368"/>
                  </a:lnTo>
                  <a:lnTo>
                    <a:pt x="768" y="2368"/>
                  </a:lnTo>
                  <a:lnTo>
                    <a:pt x="770" y="2368"/>
                  </a:lnTo>
                  <a:lnTo>
                    <a:pt x="772" y="2366"/>
                  </a:lnTo>
                  <a:lnTo>
                    <a:pt x="772" y="2364"/>
                  </a:lnTo>
                  <a:lnTo>
                    <a:pt x="774" y="2358"/>
                  </a:lnTo>
                  <a:lnTo>
                    <a:pt x="778" y="2354"/>
                  </a:lnTo>
                  <a:lnTo>
                    <a:pt x="806" y="2334"/>
                  </a:lnTo>
                  <a:lnTo>
                    <a:pt x="810" y="2328"/>
                  </a:lnTo>
                  <a:lnTo>
                    <a:pt x="814" y="2322"/>
                  </a:lnTo>
                  <a:lnTo>
                    <a:pt x="818" y="2308"/>
                  </a:lnTo>
                  <a:lnTo>
                    <a:pt x="820" y="2300"/>
                  </a:lnTo>
                  <a:lnTo>
                    <a:pt x="820" y="2292"/>
                  </a:lnTo>
                  <a:lnTo>
                    <a:pt x="814" y="2268"/>
                  </a:lnTo>
                  <a:lnTo>
                    <a:pt x="814" y="2260"/>
                  </a:lnTo>
                  <a:lnTo>
                    <a:pt x="816" y="2254"/>
                  </a:lnTo>
                  <a:lnTo>
                    <a:pt x="826" y="2238"/>
                  </a:lnTo>
                  <a:lnTo>
                    <a:pt x="832" y="2232"/>
                  </a:lnTo>
                  <a:lnTo>
                    <a:pt x="838" y="2228"/>
                  </a:lnTo>
                  <a:lnTo>
                    <a:pt x="874" y="2206"/>
                  </a:lnTo>
                  <a:lnTo>
                    <a:pt x="880" y="2202"/>
                  </a:lnTo>
                  <a:lnTo>
                    <a:pt x="884" y="2194"/>
                  </a:lnTo>
                  <a:lnTo>
                    <a:pt x="886" y="2190"/>
                  </a:lnTo>
                  <a:lnTo>
                    <a:pt x="894" y="2176"/>
                  </a:lnTo>
                  <a:lnTo>
                    <a:pt x="896" y="2170"/>
                  </a:lnTo>
                  <a:lnTo>
                    <a:pt x="898" y="2162"/>
                  </a:lnTo>
                  <a:lnTo>
                    <a:pt x="898" y="2156"/>
                  </a:lnTo>
                  <a:lnTo>
                    <a:pt x="892" y="2132"/>
                  </a:lnTo>
                  <a:lnTo>
                    <a:pt x="890" y="2116"/>
                  </a:lnTo>
                  <a:lnTo>
                    <a:pt x="890" y="2112"/>
                  </a:lnTo>
                  <a:lnTo>
                    <a:pt x="890" y="2108"/>
                  </a:lnTo>
                  <a:lnTo>
                    <a:pt x="888" y="2106"/>
                  </a:lnTo>
                  <a:lnTo>
                    <a:pt x="886" y="2108"/>
                  </a:lnTo>
                  <a:lnTo>
                    <a:pt x="888" y="2106"/>
                  </a:lnTo>
                  <a:lnTo>
                    <a:pt x="888" y="2102"/>
                  </a:lnTo>
                  <a:lnTo>
                    <a:pt x="886" y="2098"/>
                  </a:lnTo>
                  <a:lnTo>
                    <a:pt x="882" y="2094"/>
                  </a:lnTo>
                  <a:lnTo>
                    <a:pt x="880" y="2086"/>
                  </a:lnTo>
                  <a:lnTo>
                    <a:pt x="880" y="2054"/>
                  </a:lnTo>
                  <a:lnTo>
                    <a:pt x="880" y="2046"/>
                  </a:lnTo>
                  <a:lnTo>
                    <a:pt x="876" y="2038"/>
                  </a:lnTo>
                  <a:lnTo>
                    <a:pt x="874" y="2032"/>
                  </a:lnTo>
                  <a:lnTo>
                    <a:pt x="872" y="2026"/>
                  </a:lnTo>
                  <a:lnTo>
                    <a:pt x="876" y="2020"/>
                  </a:lnTo>
                  <a:lnTo>
                    <a:pt x="880" y="2016"/>
                  </a:lnTo>
                  <a:lnTo>
                    <a:pt x="880" y="2012"/>
                  </a:lnTo>
                  <a:lnTo>
                    <a:pt x="882" y="2006"/>
                  </a:lnTo>
                  <a:lnTo>
                    <a:pt x="884" y="2000"/>
                  </a:lnTo>
                  <a:lnTo>
                    <a:pt x="894" y="1984"/>
                  </a:lnTo>
                  <a:lnTo>
                    <a:pt x="900" y="1978"/>
                  </a:lnTo>
                  <a:lnTo>
                    <a:pt x="906" y="1974"/>
                  </a:lnTo>
                  <a:lnTo>
                    <a:pt x="912" y="1970"/>
                  </a:lnTo>
                  <a:lnTo>
                    <a:pt x="918" y="1968"/>
                  </a:lnTo>
                  <a:lnTo>
                    <a:pt x="922" y="1960"/>
                  </a:lnTo>
                  <a:lnTo>
                    <a:pt x="934" y="1936"/>
                  </a:lnTo>
                  <a:lnTo>
                    <a:pt x="940" y="1930"/>
                  </a:lnTo>
                  <a:lnTo>
                    <a:pt x="946" y="1924"/>
                  </a:lnTo>
                  <a:lnTo>
                    <a:pt x="970" y="1912"/>
                  </a:lnTo>
                  <a:lnTo>
                    <a:pt x="984" y="1902"/>
                  </a:lnTo>
                  <a:lnTo>
                    <a:pt x="1012" y="1874"/>
                  </a:lnTo>
                  <a:lnTo>
                    <a:pt x="1016" y="1868"/>
                  </a:lnTo>
                  <a:lnTo>
                    <a:pt x="1020" y="1862"/>
                  </a:lnTo>
                  <a:lnTo>
                    <a:pt x="1044" y="1808"/>
                  </a:lnTo>
                  <a:lnTo>
                    <a:pt x="1048" y="1792"/>
                  </a:lnTo>
                  <a:lnTo>
                    <a:pt x="1054" y="1770"/>
                  </a:lnTo>
                  <a:lnTo>
                    <a:pt x="1054" y="1766"/>
                  </a:lnTo>
                  <a:lnTo>
                    <a:pt x="1054" y="1764"/>
                  </a:lnTo>
                  <a:lnTo>
                    <a:pt x="1050" y="1764"/>
                  </a:lnTo>
                  <a:lnTo>
                    <a:pt x="1048" y="1764"/>
                  </a:lnTo>
                  <a:lnTo>
                    <a:pt x="976" y="1780"/>
                  </a:lnTo>
                  <a:lnTo>
                    <a:pt x="968" y="1780"/>
                  </a:lnTo>
                  <a:lnTo>
                    <a:pt x="960" y="1778"/>
                  </a:lnTo>
                  <a:lnTo>
                    <a:pt x="956" y="1774"/>
                  </a:lnTo>
                  <a:lnTo>
                    <a:pt x="944" y="1766"/>
                  </a:lnTo>
                  <a:lnTo>
                    <a:pt x="934" y="1754"/>
                  </a:lnTo>
                  <a:lnTo>
                    <a:pt x="904" y="1710"/>
                  </a:lnTo>
                  <a:lnTo>
                    <a:pt x="898" y="1704"/>
                  </a:lnTo>
                  <a:lnTo>
                    <a:pt x="892" y="1700"/>
                  </a:lnTo>
                  <a:lnTo>
                    <a:pt x="886" y="1696"/>
                  </a:lnTo>
                  <a:lnTo>
                    <a:pt x="880" y="1692"/>
                  </a:lnTo>
                  <a:lnTo>
                    <a:pt x="876" y="1686"/>
                  </a:lnTo>
                  <a:lnTo>
                    <a:pt x="864" y="1670"/>
                  </a:lnTo>
                  <a:lnTo>
                    <a:pt x="860" y="1664"/>
                  </a:lnTo>
                  <a:lnTo>
                    <a:pt x="858" y="1656"/>
                  </a:lnTo>
                  <a:lnTo>
                    <a:pt x="852" y="1642"/>
                  </a:lnTo>
                  <a:lnTo>
                    <a:pt x="848" y="1626"/>
                  </a:lnTo>
                  <a:lnTo>
                    <a:pt x="842" y="1602"/>
                  </a:lnTo>
                  <a:lnTo>
                    <a:pt x="840" y="1596"/>
                  </a:lnTo>
                  <a:lnTo>
                    <a:pt x="834" y="1590"/>
                  </a:lnTo>
                  <a:lnTo>
                    <a:pt x="826" y="1582"/>
                  </a:lnTo>
                  <a:lnTo>
                    <a:pt x="822" y="1574"/>
                  </a:lnTo>
                  <a:lnTo>
                    <a:pt x="818" y="1568"/>
                  </a:lnTo>
                  <a:lnTo>
                    <a:pt x="814" y="1544"/>
                  </a:lnTo>
                  <a:lnTo>
                    <a:pt x="808" y="1530"/>
                  </a:lnTo>
                  <a:lnTo>
                    <a:pt x="796" y="1504"/>
                  </a:lnTo>
                  <a:lnTo>
                    <a:pt x="786" y="1492"/>
                  </a:lnTo>
                  <a:lnTo>
                    <a:pt x="768" y="1474"/>
                  </a:lnTo>
                  <a:lnTo>
                    <a:pt x="766" y="1470"/>
                  </a:lnTo>
                  <a:lnTo>
                    <a:pt x="770" y="1472"/>
                  </a:lnTo>
                  <a:lnTo>
                    <a:pt x="794" y="1484"/>
                  </a:lnTo>
                  <a:lnTo>
                    <a:pt x="798" y="1484"/>
                  </a:lnTo>
                  <a:lnTo>
                    <a:pt x="800" y="1484"/>
                  </a:lnTo>
                  <a:lnTo>
                    <a:pt x="804" y="1482"/>
                  </a:lnTo>
                  <a:lnTo>
                    <a:pt x="804" y="1480"/>
                  </a:lnTo>
                  <a:lnTo>
                    <a:pt x="808" y="1476"/>
                  </a:lnTo>
                  <a:lnTo>
                    <a:pt x="810" y="1474"/>
                  </a:lnTo>
                  <a:lnTo>
                    <a:pt x="810" y="1472"/>
                  </a:lnTo>
                  <a:lnTo>
                    <a:pt x="812" y="1474"/>
                  </a:lnTo>
                  <a:lnTo>
                    <a:pt x="814" y="1476"/>
                  </a:lnTo>
                  <a:lnTo>
                    <a:pt x="818" y="1480"/>
                  </a:lnTo>
                  <a:lnTo>
                    <a:pt x="824" y="1494"/>
                  </a:lnTo>
                  <a:lnTo>
                    <a:pt x="856" y="1550"/>
                  </a:lnTo>
                  <a:lnTo>
                    <a:pt x="866" y="1562"/>
                  </a:lnTo>
                  <a:lnTo>
                    <a:pt x="874" y="1570"/>
                  </a:lnTo>
                  <a:lnTo>
                    <a:pt x="878" y="1576"/>
                  </a:lnTo>
                  <a:lnTo>
                    <a:pt x="882" y="1584"/>
                  </a:lnTo>
                  <a:lnTo>
                    <a:pt x="886" y="1598"/>
                  </a:lnTo>
                  <a:lnTo>
                    <a:pt x="892" y="1614"/>
                  </a:lnTo>
                  <a:lnTo>
                    <a:pt x="898" y="1636"/>
                  </a:lnTo>
                  <a:lnTo>
                    <a:pt x="900" y="1644"/>
                  </a:lnTo>
                  <a:lnTo>
                    <a:pt x="904" y="1650"/>
                  </a:lnTo>
                  <a:lnTo>
                    <a:pt x="924" y="1668"/>
                  </a:lnTo>
                  <a:lnTo>
                    <a:pt x="928" y="1674"/>
                  </a:lnTo>
                  <a:lnTo>
                    <a:pt x="928" y="1678"/>
                  </a:lnTo>
                  <a:lnTo>
                    <a:pt x="928" y="1684"/>
                  </a:lnTo>
                  <a:lnTo>
                    <a:pt x="932" y="1690"/>
                  </a:lnTo>
                  <a:lnTo>
                    <a:pt x="936" y="1696"/>
                  </a:lnTo>
                  <a:lnTo>
                    <a:pt x="942" y="1710"/>
                  </a:lnTo>
                  <a:lnTo>
                    <a:pt x="954" y="1736"/>
                  </a:lnTo>
                  <a:lnTo>
                    <a:pt x="960" y="1740"/>
                  </a:lnTo>
                  <a:lnTo>
                    <a:pt x="966" y="1740"/>
                  </a:lnTo>
                  <a:lnTo>
                    <a:pt x="980" y="1736"/>
                  </a:lnTo>
                  <a:lnTo>
                    <a:pt x="996" y="1732"/>
                  </a:lnTo>
                  <a:lnTo>
                    <a:pt x="1000" y="1732"/>
                  </a:lnTo>
                  <a:lnTo>
                    <a:pt x="1006" y="1732"/>
                  </a:lnTo>
                  <a:lnTo>
                    <a:pt x="1012" y="1728"/>
                  </a:lnTo>
                  <a:lnTo>
                    <a:pt x="1020" y="1718"/>
                  </a:lnTo>
                  <a:lnTo>
                    <a:pt x="1028" y="1714"/>
                  </a:lnTo>
                  <a:lnTo>
                    <a:pt x="1034" y="1710"/>
                  </a:lnTo>
                  <a:lnTo>
                    <a:pt x="1048" y="1706"/>
                  </a:lnTo>
                  <a:lnTo>
                    <a:pt x="1064" y="1700"/>
                  </a:lnTo>
                  <a:lnTo>
                    <a:pt x="1088" y="1688"/>
                  </a:lnTo>
                  <a:lnTo>
                    <a:pt x="1096" y="1684"/>
                  </a:lnTo>
                  <a:lnTo>
                    <a:pt x="1102" y="1680"/>
                  </a:lnTo>
                  <a:lnTo>
                    <a:pt x="1128" y="1668"/>
                  </a:lnTo>
                  <a:lnTo>
                    <a:pt x="1134" y="1664"/>
                  </a:lnTo>
                  <a:lnTo>
                    <a:pt x="1140" y="1658"/>
                  </a:lnTo>
                  <a:lnTo>
                    <a:pt x="1158" y="1632"/>
                  </a:lnTo>
                  <a:lnTo>
                    <a:pt x="1168" y="1618"/>
                  </a:lnTo>
                  <a:lnTo>
                    <a:pt x="1170" y="1612"/>
                  </a:lnTo>
                  <a:lnTo>
                    <a:pt x="1180" y="1600"/>
                  </a:lnTo>
                  <a:lnTo>
                    <a:pt x="1188" y="1592"/>
                  </a:lnTo>
                  <a:lnTo>
                    <a:pt x="1188" y="1588"/>
                  </a:lnTo>
                  <a:lnTo>
                    <a:pt x="1190" y="1586"/>
                  </a:lnTo>
                  <a:lnTo>
                    <a:pt x="1188" y="1584"/>
                  </a:lnTo>
                  <a:lnTo>
                    <a:pt x="1186" y="1582"/>
                  </a:lnTo>
                  <a:lnTo>
                    <a:pt x="1160" y="1562"/>
                  </a:lnTo>
                  <a:lnTo>
                    <a:pt x="1154" y="1558"/>
                  </a:lnTo>
                  <a:lnTo>
                    <a:pt x="1148" y="1556"/>
                  </a:lnTo>
                  <a:lnTo>
                    <a:pt x="1144" y="1554"/>
                  </a:lnTo>
                  <a:lnTo>
                    <a:pt x="1140" y="1548"/>
                  </a:lnTo>
                  <a:lnTo>
                    <a:pt x="1138" y="1544"/>
                  </a:lnTo>
                  <a:lnTo>
                    <a:pt x="1132" y="1540"/>
                  </a:lnTo>
                  <a:lnTo>
                    <a:pt x="1126" y="1538"/>
                  </a:lnTo>
                  <a:lnTo>
                    <a:pt x="1102" y="1544"/>
                  </a:lnTo>
                  <a:lnTo>
                    <a:pt x="1096" y="1544"/>
                  </a:lnTo>
                  <a:lnTo>
                    <a:pt x="1088" y="1542"/>
                  </a:lnTo>
                  <a:lnTo>
                    <a:pt x="1082" y="1540"/>
                  </a:lnTo>
                  <a:lnTo>
                    <a:pt x="1076" y="1536"/>
                  </a:lnTo>
                  <a:lnTo>
                    <a:pt x="1070" y="1536"/>
                  </a:lnTo>
                  <a:lnTo>
                    <a:pt x="1058" y="1534"/>
                  </a:lnTo>
                  <a:lnTo>
                    <a:pt x="1054" y="1530"/>
                  </a:lnTo>
                  <a:lnTo>
                    <a:pt x="1048" y="1526"/>
                  </a:lnTo>
                  <a:lnTo>
                    <a:pt x="1044" y="1520"/>
                  </a:lnTo>
                  <a:lnTo>
                    <a:pt x="1040" y="1506"/>
                  </a:lnTo>
                  <a:lnTo>
                    <a:pt x="1036" y="1498"/>
                  </a:lnTo>
                  <a:lnTo>
                    <a:pt x="1032" y="1492"/>
                  </a:lnTo>
                  <a:lnTo>
                    <a:pt x="1022" y="1484"/>
                  </a:lnTo>
                  <a:lnTo>
                    <a:pt x="1018" y="1478"/>
                  </a:lnTo>
                  <a:lnTo>
                    <a:pt x="1018" y="1472"/>
                  </a:lnTo>
                  <a:lnTo>
                    <a:pt x="1018" y="1468"/>
                  </a:lnTo>
                  <a:lnTo>
                    <a:pt x="1022" y="1462"/>
                  </a:lnTo>
                  <a:lnTo>
                    <a:pt x="1026" y="1458"/>
                  </a:lnTo>
                  <a:lnTo>
                    <a:pt x="1026" y="1452"/>
                  </a:lnTo>
                  <a:lnTo>
                    <a:pt x="1028" y="1452"/>
                  </a:lnTo>
                  <a:lnTo>
                    <a:pt x="1032" y="1454"/>
                  </a:lnTo>
                  <a:lnTo>
                    <a:pt x="1040" y="1462"/>
                  </a:lnTo>
                  <a:lnTo>
                    <a:pt x="1052" y="1474"/>
                  </a:lnTo>
                  <a:lnTo>
                    <a:pt x="1060" y="1482"/>
                  </a:lnTo>
                  <a:lnTo>
                    <a:pt x="1072" y="1492"/>
                  </a:lnTo>
                  <a:lnTo>
                    <a:pt x="1088" y="1504"/>
                  </a:lnTo>
                  <a:lnTo>
                    <a:pt x="1102" y="1510"/>
                  </a:lnTo>
                  <a:lnTo>
                    <a:pt x="1116" y="1514"/>
                  </a:lnTo>
                  <a:lnTo>
                    <a:pt x="1124" y="1516"/>
                  </a:lnTo>
                  <a:lnTo>
                    <a:pt x="1132" y="1514"/>
                  </a:lnTo>
                  <a:lnTo>
                    <a:pt x="1136" y="1510"/>
                  </a:lnTo>
                  <a:lnTo>
                    <a:pt x="1144" y="1510"/>
                  </a:lnTo>
                  <a:lnTo>
                    <a:pt x="1150" y="1514"/>
                  </a:lnTo>
                  <a:lnTo>
                    <a:pt x="1158" y="1522"/>
                  </a:lnTo>
                  <a:lnTo>
                    <a:pt x="1164" y="1526"/>
                  </a:lnTo>
                  <a:lnTo>
                    <a:pt x="1172" y="1530"/>
                  </a:lnTo>
                  <a:lnTo>
                    <a:pt x="1206" y="1544"/>
                  </a:lnTo>
                  <a:lnTo>
                    <a:pt x="1218" y="1546"/>
                  </a:lnTo>
                  <a:lnTo>
                    <a:pt x="1222" y="1546"/>
                  </a:lnTo>
                  <a:lnTo>
                    <a:pt x="1230" y="1544"/>
                  </a:lnTo>
                  <a:lnTo>
                    <a:pt x="1244" y="1538"/>
                  </a:lnTo>
                  <a:lnTo>
                    <a:pt x="1260" y="1536"/>
                  </a:lnTo>
                  <a:lnTo>
                    <a:pt x="1292" y="1536"/>
                  </a:lnTo>
                  <a:lnTo>
                    <a:pt x="1300" y="1538"/>
                  </a:lnTo>
                  <a:lnTo>
                    <a:pt x="1306" y="1544"/>
                  </a:lnTo>
                  <a:lnTo>
                    <a:pt x="1316" y="1558"/>
                  </a:lnTo>
                  <a:lnTo>
                    <a:pt x="1320" y="1566"/>
                  </a:lnTo>
                  <a:lnTo>
                    <a:pt x="1326" y="1572"/>
                  </a:lnTo>
                  <a:lnTo>
                    <a:pt x="1336" y="1588"/>
                  </a:lnTo>
                  <a:lnTo>
                    <a:pt x="1346" y="1602"/>
                  </a:lnTo>
                  <a:lnTo>
                    <a:pt x="1354" y="1610"/>
                  </a:lnTo>
                  <a:lnTo>
                    <a:pt x="1360" y="1612"/>
                  </a:lnTo>
                  <a:lnTo>
                    <a:pt x="1366" y="1610"/>
                  </a:lnTo>
                  <a:lnTo>
                    <a:pt x="1382" y="1600"/>
                  </a:lnTo>
                  <a:lnTo>
                    <a:pt x="1386" y="1598"/>
                  </a:lnTo>
                  <a:lnTo>
                    <a:pt x="1388" y="1600"/>
                  </a:lnTo>
                  <a:lnTo>
                    <a:pt x="1390" y="1600"/>
                  </a:lnTo>
                  <a:lnTo>
                    <a:pt x="1390" y="1604"/>
                  </a:lnTo>
                  <a:lnTo>
                    <a:pt x="1398" y="1676"/>
                  </a:lnTo>
                  <a:lnTo>
                    <a:pt x="1402" y="1692"/>
                  </a:lnTo>
                  <a:lnTo>
                    <a:pt x="1408" y="1714"/>
                  </a:lnTo>
                  <a:lnTo>
                    <a:pt x="1414" y="1730"/>
                  </a:lnTo>
                  <a:lnTo>
                    <a:pt x="1434" y="1764"/>
                  </a:lnTo>
                  <a:lnTo>
                    <a:pt x="1442" y="1778"/>
                  </a:lnTo>
                  <a:lnTo>
                    <a:pt x="1444" y="1784"/>
                  </a:lnTo>
                  <a:lnTo>
                    <a:pt x="1452" y="1798"/>
                  </a:lnTo>
                  <a:lnTo>
                    <a:pt x="1464" y="1814"/>
                  </a:lnTo>
                  <a:lnTo>
                    <a:pt x="1466" y="1816"/>
                  </a:lnTo>
                  <a:lnTo>
                    <a:pt x="1468" y="1816"/>
                  </a:lnTo>
                  <a:lnTo>
                    <a:pt x="1470" y="1816"/>
                  </a:lnTo>
                  <a:lnTo>
                    <a:pt x="1472" y="1814"/>
                  </a:lnTo>
                  <a:lnTo>
                    <a:pt x="1474" y="1808"/>
                  </a:lnTo>
                  <a:lnTo>
                    <a:pt x="1484" y="1796"/>
                  </a:lnTo>
                  <a:lnTo>
                    <a:pt x="1492" y="1786"/>
                  </a:lnTo>
                  <a:lnTo>
                    <a:pt x="1500" y="1774"/>
                  </a:lnTo>
                  <a:lnTo>
                    <a:pt x="1504" y="1768"/>
                  </a:lnTo>
                  <a:lnTo>
                    <a:pt x="1506" y="1762"/>
                  </a:lnTo>
                  <a:lnTo>
                    <a:pt x="1506" y="1754"/>
                  </a:lnTo>
                  <a:lnTo>
                    <a:pt x="1506" y="1730"/>
                  </a:lnTo>
                  <a:lnTo>
                    <a:pt x="1510" y="1716"/>
                  </a:lnTo>
                  <a:lnTo>
                    <a:pt x="1514" y="1700"/>
                  </a:lnTo>
                  <a:lnTo>
                    <a:pt x="1518" y="1694"/>
                  </a:lnTo>
                  <a:lnTo>
                    <a:pt x="1522" y="1688"/>
                  </a:lnTo>
                  <a:lnTo>
                    <a:pt x="1540" y="1670"/>
                  </a:lnTo>
                  <a:lnTo>
                    <a:pt x="1554" y="1660"/>
                  </a:lnTo>
                  <a:lnTo>
                    <a:pt x="1578" y="1648"/>
                  </a:lnTo>
                  <a:lnTo>
                    <a:pt x="1590" y="1638"/>
                  </a:lnTo>
                  <a:lnTo>
                    <a:pt x="1598" y="1630"/>
                  </a:lnTo>
                  <a:lnTo>
                    <a:pt x="1604" y="1624"/>
                  </a:lnTo>
                  <a:lnTo>
                    <a:pt x="1608" y="1618"/>
                  </a:lnTo>
                  <a:lnTo>
                    <a:pt x="1612" y="1604"/>
                  </a:lnTo>
                  <a:lnTo>
                    <a:pt x="1616" y="1598"/>
                  </a:lnTo>
                  <a:lnTo>
                    <a:pt x="1622" y="1596"/>
                  </a:lnTo>
                  <a:lnTo>
                    <a:pt x="1636" y="1596"/>
                  </a:lnTo>
                  <a:lnTo>
                    <a:pt x="1644" y="1596"/>
                  </a:lnTo>
                  <a:lnTo>
                    <a:pt x="1652" y="1592"/>
                  </a:lnTo>
                  <a:lnTo>
                    <a:pt x="1666" y="1588"/>
                  </a:lnTo>
                  <a:lnTo>
                    <a:pt x="1676" y="1586"/>
                  </a:lnTo>
                  <a:lnTo>
                    <a:pt x="1686" y="1588"/>
                  </a:lnTo>
                  <a:lnTo>
                    <a:pt x="1688" y="1590"/>
                  </a:lnTo>
                  <a:lnTo>
                    <a:pt x="1694" y="1594"/>
                  </a:lnTo>
                  <a:lnTo>
                    <a:pt x="1700" y="1598"/>
                  </a:lnTo>
                  <a:lnTo>
                    <a:pt x="1702" y="1604"/>
                  </a:lnTo>
                  <a:lnTo>
                    <a:pt x="1706" y="1612"/>
                  </a:lnTo>
                  <a:lnTo>
                    <a:pt x="1708" y="1618"/>
                  </a:lnTo>
                  <a:lnTo>
                    <a:pt x="1714" y="1632"/>
                  </a:lnTo>
                  <a:lnTo>
                    <a:pt x="1728" y="1676"/>
                  </a:lnTo>
                  <a:lnTo>
                    <a:pt x="1732" y="1682"/>
                  </a:lnTo>
                  <a:lnTo>
                    <a:pt x="1738" y="1688"/>
                  </a:lnTo>
                  <a:lnTo>
                    <a:pt x="1744" y="1690"/>
                  </a:lnTo>
                  <a:lnTo>
                    <a:pt x="1750" y="1692"/>
                  </a:lnTo>
                  <a:lnTo>
                    <a:pt x="1758" y="1690"/>
                  </a:lnTo>
                  <a:lnTo>
                    <a:pt x="1764" y="1688"/>
                  </a:lnTo>
                  <a:lnTo>
                    <a:pt x="1770" y="1686"/>
                  </a:lnTo>
                  <a:lnTo>
                    <a:pt x="1776" y="1688"/>
                  </a:lnTo>
                  <a:lnTo>
                    <a:pt x="1780" y="1694"/>
                  </a:lnTo>
                  <a:lnTo>
                    <a:pt x="1782" y="1700"/>
                  </a:lnTo>
                  <a:lnTo>
                    <a:pt x="1788" y="1716"/>
                  </a:lnTo>
                  <a:lnTo>
                    <a:pt x="1790" y="1730"/>
                  </a:lnTo>
                  <a:lnTo>
                    <a:pt x="1790" y="1754"/>
                  </a:lnTo>
                  <a:lnTo>
                    <a:pt x="1790" y="1770"/>
                  </a:lnTo>
                  <a:lnTo>
                    <a:pt x="1790" y="1802"/>
                  </a:lnTo>
                  <a:lnTo>
                    <a:pt x="1792" y="1810"/>
                  </a:lnTo>
                  <a:lnTo>
                    <a:pt x="1796" y="1816"/>
                  </a:lnTo>
                  <a:lnTo>
                    <a:pt x="1804" y="1824"/>
                  </a:lnTo>
                  <a:lnTo>
                    <a:pt x="1814" y="1838"/>
                  </a:lnTo>
                  <a:lnTo>
                    <a:pt x="1816" y="1842"/>
                  </a:lnTo>
                  <a:lnTo>
                    <a:pt x="1822" y="1858"/>
                  </a:lnTo>
                  <a:lnTo>
                    <a:pt x="1826" y="1862"/>
                  </a:lnTo>
                  <a:lnTo>
                    <a:pt x="1834" y="1876"/>
                  </a:lnTo>
                  <a:lnTo>
                    <a:pt x="1842" y="1884"/>
                  </a:lnTo>
                  <a:lnTo>
                    <a:pt x="1854" y="1894"/>
                  </a:lnTo>
                  <a:lnTo>
                    <a:pt x="1872" y="1912"/>
                  </a:lnTo>
                  <a:lnTo>
                    <a:pt x="1878" y="1916"/>
                  </a:lnTo>
                  <a:lnTo>
                    <a:pt x="1880" y="1914"/>
                  </a:lnTo>
                  <a:lnTo>
                    <a:pt x="1884" y="1914"/>
                  </a:lnTo>
                  <a:lnTo>
                    <a:pt x="1886" y="1908"/>
                  </a:lnTo>
                  <a:lnTo>
                    <a:pt x="1886" y="1900"/>
                  </a:lnTo>
                  <a:lnTo>
                    <a:pt x="1880" y="1886"/>
                  </a:lnTo>
                  <a:lnTo>
                    <a:pt x="1874" y="1872"/>
                  </a:lnTo>
                  <a:lnTo>
                    <a:pt x="1872" y="1866"/>
                  </a:lnTo>
                  <a:lnTo>
                    <a:pt x="1862" y="1854"/>
                  </a:lnTo>
                  <a:lnTo>
                    <a:pt x="1854" y="1846"/>
                  </a:lnTo>
                  <a:lnTo>
                    <a:pt x="1842" y="1836"/>
                  </a:lnTo>
                  <a:lnTo>
                    <a:pt x="1836" y="1834"/>
                  </a:lnTo>
                  <a:lnTo>
                    <a:pt x="1824" y="1826"/>
                  </a:lnTo>
                  <a:lnTo>
                    <a:pt x="1820" y="1820"/>
                  </a:lnTo>
                  <a:lnTo>
                    <a:pt x="1818" y="1812"/>
                  </a:lnTo>
                  <a:lnTo>
                    <a:pt x="1812" y="1790"/>
                  </a:lnTo>
                  <a:lnTo>
                    <a:pt x="1810" y="1774"/>
                  </a:lnTo>
                  <a:lnTo>
                    <a:pt x="1810" y="1770"/>
                  </a:lnTo>
                  <a:lnTo>
                    <a:pt x="1812" y="1754"/>
                  </a:lnTo>
                  <a:lnTo>
                    <a:pt x="1816" y="1740"/>
                  </a:lnTo>
                  <a:lnTo>
                    <a:pt x="1818" y="1736"/>
                  </a:lnTo>
                  <a:lnTo>
                    <a:pt x="1820" y="1734"/>
                  </a:lnTo>
                  <a:lnTo>
                    <a:pt x="1824" y="1734"/>
                  </a:lnTo>
                  <a:lnTo>
                    <a:pt x="1826" y="1734"/>
                  </a:lnTo>
                  <a:lnTo>
                    <a:pt x="1842" y="1740"/>
                  </a:lnTo>
                  <a:lnTo>
                    <a:pt x="1848" y="1742"/>
                  </a:lnTo>
                  <a:lnTo>
                    <a:pt x="1854" y="1746"/>
                  </a:lnTo>
                  <a:lnTo>
                    <a:pt x="1858" y="1752"/>
                  </a:lnTo>
                  <a:lnTo>
                    <a:pt x="1864" y="1758"/>
                  </a:lnTo>
                  <a:lnTo>
                    <a:pt x="1872" y="1766"/>
                  </a:lnTo>
                  <a:lnTo>
                    <a:pt x="1884" y="1776"/>
                  </a:lnTo>
                  <a:lnTo>
                    <a:pt x="1888" y="1782"/>
                  </a:lnTo>
                  <a:lnTo>
                    <a:pt x="1894" y="1780"/>
                  </a:lnTo>
                  <a:lnTo>
                    <a:pt x="1898" y="1782"/>
                  </a:lnTo>
                  <a:lnTo>
                    <a:pt x="1902" y="1788"/>
                  </a:lnTo>
                  <a:lnTo>
                    <a:pt x="1904" y="1794"/>
                  </a:lnTo>
                  <a:lnTo>
                    <a:pt x="1906" y="1796"/>
                  </a:lnTo>
                  <a:lnTo>
                    <a:pt x="1908" y="1798"/>
                  </a:lnTo>
                  <a:lnTo>
                    <a:pt x="1912" y="1798"/>
                  </a:lnTo>
                  <a:lnTo>
                    <a:pt x="1914" y="1796"/>
                  </a:lnTo>
                  <a:lnTo>
                    <a:pt x="1940" y="1776"/>
                  </a:lnTo>
                  <a:lnTo>
                    <a:pt x="1952" y="1766"/>
                  </a:lnTo>
                  <a:lnTo>
                    <a:pt x="1962" y="1758"/>
                  </a:lnTo>
                  <a:lnTo>
                    <a:pt x="1964" y="1752"/>
                  </a:lnTo>
                  <a:lnTo>
                    <a:pt x="1964" y="1744"/>
                  </a:lnTo>
                  <a:lnTo>
                    <a:pt x="1950" y="1690"/>
                  </a:lnTo>
                  <a:lnTo>
                    <a:pt x="1946" y="1684"/>
                  </a:lnTo>
                  <a:lnTo>
                    <a:pt x="1942" y="1678"/>
                  </a:lnTo>
                  <a:lnTo>
                    <a:pt x="1932" y="1666"/>
                  </a:lnTo>
                  <a:lnTo>
                    <a:pt x="1922" y="1650"/>
                  </a:lnTo>
                  <a:lnTo>
                    <a:pt x="1914" y="1636"/>
                  </a:lnTo>
                  <a:lnTo>
                    <a:pt x="1912" y="1632"/>
                  </a:lnTo>
                  <a:lnTo>
                    <a:pt x="1910" y="1626"/>
                  </a:lnTo>
                  <a:lnTo>
                    <a:pt x="1912" y="1620"/>
                  </a:lnTo>
                  <a:lnTo>
                    <a:pt x="1924" y="1612"/>
                  </a:lnTo>
                  <a:lnTo>
                    <a:pt x="1930" y="1608"/>
                  </a:lnTo>
                  <a:lnTo>
                    <a:pt x="1942" y="1606"/>
                  </a:lnTo>
                  <a:lnTo>
                    <a:pt x="1948" y="1606"/>
                  </a:lnTo>
                  <a:lnTo>
                    <a:pt x="1954" y="1610"/>
                  </a:lnTo>
                  <a:lnTo>
                    <a:pt x="1970" y="1620"/>
                  </a:lnTo>
                  <a:lnTo>
                    <a:pt x="1972" y="1622"/>
                  </a:lnTo>
                  <a:lnTo>
                    <a:pt x="1974" y="1620"/>
                  </a:lnTo>
                  <a:lnTo>
                    <a:pt x="1976" y="1620"/>
                  </a:lnTo>
                  <a:lnTo>
                    <a:pt x="1976" y="1616"/>
                  </a:lnTo>
                  <a:lnTo>
                    <a:pt x="1976" y="1614"/>
                  </a:lnTo>
                  <a:lnTo>
                    <a:pt x="1978" y="1606"/>
                  </a:lnTo>
                  <a:lnTo>
                    <a:pt x="1984" y="1604"/>
                  </a:lnTo>
                  <a:lnTo>
                    <a:pt x="2008" y="1598"/>
                  </a:lnTo>
                  <a:lnTo>
                    <a:pt x="2014" y="1594"/>
                  </a:lnTo>
                  <a:lnTo>
                    <a:pt x="2020" y="1590"/>
                  </a:lnTo>
                  <a:lnTo>
                    <a:pt x="2024" y="1586"/>
                  </a:lnTo>
                  <a:lnTo>
                    <a:pt x="2030" y="1586"/>
                  </a:lnTo>
                  <a:lnTo>
                    <a:pt x="2040" y="1586"/>
                  </a:lnTo>
                  <a:lnTo>
                    <a:pt x="2052" y="1582"/>
                  </a:lnTo>
                  <a:lnTo>
                    <a:pt x="2056" y="1580"/>
                  </a:lnTo>
                  <a:lnTo>
                    <a:pt x="2072" y="1572"/>
                  </a:lnTo>
                  <a:lnTo>
                    <a:pt x="2076" y="1570"/>
                  </a:lnTo>
                  <a:lnTo>
                    <a:pt x="2090" y="1562"/>
                  </a:lnTo>
                  <a:lnTo>
                    <a:pt x="2106" y="1550"/>
                  </a:lnTo>
                  <a:lnTo>
                    <a:pt x="2112" y="1546"/>
                  </a:lnTo>
                  <a:lnTo>
                    <a:pt x="2116" y="1540"/>
                  </a:lnTo>
                  <a:lnTo>
                    <a:pt x="2120" y="1534"/>
                  </a:lnTo>
                  <a:lnTo>
                    <a:pt x="2126" y="1520"/>
                  </a:lnTo>
                  <a:lnTo>
                    <a:pt x="2130" y="1514"/>
                  </a:lnTo>
                  <a:lnTo>
                    <a:pt x="2138" y="1500"/>
                  </a:lnTo>
                  <a:lnTo>
                    <a:pt x="2148" y="1484"/>
                  </a:lnTo>
                  <a:lnTo>
                    <a:pt x="2150" y="1478"/>
                  </a:lnTo>
                  <a:lnTo>
                    <a:pt x="2152" y="1470"/>
                  </a:lnTo>
                  <a:lnTo>
                    <a:pt x="2152" y="1466"/>
                  </a:lnTo>
                  <a:lnTo>
                    <a:pt x="2150" y="1460"/>
                  </a:lnTo>
                  <a:lnTo>
                    <a:pt x="2148" y="1454"/>
                  </a:lnTo>
                  <a:lnTo>
                    <a:pt x="2146" y="1448"/>
                  </a:lnTo>
                  <a:lnTo>
                    <a:pt x="2148" y="1444"/>
                  </a:lnTo>
                  <a:lnTo>
                    <a:pt x="2150" y="1438"/>
                  </a:lnTo>
                  <a:lnTo>
                    <a:pt x="2148" y="1432"/>
                  </a:lnTo>
                  <a:lnTo>
                    <a:pt x="2146" y="1426"/>
                  </a:lnTo>
                  <a:lnTo>
                    <a:pt x="2140" y="1412"/>
                  </a:lnTo>
                  <a:lnTo>
                    <a:pt x="2126" y="1378"/>
                  </a:lnTo>
                  <a:lnTo>
                    <a:pt x="2122" y="1366"/>
                  </a:lnTo>
                  <a:lnTo>
                    <a:pt x="2124" y="1360"/>
                  </a:lnTo>
                  <a:lnTo>
                    <a:pt x="2128" y="1354"/>
                  </a:lnTo>
                  <a:lnTo>
                    <a:pt x="2136" y="1346"/>
                  </a:lnTo>
                  <a:lnTo>
                    <a:pt x="2150" y="1338"/>
                  </a:lnTo>
                  <a:lnTo>
                    <a:pt x="2154" y="1334"/>
                  </a:lnTo>
                  <a:lnTo>
                    <a:pt x="2160" y="1330"/>
                  </a:lnTo>
                  <a:lnTo>
                    <a:pt x="2162" y="1326"/>
                  </a:lnTo>
                  <a:lnTo>
                    <a:pt x="2160" y="1322"/>
                  </a:lnTo>
                  <a:lnTo>
                    <a:pt x="2154" y="1322"/>
                  </a:lnTo>
                  <a:lnTo>
                    <a:pt x="2140" y="1322"/>
                  </a:lnTo>
                  <a:lnTo>
                    <a:pt x="2128" y="1322"/>
                  </a:lnTo>
                  <a:lnTo>
                    <a:pt x="2118" y="1322"/>
                  </a:lnTo>
                  <a:lnTo>
                    <a:pt x="2114" y="1320"/>
                  </a:lnTo>
                  <a:lnTo>
                    <a:pt x="2110" y="1314"/>
                  </a:lnTo>
                  <a:lnTo>
                    <a:pt x="2106" y="1308"/>
                  </a:lnTo>
                  <a:lnTo>
                    <a:pt x="2098" y="1296"/>
                  </a:lnTo>
                  <a:lnTo>
                    <a:pt x="2096" y="1294"/>
                  </a:lnTo>
                  <a:lnTo>
                    <a:pt x="2096" y="1292"/>
                  </a:lnTo>
                  <a:lnTo>
                    <a:pt x="2100" y="1288"/>
                  </a:lnTo>
                  <a:lnTo>
                    <a:pt x="2106" y="1286"/>
                  </a:lnTo>
                  <a:lnTo>
                    <a:pt x="2120" y="1278"/>
                  </a:lnTo>
                  <a:lnTo>
                    <a:pt x="2126" y="1276"/>
                  </a:lnTo>
                  <a:lnTo>
                    <a:pt x="2138" y="1266"/>
                  </a:lnTo>
                  <a:lnTo>
                    <a:pt x="2146" y="1258"/>
                  </a:lnTo>
                  <a:lnTo>
                    <a:pt x="2152" y="1254"/>
                  </a:lnTo>
                  <a:lnTo>
                    <a:pt x="2158" y="1252"/>
                  </a:lnTo>
                  <a:lnTo>
                    <a:pt x="2158" y="1254"/>
                  </a:lnTo>
                  <a:lnTo>
                    <a:pt x="2160" y="1254"/>
                  </a:lnTo>
                  <a:lnTo>
                    <a:pt x="2158" y="1260"/>
                  </a:lnTo>
                  <a:lnTo>
                    <a:pt x="2156" y="1266"/>
                  </a:lnTo>
                  <a:lnTo>
                    <a:pt x="2154" y="1272"/>
                  </a:lnTo>
                  <a:lnTo>
                    <a:pt x="2158" y="1278"/>
                  </a:lnTo>
                  <a:lnTo>
                    <a:pt x="2162" y="1280"/>
                  </a:lnTo>
                  <a:lnTo>
                    <a:pt x="2166" y="1282"/>
                  </a:lnTo>
                  <a:lnTo>
                    <a:pt x="2180" y="1280"/>
                  </a:lnTo>
                  <a:lnTo>
                    <a:pt x="2194" y="1274"/>
                  </a:lnTo>
                  <a:lnTo>
                    <a:pt x="2202" y="1274"/>
                  </a:lnTo>
                  <a:lnTo>
                    <a:pt x="2208" y="1276"/>
                  </a:lnTo>
                  <a:lnTo>
                    <a:pt x="2214" y="1278"/>
                  </a:lnTo>
                  <a:lnTo>
                    <a:pt x="2220" y="1284"/>
                  </a:lnTo>
                  <a:lnTo>
                    <a:pt x="2224" y="1290"/>
                  </a:lnTo>
                  <a:lnTo>
                    <a:pt x="2228" y="1294"/>
                  </a:lnTo>
                  <a:lnTo>
                    <a:pt x="2230" y="1306"/>
                  </a:lnTo>
                  <a:lnTo>
                    <a:pt x="2230" y="1320"/>
                  </a:lnTo>
                  <a:lnTo>
                    <a:pt x="2230" y="1332"/>
                  </a:lnTo>
                  <a:lnTo>
                    <a:pt x="2228" y="1348"/>
                  </a:lnTo>
                  <a:lnTo>
                    <a:pt x="2224" y="1362"/>
                  </a:lnTo>
                  <a:lnTo>
                    <a:pt x="2222" y="1366"/>
                  </a:lnTo>
                  <a:lnTo>
                    <a:pt x="2224" y="1368"/>
                  </a:lnTo>
                  <a:lnTo>
                    <a:pt x="2226" y="1370"/>
                  </a:lnTo>
                  <a:lnTo>
                    <a:pt x="2228" y="1370"/>
                  </a:lnTo>
                  <a:lnTo>
                    <a:pt x="2232" y="1370"/>
                  </a:lnTo>
                  <a:lnTo>
                    <a:pt x="2240" y="1370"/>
                  </a:lnTo>
                  <a:lnTo>
                    <a:pt x="2248" y="1366"/>
                  </a:lnTo>
                  <a:lnTo>
                    <a:pt x="2252" y="1364"/>
                  </a:lnTo>
                  <a:lnTo>
                    <a:pt x="2264" y="1356"/>
                  </a:lnTo>
                  <a:lnTo>
                    <a:pt x="2274" y="1346"/>
                  </a:lnTo>
                  <a:lnTo>
                    <a:pt x="2278" y="1340"/>
                  </a:lnTo>
                  <a:lnTo>
                    <a:pt x="2276" y="1334"/>
                  </a:lnTo>
                  <a:lnTo>
                    <a:pt x="2264" y="1308"/>
                  </a:lnTo>
                  <a:lnTo>
                    <a:pt x="2260" y="1296"/>
                  </a:lnTo>
                  <a:lnTo>
                    <a:pt x="2260" y="1284"/>
                  </a:lnTo>
                  <a:lnTo>
                    <a:pt x="2260" y="1280"/>
                  </a:lnTo>
                  <a:lnTo>
                    <a:pt x="2260" y="1268"/>
                  </a:lnTo>
                  <a:lnTo>
                    <a:pt x="2256" y="1256"/>
                  </a:lnTo>
                  <a:lnTo>
                    <a:pt x="2254" y="1250"/>
                  </a:lnTo>
                  <a:lnTo>
                    <a:pt x="2252" y="1244"/>
                  </a:lnTo>
                  <a:lnTo>
                    <a:pt x="2256" y="1238"/>
                  </a:lnTo>
                  <a:lnTo>
                    <a:pt x="2266" y="1228"/>
                  </a:lnTo>
                  <a:lnTo>
                    <a:pt x="2274" y="1220"/>
                  </a:lnTo>
                  <a:lnTo>
                    <a:pt x="2280" y="1216"/>
                  </a:lnTo>
                  <a:lnTo>
                    <a:pt x="2286" y="1214"/>
                  </a:lnTo>
                  <a:lnTo>
                    <a:pt x="2290" y="1216"/>
                  </a:lnTo>
                  <a:lnTo>
                    <a:pt x="2292" y="1218"/>
                  </a:lnTo>
                  <a:lnTo>
                    <a:pt x="2292" y="1222"/>
                  </a:lnTo>
                  <a:lnTo>
                    <a:pt x="2294" y="1224"/>
                  </a:lnTo>
                  <a:lnTo>
                    <a:pt x="2304" y="1224"/>
                  </a:lnTo>
                  <a:lnTo>
                    <a:pt x="2310" y="1222"/>
                  </a:lnTo>
                  <a:lnTo>
                    <a:pt x="2314" y="1218"/>
                  </a:lnTo>
                  <a:lnTo>
                    <a:pt x="2320" y="1216"/>
                  </a:lnTo>
                  <a:lnTo>
                    <a:pt x="2326" y="1218"/>
                  </a:lnTo>
                  <a:lnTo>
                    <a:pt x="2332" y="1220"/>
                  </a:lnTo>
                  <a:lnTo>
                    <a:pt x="2338" y="1222"/>
                  </a:lnTo>
                  <a:lnTo>
                    <a:pt x="2344" y="1218"/>
                  </a:lnTo>
                  <a:lnTo>
                    <a:pt x="2362" y="1200"/>
                  </a:lnTo>
                  <a:lnTo>
                    <a:pt x="2374" y="1188"/>
                  </a:lnTo>
                  <a:lnTo>
                    <a:pt x="2382" y="1180"/>
                  </a:lnTo>
                  <a:lnTo>
                    <a:pt x="2392" y="1168"/>
                  </a:lnTo>
                  <a:lnTo>
                    <a:pt x="2422" y="1132"/>
                  </a:lnTo>
                  <a:lnTo>
                    <a:pt x="2430" y="1118"/>
                  </a:lnTo>
                  <a:lnTo>
                    <a:pt x="2442" y="1094"/>
                  </a:lnTo>
                  <a:lnTo>
                    <a:pt x="2446" y="1086"/>
                  </a:lnTo>
                  <a:lnTo>
                    <a:pt x="2446" y="1078"/>
                  </a:lnTo>
                  <a:lnTo>
                    <a:pt x="2446" y="1056"/>
                  </a:lnTo>
                  <a:lnTo>
                    <a:pt x="2448" y="1040"/>
                  </a:lnTo>
                  <a:lnTo>
                    <a:pt x="2454" y="996"/>
                  </a:lnTo>
                  <a:lnTo>
                    <a:pt x="2456" y="980"/>
                  </a:lnTo>
                  <a:lnTo>
                    <a:pt x="2456" y="978"/>
                  </a:lnTo>
                  <a:lnTo>
                    <a:pt x="2454" y="970"/>
                  </a:lnTo>
                  <a:lnTo>
                    <a:pt x="2450" y="964"/>
                  </a:lnTo>
                  <a:lnTo>
                    <a:pt x="2442" y="956"/>
                  </a:lnTo>
                  <a:lnTo>
                    <a:pt x="2436" y="952"/>
                  </a:lnTo>
                  <a:lnTo>
                    <a:pt x="2430" y="954"/>
                  </a:lnTo>
                  <a:lnTo>
                    <a:pt x="2414" y="964"/>
                  </a:lnTo>
                  <a:lnTo>
                    <a:pt x="2406" y="968"/>
                  </a:lnTo>
                  <a:lnTo>
                    <a:pt x="2400" y="966"/>
                  </a:lnTo>
                  <a:lnTo>
                    <a:pt x="2394" y="964"/>
                  </a:lnTo>
                  <a:lnTo>
                    <a:pt x="2388" y="958"/>
                  </a:lnTo>
                  <a:lnTo>
                    <a:pt x="2384" y="952"/>
                  </a:lnTo>
                  <a:lnTo>
                    <a:pt x="2382" y="948"/>
                  </a:lnTo>
                  <a:lnTo>
                    <a:pt x="2378" y="942"/>
                  </a:lnTo>
                  <a:lnTo>
                    <a:pt x="2372" y="940"/>
                  </a:lnTo>
                  <a:lnTo>
                    <a:pt x="2370" y="938"/>
                  </a:lnTo>
                  <a:lnTo>
                    <a:pt x="2372" y="936"/>
                  </a:lnTo>
                  <a:lnTo>
                    <a:pt x="2384" y="924"/>
                  </a:lnTo>
                  <a:lnTo>
                    <a:pt x="2402" y="906"/>
                  </a:lnTo>
                  <a:lnTo>
                    <a:pt x="2412" y="896"/>
                  </a:lnTo>
                  <a:lnTo>
                    <a:pt x="2420" y="888"/>
                  </a:lnTo>
                  <a:lnTo>
                    <a:pt x="2424" y="882"/>
                  </a:lnTo>
                  <a:lnTo>
                    <a:pt x="2426" y="876"/>
                  </a:lnTo>
                  <a:lnTo>
                    <a:pt x="2428" y="872"/>
                  </a:lnTo>
                  <a:lnTo>
                    <a:pt x="2432" y="866"/>
                  </a:lnTo>
                  <a:lnTo>
                    <a:pt x="2490" y="808"/>
                  </a:lnTo>
                  <a:lnTo>
                    <a:pt x="2496" y="804"/>
                  </a:lnTo>
                  <a:lnTo>
                    <a:pt x="2504" y="802"/>
                  </a:lnTo>
                  <a:lnTo>
                    <a:pt x="2506" y="802"/>
                  </a:lnTo>
                  <a:lnTo>
                    <a:pt x="2522" y="802"/>
                  </a:lnTo>
                  <a:lnTo>
                    <a:pt x="2556" y="802"/>
                  </a:lnTo>
                  <a:lnTo>
                    <a:pt x="2564" y="802"/>
                  </a:lnTo>
                  <a:lnTo>
                    <a:pt x="2570" y="800"/>
                  </a:lnTo>
                  <a:lnTo>
                    <a:pt x="2576" y="796"/>
                  </a:lnTo>
                  <a:lnTo>
                    <a:pt x="2584" y="794"/>
                  </a:lnTo>
                  <a:lnTo>
                    <a:pt x="2590" y="796"/>
                  </a:lnTo>
                  <a:lnTo>
                    <a:pt x="2604" y="800"/>
                  </a:lnTo>
                  <a:lnTo>
                    <a:pt x="2610" y="804"/>
                  </a:lnTo>
                  <a:lnTo>
                    <a:pt x="2612" y="810"/>
                  </a:lnTo>
                  <a:lnTo>
                    <a:pt x="2612" y="814"/>
                  </a:lnTo>
                  <a:lnTo>
                    <a:pt x="2614" y="818"/>
                  </a:lnTo>
                  <a:lnTo>
                    <a:pt x="2614" y="820"/>
                  </a:lnTo>
                  <a:lnTo>
                    <a:pt x="2618" y="820"/>
                  </a:lnTo>
                  <a:lnTo>
                    <a:pt x="2620" y="822"/>
                  </a:lnTo>
                  <a:lnTo>
                    <a:pt x="2654" y="814"/>
                  </a:lnTo>
                  <a:lnTo>
                    <a:pt x="2666" y="812"/>
                  </a:lnTo>
                  <a:lnTo>
                    <a:pt x="2668" y="812"/>
                  </a:lnTo>
                  <a:lnTo>
                    <a:pt x="2666" y="808"/>
                  </a:lnTo>
                  <a:lnTo>
                    <a:pt x="2664" y="802"/>
                  </a:lnTo>
                  <a:lnTo>
                    <a:pt x="2664" y="796"/>
                  </a:lnTo>
                  <a:lnTo>
                    <a:pt x="2668" y="782"/>
                  </a:lnTo>
                  <a:lnTo>
                    <a:pt x="2674" y="766"/>
                  </a:lnTo>
                  <a:lnTo>
                    <a:pt x="2678" y="752"/>
                  </a:lnTo>
                  <a:lnTo>
                    <a:pt x="2682" y="746"/>
                  </a:lnTo>
                  <a:lnTo>
                    <a:pt x="2688" y="740"/>
                  </a:lnTo>
                  <a:lnTo>
                    <a:pt x="2704" y="730"/>
                  </a:lnTo>
                  <a:lnTo>
                    <a:pt x="2710" y="726"/>
                  </a:lnTo>
                  <a:lnTo>
                    <a:pt x="2718" y="726"/>
                  </a:lnTo>
                  <a:lnTo>
                    <a:pt x="2742" y="732"/>
                  </a:lnTo>
                  <a:lnTo>
                    <a:pt x="2748" y="736"/>
                  </a:lnTo>
                  <a:lnTo>
                    <a:pt x="2754" y="742"/>
                  </a:lnTo>
                  <a:lnTo>
                    <a:pt x="2756" y="746"/>
                  </a:lnTo>
                  <a:lnTo>
                    <a:pt x="2758" y="750"/>
                  </a:lnTo>
                  <a:lnTo>
                    <a:pt x="2760" y="750"/>
                  </a:lnTo>
                  <a:lnTo>
                    <a:pt x="2762" y="750"/>
                  </a:lnTo>
                  <a:lnTo>
                    <a:pt x="2764" y="748"/>
                  </a:lnTo>
                  <a:lnTo>
                    <a:pt x="2774" y="740"/>
                  </a:lnTo>
                  <a:lnTo>
                    <a:pt x="2786" y="730"/>
                  </a:lnTo>
                  <a:lnTo>
                    <a:pt x="2812" y="710"/>
                  </a:lnTo>
                  <a:lnTo>
                    <a:pt x="2814" y="708"/>
                  </a:lnTo>
                  <a:lnTo>
                    <a:pt x="2816" y="708"/>
                  </a:lnTo>
                  <a:lnTo>
                    <a:pt x="2818" y="710"/>
                  </a:lnTo>
                  <a:lnTo>
                    <a:pt x="2818" y="714"/>
                  </a:lnTo>
                  <a:lnTo>
                    <a:pt x="2818" y="736"/>
                  </a:lnTo>
                  <a:lnTo>
                    <a:pt x="2816" y="744"/>
                  </a:lnTo>
                  <a:lnTo>
                    <a:pt x="2812" y="750"/>
                  </a:lnTo>
                  <a:lnTo>
                    <a:pt x="2794" y="768"/>
                  </a:lnTo>
                  <a:lnTo>
                    <a:pt x="2782" y="778"/>
                  </a:lnTo>
                  <a:lnTo>
                    <a:pt x="2776" y="780"/>
                  </a:lnTo>
                  <a:lnTo>
                    <a:pt x="2770" y="784"/>
                  </a:lnTo>
                  <a:lnTo>
                    <a:pt x="2764" y="790"/>
                  </a:lnTo>
                  <a:lnTo>
                    <a:pt x="2754" y="806"/>
                  </a:lnTo>
                  <a:lnTo>
                    <a:pt x="2744" y="818"/>
                  </a:lnTo>
                  <a:lnTo>
                    <a:pt x="2736" y="826"/>
                  </a:lnTo>
                  <a:lnTo>
                    <a:pt x="2724" y="838"/>
                  </a:lnTo>
                  <a:lnTo>
                    <a:pt x="2716" y="846"/>
                  </a:lnTo>
                  <a:lnTo>
                    <a:pt x="2710" y="850"/>
                  </a:lnTo>
                  <a:lnTo>
                    <a:pt x="2706" y="852"/>
                  </a:lnTo>
                  <a:lnTo>
                    <a:pt x="2702" y="854"/>
                  </a:lnTo>
                  <a:lnTo>
                    <a:pt x="2698" y="860"/>
                  </a:lnTo>
                  <a:lnTo>
                    <a:pt x="2684" y="904"/>
                  </a:lnTo>
                  <a:lnTo>
                    <a:pt x="2682" y="910"/>
                  </a:lnTo>
                  <a:lnTo>
                    <a:pt x="2682" y="918"/>
                  </a:lnTo>
                  <a:lnTo>
                    <a:pt x="2700" y="1020"/>
                  </a:lnTo>
                  <a:lnTo>
                    <a:pt x="2700" y="1022"/>
                  </a:lnTo>
                  <a:lnTo>
                    <a:pt x="2702" y="1024"/>
                  </a:lnTo>
                  <a:lnTo>
                    <a:pt x="2704" y="1024"/>
                  </a:lnTo>
                  <a:lnTo>
                    <a:pt x="2706" y="1022"/>
                  </a:lnTo>
                  <a:lnTo>
                    <a:pt x="2726" y="996"/>
                  </a:lnTo>
                  <a:lnTo>
                    <a:pt x="2734" y="984"/>
                  </a:lnTo>
                  <a:lnTo>
                    <a:pt x="2744" y="972"/>
                  </a:lnTo>
                  <a:lnTo>
                    <a:pt x="2746" y="966"/>
                  </a:lnTo>
                  <a:lnTo>
                    <a:pt x="2754" y="952"/>
                  </a:lnTo>
                  <a:lnTo>
                    <a:pt x="2756" y="948"/>
                  </a:lnTo>
                  <a:lnTo>
                    <a:pt x="2760" y="940"/>
                  </a:lnTo>
                  <a:lnTo>
                    <a:pt x="2766" y="936"/>
                  </a:lnTo>
                  <a:lnTo>
                    <a:pt x="2772" y="934"/>
                  </a:lnTo>
                  <a:lnTo>
                    <a:pt x="2776" y="928"/>
                  </a:lnTo>
                  <a:lnTo>
                    <a:pt x="2778" y="922"/>
                  </a:lnTo>
                  <a:lnTo>
                    <a:pt x="2778" y="918"/>
                  </a:lnTo>
                  <a:lnTo>
                    <a:pt x="2780" y="912"/>
                  </a:lnTo>
                  <a:lnTo>
                    <a:pt x="2784" y="906"/>
                  </a:lnTo>
                  <a:lnTo>
                    <a:pt x="2788" y="900"/>
                  </a:lnTo>
                  <a:lnTo>
                    <a:pt x="2790" y="894"/>
                  </a:lnTo>
                  <a:lnTo>
                    <a:pt x="2796" y="870"/>
                  </a:lnTo>
                  <a:lnTo>
                    <a:pt x="2798" y="856"/>
                  </a:lnTo>
                  <a:lnTo>
                    <a:pt x="2796" y="854"/>
                  </a:lnTo>
                  <a:lnTo>
                    <a:pt x="2790" y="852"/>
                  </a:lnTo>
                  <a:lnTo>
                    <a:pt x="2786" y="852"/>
                  </a:lnTo>
                  <a:lnTo>
                    <a:pt x="2784" y="852"/>
                  </a:lnTo>
                  <a:lnTo>
                    <a:pt x="2782" y="850"/>
                  </a:lnTo>
                  <a:lnTo>
                    <a:pt x="2782" y="848"/>
                  </a:lnTo>
                  <a:lnTo>
                    <a:pt x="2782" y="844"/>
                  </a:lnTo>
                  <a:lnTo>
                    <a:pt x="2796" y="810"/>
                  </a:lnTo>
                  <a:lnTo>
                    <a:pt x="2798" y="804"/>
                  </a:lnTo>
                  <a:lnTo>
                    <a:pt x="2804" y="798"/>
                  </a:lnTo>
                  <a:lnTo>
                    <a:pt x="2816" y="790"/>
                  </a:lnTo>
                  <a:lnTo>
                    <a:pt x="2820" y="786"/>
                  </a:lnTo>
                  <a:lnTo>
                    <a:pt x="2832" y="784"/>
                  </a:lnTo>
                  <a:lnTo>
                    <a:pt x="2838" y="784"/>
                  </a:lnTo>
                  <a:lnTo>
                    <a:pt x="2842" y="788"/>
                  </a:lnTo>
                  <a:lnTo>
                    <a:pt x="2844" y="790"/>
                  </a:lnTo>
                  <a:lnTo>
                    <a:pt x="2848" y="790"/>
                  </a:lnTo>
                  <a:lnTo>
                    <a:pt x="2854" y="788"/>
                  </a:lnTo>
                  <a:lnTo>
                    <a:pt x="2870" y="770"/>
                  </a:lnTo>
                  <a:lnTo>
                    <a:pt x="2874" y="768"/>
                  </a:lnTo>
                  <a:lnTo>
                    <a:pt x="2876" y="768"/>
                  </a:lnTo>
                  <a:lnTo>
                    <a:pt x="2880" y="768"/>
                  </a:lnTo>
                  <a:lnTo>
                    <a:pt x="2882" y="770"/>
                  </a:lnTo>
                  <a:lnTo>
                    <a:pt x="2900" y="788"/>
                  </a:lnTo>
                  <a:lnTo>
                    <a:pt x="2902" y="790"/>
                  </a:lnTo>
                  <a:lnTo>
                    <a:pt x="2906" y="790"/>
                  </a:lnTo>
                  <a:lnTo>
                    <a:pt x="2908" y="788"/>
                  </a:lnTo>
                  <a:lnTo>
                    <a:pt x="2908" y="786"/>
                  </a:lnTo>
                  <a:lnTo>
                    <a:pt x="2914" y="772"/>
                  </a:lnTo>
                  <a:lnTo>
                    <a:pt x="2918" y="766"/>
                  </a:lnTo>
                  <a:lnTo>
                    <a:pt x="2924" y="764"/>
                  </a:lnTo>
                  <a:lnTo>
                    <a:pt x="2928" y="764"/>
                  </a:lnTo>
                  <a:lnTo>
                    <a:pt x="2934" y="762"/>
                  </a:lnTo>
                  <a:lnTo>
                    <a:pt x="2940" y="758"/>
                  </a:lnTo>
                  <a:lnTo>
                    <a:pt x="2960" y="732"/>
                  </a:lnTo>
                  <a:lnTo>
                    <a:pt x="2966" y="726"/>
                  </a:lnTo>
                  <a:lnTo>
                    <a:pt x="2972" y="722"/>
                  </a:lnTo>
                  <a:lnTo>
                    <a:pt x="2996" y="708"/>
                  </a:lnTo>
                  <a:lnTo>
                    <a:pt x="3004" y="706"/>
                  </a:lnTo>
                  <a:lnTo>
                    <a:pt x="3012" y="706"/>
                  </a:lnTo>
                  <a:lnTo>
                    <a:pt x="3016" y="706"/>
                  </a:lnTo>
                  <a:lnTo>
                    <a:pt x="3024" y="706"/>
                  </a:lnTo>
                  <a:lnTo>
                    <a:pt x="3030" y="708"/>
                  </a:lnTo>
                  <a:lnTo>
                    <a:pt x="3036" y="712"/>
                  </a:lnTo>
                  <a:lnTo>
                    <a:pt x="3042" y="712"/>
                  </a:lnTo>
                  <a:lnTo>
                    <a:pt x="3044" y="710"/>
                  </a:lnTo>
                  <a:lnTo>
                    <a:pt x="3044" y="698"/>
                  </a:lnTo>
                  <a:lnTo>
                    <a:pt x="3044" y="694"/>
                  </a:lnTo>
                  <a:lnTo>
                    <a:pt x="3040" y="678"/>
                  </a:lnTo>
                  <a:lnTo>
                    <a:pt x="3036" y="664"/>
                  </a:lnTo>
                  <a:lnTo>
                    <a:pt x="3032" y="656"/>
                  </a:lnTo>
                  <a:lnTo>
                    <a:pt x="3028" y="650"/>
                  </a:lnTo>
                  <a:lnTo>
                    <a:pt x="3020" y="642"/>
                  </a:lnTo>
                  <a:lnTo>
                    <a:pt x="3018" y="640"/>
                  </a:lnTo>
                  <a:lnTo>
                    <a:pt x="3018" y="638"/>
                  </a:lnTo>
                  <a:lnTo>
                    <a:pt x="3018" y="634"/>
                  </a:lnTo>
                  <a:lnTo>
                    <a:pt x="3022" y="634"/>
                  </a:lnTo>
                  <a:lnTo>
                    <a:pt x="3026" y="630"/>
                  </a:lnTo>
                  <a:lnTo>
                    <a:pt x="3040" y="624"/>
                  </a:lnTo>
                  <a:lnTo>
                    <a:pt x="3046" y="620"/>
                  </a:lnTo>
                  <a:close/>
                  <a:moveTo>
                    <a:pt x="420" y="930"/>
                  </a:moveTo>
                  <a:lnTo>
                    <a:pt x="420" y="930"/>
                  </a:lnTo>
                  <a:lnTo>
                    <a:pt x="414" y="924"/>
                  </a:lnTo>
                  <a:lnTo>
                    <a:pt x="410" y="920"/>
                  </a:lnTo>
                  <a:lnTo>
                    <a:pt x="414" y="924"/>
                  </a:lnTo>
                  <a:lnTo>
                    <a:pt x="420" y="930"/>
                  </a:lnTo>
                  <a:close/>
                  <a:moveTo>
                    <a:pt x="938" y="1244"/>
                  </a:moveTo>
                  <a:lnTo>
                    <a:pt x="938" y="1244"/>
                  </a:lnTo>
                  <a:lnTo>
                    <a:pt x="934" y="1238"/>
                  </a:lnTo>
                  <a:lnTo>
                    <a:pt x="928" y="1236"/>
                  </a:lnTo>
                  <a:lnTo>
                    <a:pt x="924" y="1234"/>
                  </a:lnTo>
                  <a:lnTo>
                    <a:pt x="914" y="1234"/>
                  </a:lnTo>
                  <a:lnTo>
                    <a:pt x="902" y="1238"/>
                  </a:lnTo>
                  <a:lnTo>
                    <a:pt x="896" y="1240"/>
                  </a:lnTo>
                  <a:lnTo>
                    <a:pt x="890" y="1242"/>
                  </a:lnTo>
                  <a:lnTo>
                    <a:pt x="882" y="1244"/>
                  </a:lnTo>
                  <a:lnTo>
                    <a:pt x="878" y="1244"/>
                  </a:lnTo>
                  <a:lnTo>
                    <a:pt x="864" y="1244"/>
                  </a:lnTo>
                  <a:lnTo>
                    <a:pt x="852" y="1240"/>
                  </a:lnTo>
                  <a:lnTo>
                    <a:pt x="848" y="1238"/>
                  </a:lnTo>
                  <a:lnTo>
                    <a:pt x="836" y="1234"/>
                  </a:lnTo>
                  <a:lnTo>
                    <a:pt x="822" y="1234"/>
                  </a:lnTo>
                  <a:lnTo>
                    <a:pt x="800" y="1234"/>
                  </a:lnTo>
                  <a:lnTo>
                    <a:pt x="786" y="1234"/>
                  </a:lnTo>
                  <a:lnTo>
                    <a:pt x="774" y="1234"/>
                  </a:lnTo>
                  <a:lnTo>
                    <a:pt x="770" y="1234"/>
                  </a:lnTo>
                  <a:lnTo>
                    <a:pt x="764" y="1236"/>
                  </a:lnTo>
                  <a:lnTo>
                    <a:pt x="758" y="1238"/>
                  </a:lnTo>
                  <a:lnTo>
                    <a:pt x="746" y="1248"/>
                  </a:lnTo>
                  <a:lnTo>
                    <a:pt x="740" y="1250"/>
                  </a:lnTo>
                  <a:lnTo>
                    <a:pt x="734" y="1250"/>
                  </a:lnTo>
                  <a:lnTo>
                    <a:pt x="728" y="1248"/>
                  </a:lnTo>
                  <a:lnTo>
                    <a:pt x="722" y="1244"/>
                  </a:lnTo>
                  <a:lnTo>
                    <a:pt x="716" y="1240"/>
                  </a:lnTo>
                  <a:lnTo>
                    <a:pt x="702" y="1236"/>
                  </a:lnTo>
                  <a:lnTo>
                    <a:pt x="696" y="1232"/>
                  </a:lnTo>
                  <a:lnTo>
                    <a:pt x="694" y="1226"/>
                  </a:lnTo>
                  <a:lnTo>
                    <a:pt x="694" y="1222"/>
                  </a:lnTo>
                  <a:lnTo>
                    <a:pt x="696" y="1214"/>
                  </a:lnTo>
                  <a:lnTo>
                    <a:pt x="700" y="1208"/>
                  </a:lnTo>
                  <a:lnTo>
                    <a:pt x="708" y="1200"/>
                  </a:lnTo>
                  <a:lnTo>
                    <a:pt x="714" y="1194"/>
                  </a:lnTo>
                  <a:lnTo>
                    <a:pt x="714" y="1186"/>
                  </a:lnTo>
                  <a:lnTo>
                    <a:pt x="714" y="1172"/>
                  </a:lnTo>
                  <a:lnTo>
                    <a:pt x="714" y="1166"/>
                  </a:lnTo>
                  <a:lnTo>
                    <a:pt x="718" y="1160"/>
                  </a:lnTo>
                  <a:lnTo>
                    <a:pt x="724" y="1156"/>
                  </a:lnTo>
                  <a:lnTo>
                    <a:pt x="728" y="1150"/>
                  </a:lnTo>
                  <a:lnTo>
                    <a:pt x="740" y="1142"/>
                  </a:lnTo>
                  <a:lnTo>
                    <a:pt x="746" y="1140"/>
                  </a:lnTo>
                  <a:lnTo>
                    <a:pt x="754" y="1136"/>
                  </a:lnTo>
                  <a:lnTo>
                    <a:pt x="760" y="1136"/>
                  </a:lnTo>
                  <a:lnTo>
                    <a:pt x="764" y="1136"/>
                  </a:lnTo>
                  <a:lnTo>
                    <a:pt x="772" y="1138"/>
                  </a:lnTo>
                  <a:lnTo>
                    <a:pt x="778" y="1140"/>
                  </a:lnTo>
                  <a:lnTo>
                    <a:pt x="780" y="1146"/>
                  </a:lnTo>
                  <a:lnTo>
                    <a:pt x="778" y="1150"/>
                  </a:lnTo>
                  <a:lnTo>
                    <a:pt x="776" y="1152"/>
                  </a:lnTo>
                  <a:lnTo>
                    <a:pt x="776" y="1156"/>
                  </a:lnTo>
                  <a:lnTo>
                    <a:pt x="778" y="1160"/>
                  </a:lnTo>
                  <a:lnTo>
                    <a:pt x="786" y="1170"/>
                  </a:lnTo>
                  <a:lnTo>
                    <a:pt x="792" y="1172"/>
                  </a:lnTo>
                  <a:lnTo>
                    <a:pt x="800" y="1172"/>
                  </a:lnTo>
                  <a:lnTo>
                    <a:pt x="824" y="1158"/>
                  </a:lnTo>
                  <a:lnTo>
                    <a:pt x="832" y="1156"/>
                  </a:lnTo>
                  <a:lnTo>
                    <a:pt x="838" y="1158"/>
                  </a:lnTo>
                  <a:lnTo>
                    <a:pt x="862" y="1164"/>
                  </a:lnTo>
                  <a:lnTo>
                    <a:pt x="870" y="1166"/>
                  </a:lnTo>
                  <a:lnTo>
                    <a:pt x="874" y="1172"/>
                  </a:lnTo>
                  <a:lnTo>
                    <a:pt x="886" y="1188"/>
                  </a:lnTo>
                  <a:lnTo>
                    <a:pt x="888" y="1194"/>
                  </a:lnTo>
                  <a:lnTo>
                    <a:pt x="890" y="1200"/>
                  </a:lnTo>
                  <a:lnTo>
                    <a:pt x="892" y="1204"/>
                  </a:lnTo>
                  <a:lnTo>
                    <a:pt x="894" y="1210"/>
                  </a:lnTo>
                  <a:lnTo>
                    <a:pt x="900" y="1212"/>
                  </a:lnTo>
                  <a:lnTo>
                    <a:pt x="908" y="1214"/>
                  </a:lnTo>
                  <a:lnTo>
                    <a:pt x="912" y="1214"/>
                  </a:lnTo>
                  <a:lnTo>
                    <a:pt x="918" y="1216"/>
                  </a:lnTo>
                  <a:lnTo>
                    <a:pt x="924" y="1218"/>
                  </a:lnTo>
                  <a:lnTo>
                    <a:pt x="932" y="1232"/>
                  </a:lnTo>
                  <a:lnTo>
                    <a:pt x="936" y="1236"/>
                  </a:lnTo>
                  <a:lnTo>
                    <a:pt x="938" y="1244"/>
                  </a:lnTo>
                  <a:close/>
                  <a:moveTo>
                    <a:pt x="1094" y="1156"/>
                  </a:moveTo>
                  <a:lnTo>
                    <a:pt x="1094" y="1156"/>
                  </a:lnTo>
                  <a:lnTo>
                    <a:pt x="1078" y="1156"/>
                  </a:lnTo>
                  <a:lnTo>
                    <a:pt x="1074" y="1156"/>
                  </a:lnTo>
                  <a:lnTo>
                    <a:pt x="1068" y="1156"/>
                  </a:lnTo>
                  <a:lnTo>
                    <a:pt x="1062" y="1160"/>
                  </a:lnTo>
                  <a:lnTo>
                    <a:pt x="1058" y="1166"/>
                  </a:lnTo>
                  <a:lnTo>
                    <a:pt x="1058" y="1172"/>
                  </a:lnTo>
                  <a:lnTo>
                    <a:pt x="1064" y="1196"/>
                  </a:lnTo>
                  <a:lnTo>
                    <a:pt x="1068" y="1204"/>
                  </a:lnTo>
                  <a:lnTo>
                    <a:pt x="1072" y="1210"/>
                  </a:lnTo>
                  <a:lnTo>
                    <a:pt x="1080" y="1218"/>
                  </a:lnTo>
                  <a:lnTo>
                    <a:pt x="1084" y="1224"/>
                  </a:lnTo>
                  <a:lnTo>
                    <a:pt x="1086" y="1232"/>
                  </a:lnTo>
                  <a:lnTo>
                    <a:pt x="1086" y="1256"/>
                  </a:lnTo>
                  <a:lnTo>
                    <a:pt x="1086" y="1264"/>
                  </a:lnTo>
                  <a:lnTo>
                    <a:pt x="1080" y="1266"/>
                  </a:lnTo>
                  <a:lnTo>
                    <a:pt x="1020" y="1278"/>
                  </a:lnTo>
                  <a:lnTo>
                    <a:pt x="1014" y="1278"/>
                  </a:lnTo>
                  <a:lnTo>
                    <a:pt x="1010" y="1276"/>
                  </a:lnTo>
                  <a:lnTo>
                    <a:pt x="1006" y="1274"/>
                  </a:lnTo>
                  <a:lnTo>
                    <a:pt x="1002" y="1278"/>
                  </a:lnTo>
                  <a:lnTo>
                    <a:pt x="998" y="1280"/>
                  </a:lnTo>
                  <a:lnTo>
                    <a:pt x="990" y="1282"/>
                  </a:lnTo>
                  <a:lnTo>
                    <a:pt x="982" y="1284"/>
                  </a:lnTo>
                  <a:lnTo>
                    <a:pt x="976" y="1284"/>
                  </a:lnTo>
                  <a:lnTo>
                    <a:pt x="972" y="1284"/>
                  </a:lnTo>
                  <a:lnTo>
                    <a:pt x="962" y="1278"/>
                  </a:lnTo>
                  <a:lnTo>
                    <a:pt x="958" y="1272"/>
                  </a:lnTo>
                  <a:lnTo>
                    <a:pt x="954" y="1268"/>
                  </a:lnTo>
                  <a:lnTo>
                    <a:pt x="954" y="1266"/>
                  </a:lnTo>
                  <a:lnTo>
                    <a:pt x="954" y="1264"/>
                  </a:lnTo>
                  <a:lnTo>
                    <a:pt x="960" y="1264"/>
                  </a:lnTo>
                  <a:lnTo>
                    <a:pt x="968" y="1262"/>
                  </a:lnTo>
                  <a:lnTo>
                    <a:pt x="976" y="1260"/>
                  </a:lnTo>
                  <a:lnTo>
                    <a:pt x="980" y="1256"/>
                  </a:lnTo>
                  <a:lnTo>
                    <a:pt x="986" y="1256"/>
                  </a:lnTo>
                  <a:lnTo>
                    <a:pt x="992" y="1258"/>
                  </a:lnTo>
                  <a:lnTo>
                    <a:pt x="996" y="1264"/>
                  </a:lnTo>
                  <a:lnTo>
                    <a:pt x="998" y="1268"/>
                  </a:lnTo>
                  <a:lnTo>
                    <a:pt x="998" y="1270"/>
                  </a:lnTo>
                  <a:lnTo>
                    <a:pt x="1002" y="1266"/>
                  </a:lnTo>
                  <a:lnTo>
                    <a:pt x="1004" y="1260"/>
                  </a:lnTo>
                  <a:lnTo>
                    <a:pt x="1012" y="1248"/>
                  </a:lnTo>
                  <a:lnTo>
                    <a:pt x="1022" y="1240"/>
                  </a:lnTo>
                  <a:lnTo>
                    <a:pt x="1024" y="1234"/>
                  </a:lnTo>
                  <a:lnTo>
                    <a:pt x="1024" y="1226"/>
                  </a:lnTo>
                  <a:lnTo>
                    <a:pt x="1010" y="1202"/>
                  </a:lnTo>
                  <a:lnTo>
                    <a:pt x="1002" y="1188"/>
                  </a:lnTo>
                  <a:lnTo>
                    <a:pt x="974" y="1152"/>
                  </a:lnTo>
                  <a:lnTo>
                    <a:pt x="970" y="1146"/>
                  </a:lnTo>
                  <a:lnTo>
                    <a:pt x="972" y="1138"/>
                  </a:lnTo>
                  <a:lnTo>
                    <a:pt x="984" y="1122"/>
                  </a:lnTo>
                  <a:lnTo>
                    <a:pt x="988" y="1118"/>
                  </a:lnTo>
                  <a:lnTo>
                    <a:pt x="994" y="1112"/>
                  </a:lnTo>
                  <a:lnTo>
                    <a:pt x="1000" y="1110"/>
                  </a:lnTo>
                  <a:lnTo>
                    <a:pt x="1006" y="1108"/>
                  </a:lnTo>
                  <a:lnTo>
                    <a:pt x="1012" y="1112"/>
                  </a:lnTo>
                  <a:lnTo>
                    <a:pt x="1018" y="1114"/>
                  </a:lnTo>
                  <a:lnTo>
                    <a:pt x="1026" y="1116"/>
                  </a:lnTo>
                  <a:lnTo>
                    <a:pt x="1048" y="1116"/>
                  </a:lnTo>
                  <a:lnTo>
                    <a:pt x="1064" y="1116"/>
                  </a:lnTo>
                  <a:lnTo>
                    <a:pt x="1078" y="1116"/>
                  </a:lnTo>
                  <a:lnTo>
                    <a:pt x="1084" y="1118"/>
                  </a:lnTo>
                  <a:lnTo>
                    <a:pt x="1090" y="1122"/>
                  </a:lnTo>
                  <a:lnTo>
                    <a:pt x="1110" y="1148"/>
                  </a:lnTo>
                  <a:lnTo>
                    <a:pt x="1112" y="1152"/>
                  </a:lnTo>
                  <a:lnTo>
                    <a:pt x="1112" y="1154"/>
                  </a:lnTo>
                  <a:lnTo>
                    <a:pt x="1110" y="1154"/>
                  </a:lnTo>
                  <a:lnTo>
                    <a:pt x="1108" y="1156"/>
                  </a:lnTo>
                  <a:lnTo>
                    <a:pt x="1094" y="1156"/>
                  </a:lnTo>
                  <a:close/>
                  <a:moveTo>
                    <a:pt x="1098" y="350"/>
                  </a:moveTo>
                  <a:lnTo>
                    <a:pt x="1098" y="350"/>
                  </a:lnTo>
                  <a:lnTo>
                    <a:pt x="1102" y="354"/>
                  </a:lnTo>
                  <a:lnTo>
                    <a:pt x="1106" y="358"/>
                  </a:lnTo>
                  <a:lnTo>
                    <a:pt x="1108" y="362"/>
                  </a:lnTo>
                  <a:lnTo>
                    <a:pt x="1112" y="366"/>
                  </a:lnTo>
                  <a:lnTo>
                    <a:pt x="1118" y="368"/>
                  </a:lnTo>
                  <a:lnTo>
                    <a:pt x="1124" y="372"/>
                  </a:lnTo>
                  <a:lnTo>
                    <a:pt x="1132" y="372"/>
                  </a:lnTo>
                  <a:lnTo>
                    <a:pt x="1156" y="372"/>
                  </a:lnTo>
                  <a:lnTo>
                    <a:pt x="1158" y="372"/>
                  </a:lnTo>
                  <a:lnTo>
                    <a:pt x="1160" y="370"/>
                  </a:lnTo>
                  <a:lnTo>
                    <a:pt x="1160" y="368"/>
                  </a:lnTo>
                  <a:lnTo>
                    <a:pt x="1158" y="366"/>
                  </a:lnTo>
                  <a:lnTo>
                    <a:pt x="1150" y="358"/>
                  </a:lnTo>
                  <a:lnTo>
                    <a:pt x="1146" y="352"/>
                  </a:lnTo>
                  <a:lnTo>
                    <a:pt x="1142" y="346"/>
                  </a:lnTo>
                  <a:lnTo>
                    <a:pt x="1128" y="302"/>
                  </a:lnTo>
                  <a:lnTo>
                    <a:pt x="1126" y="294"/>
                  </a:lnTo>
                  <a:lnTo>
                    <a:pt x="1128" y="286"/>
                  </a:lnTo>
                  <a:lnTo>
                    <a:pt x="1140" y="262"/>
                  </a:lnTo>
                  <a:lnTo>
                    <a:pt x="1148" y="248"/>
                  </a:lnTo>
                  <a:lnTo>
                    <a:pt x="1180" y="184"/>
                  </a:lnTo>
                  <a:lnTo>
                    <a:pt x="1184" y="178"/>
                  </a:lnTo>
                  <a:lnTo>
                    <a:pt x="1190" y="172"/>
                  </a:lnTo>
                  <a:lnTo>
                    <a:pt x="1216" y="152"/>
                  </a:lnTo>
                  <a:lnTo>
                    <a:pt x="1226" y="140"/>
                  </a:lnTo>
                  <a:lnTo>
                    <a:pt x="1238" y="124"/>
                  </a:lnTo>
                  <a:lnTo>
                    <a:pt x="1244" y="120"/>
                  </a:lnTo>
                  <a:lnTo>
                    <a:pt x="1250" y="116"/>
                  </a:lnTo>
                  <a:lnTo>
                    <a:pt x="1264" y="110"/>
                  </a:lnTo>
                  <a:lnTo>
                    <a:pt x="1278" y="104"/>
                  </a:lnTo>
                  <a:lnTo>
                    <a:pt x="1294" y="94"/>
                  </a:lnTo>
                  <a:lnTo>
                    <a:pt x="1306" y="84"/>
                  </a:lnTo>
                  <a:lnTo>
                    <a:pt x="1334" y="56"/>
                  </a:lnTo>
                  <a:lnTo>
                    <a:pt x="1338" y="50"/>
                  </a:lnTo>
                  <a:lnTo>
                    <a:pt x="1336" y="42"/>
                  </a:lnTo>
                  <a:lnTo>
                    <a:pt x="1334" y="38"/>
                  </a:lnTo>
                  <a:lnTo>
                    <a:pt x="1328" y="32"/>
                  </a:lnTo>
                  <a:lnTo>
                    <a:pt x="1322" y="30"/>
                  </a:lnTo>
                  <a:lnTo>
                    <a:pt x="1308" y="30"/>
                  </a:lnTo>
                  <a:lnTo>
                    <a:pt x="1302" y="32"/>
                  </a:lnTo>
                  <a:lnTo>
                    <a:pt x="1296" y="36"/>
                  </a:lnTo>
                  <a:lnTo>
                    <a:pt x="1286" y="44"/>
                  </a:lnTo>
                  <a:lnTo>
                    <a:pt x="1276" y="54"/>
                  </a:lnTo>
                  <a:lnTo>
                    <a:pt x="1270" y="58"/>
                  </a:lnTo>
                  <a:lnTo>
                    <a:pt x="1264" y="62"/>
                  </a:lnTo>
                  <a:lnTo>
                    <a:pt x="1250" y="66"/>
                  </a:lnTo>
                  <a:lnTo>
                    <a:pt x="1234" y="70"/>
                  </a:lnTo>
                  <a:lnTo>
                    <a:pt x="1220" y="70"/>
                  </a:lnTo>
                  <a:lnTo>
                    <a:pt x="1214" y="70"/>
                  </a:lnTo>
                  <a:lnTo>
                    <a:pt x="1208" y="74"/>
                  </a:lnTo>
                  <a:lnTo>
                    <a:pt x="1198" y="84"/>
                  </a:lnTo>
                  <a:lnTo>
                    <a:pt x="1188" y="94"/>
                  </a:lnTo>
                  <a:lnTo>
                    <a:pt x="1160" y="122"/>
                  </a:lnTo>
                  <a:lnTo>
                    <a:pt x="1146" y="132"/>
                  </a:lnTo>
                  <a:lnTo>
                    <a:pt x="1142" y="134"/>
                  </a:lnTo>
                  <a:lnTo>
                    <a:pt x="1136" y="140"/>
                  </a:lnTo>
                  <a:lnTo>
                    <a:pt x="1134" y="146"/>
                  </a:lnTo>
                  <a:lnTo>
                    <a:pt x="1134" y="160"/>
                  </a:lnTo>
                  <a:lnTo>
                    <a:pt x="1132" y="166"/>
                  </a:lnTo>
                  <a:lnTo>
                    <a:pt x="1128" y="170"/>
                  </a:lnTo>
                  <a:lnTo>
                    <a:pt x="1122" y="174"/>
                  </a:lnTo>
                  <a:lnTo>
                    <a:pt x="1116" y="178"/>
                  </a:lnTo>
                  <a:lnTo>
                    <a:pt x="1110" y="184"/>
                  </a:lnTo>
                  <a:lnTo>
                    <a:pt x="1100" y="200"/>
                  </a:lnTo>
                  <a:lnTo>
                    <a:pt x="1096" y="206"/>
                  </a:lnTo>
                  <a:lnTo>
                    <a:pt x="1096" y="214"/>
                  </a:lnTo>
                  <a:lnTo>
                    <a:pt x="1096" y="218"/>
                  </a:lnTo>
                  <a:lnTo>
                    <a:pt x="1094" y="226"/>
                  </a:lnTo>
                  <a:lnTo>
                    <a:pt x="1092" y="232"/>
                  </a:lnTo>
                  <a:lnTo>
                    <a:pt x="1090" y="238"/>
                  </a:lnTo>
                  <a:lnTo>
                    <a:pt x="1082" y="252"/>
                  </a:lnTo>
                  <a:lnTo>
                    <a:pt x="1080" y="258"/>
                  </a:lnTo>
                  <a:lnTo>
                    <a:pt x="1076" y="266"/>
                  </a:lnTo>
                  <a:lnTo>
                    <a:pt x="1076" y="272"/>
                  </a:lnTo>
                  <a:lnTo>
                    <a:pt x="1076" y="286"/>
                  </a:lnTo>
                  <a:lnTo>
                    <a:pt x="1074" y="294"/>
                  </a:lnTo>
                  <a:lnTo>
                    <a:pt x="1072" y="302"/>
                  </a:lnTo>
                  <a:lnTo>
                    <a:pt x="1070" y="306"/>
                  </a:lnTo>
                  <a:lnTo>
                    <a:pt x="1068" y="314"/>
                  </a:lnTo>
                  <a:lnTo>
                    <a:pt x="1068" y="322"/>
                  </a:lnTo>
                  <a:lnTo>
                    <a:pt x="1074" y="336"/>
                  </a:lnTo>
                  <a:lnTo>
                    <a:pt x="1078" y="342"/>
                  </a:lnTo>
                  <a:lnTo>
                    <a:pt x="1084" y="346"/>
                  </a:lnTo>
                  <a:lnTo>
                    <a:pt x="1098" y="350"/>
                  </a:lnTo>
                  <a:close/>
                  <a:moveTo>
                    <a:pt x="148" y="1002"/>
                  </a:moveTo>
                  <a:lnTo>
                    <a:pt x="148" y="1002"/>
                  </a:lnTo>
                  <a:lnTo>
                    <a:pt x="162" y="994"/>
                  </a:lnTo>
                  <a:lnTo>
                    <a:pt x="168" y="992"/>
                  </a:lnTo>
                  <a:lnTo>
                    <a:pt x="172" y="988"/>
                  </a:lnTo>
                  <a:lnTo>
                    <a:pt x="174" y="980"/>
                  </a:lnTo>
                  <a:lnTo>
                    <a:pt x="174" y="978"/>
                  </a:lnTo>
                  <a:lnTo>
                    <a:pt x="174" y="962"/>
                  </a:lnTo>
                  <a:lnTo>
                    <a:pt x="174" y="958"/>
                  </a:lnTo>
                  <a:lnTo>
                    <a:pt x="176" y="950"/>
                  </a:lnTo>
                  <a:lnTo>
                    <a:pt x="180" y="944"/>
                  </a:lnTo>
                  <a:lnTo>
                    <a:pt x="182" y="940"/>
                  </a:lnTo>
                  <a:lnTo>
                    <a:pt x="180" y="936"/>
                  </a:lnTo>
                  <a:lnTo>
                    <a:pt x="176" y="930"/>
                  </a:lnTo>
                  <a:lnTo>
                    <a:pt x="174" y="926"/>
                  </a:lnTo>
                  <a:lnTo>
                    <a:pt x="172" y="922"/>
                  </a:lnTo>
                  <a:lnTo>
                    <a:pt x="170" y="920"/>
                  </a:lnTo>
                  <a:lnTo>
                    <a:pt x="164" y="920"/>
                  </a:lnTo>
                  <a:lnTo>
                    <a:pt x="160" y="916"/>
                  </a:lnTo>
                  <a:lnTo>
                    <a:pt x="158" y="914"/>
                  </a:lnTo>
                  <a:lnTo>
                    <a:pt x="154" y="914"/>
                  </a:lnTo>
                  <a:lnTo>
                    <a:pt x="148" y="916"/>
                  </a:lnTo>
                  <a:lnTo>
                    <a:pt x="140" y="924"/>
                  </a:lnTo>
                  <a:lnTo>
                    <a:pt x="136" y="930"/>
                  </a:lnTo>
                  <a:lnTo>
                    <a:pt x="134" y="936"/>
                  </a:lnTo>
                  <a:lnTo>
                    <a:pt x="132" y="938"/>
                  </a:lnTo>
                  <a:lnTo>
                    <a:pt x="126" y="940"/>
                  </a:lnTo>
                  <a:lnTo>
                    <a:pt x="124" y="940"/>
                  </a:lnTo>
                  <a:lnTo>
                    <a:pt x="120" y="940"/>
                  </a:lnTo>
                  <a:lnTo>
                    <a:pt x="118" y="942"/>
                  </a:lnTo>
                  <a:lnTo>
                    <a:pt x="118" y="944"/>
                  </a:lnTo>
                  <a:lnTo>
                    <a:pt x="118" y="948"/>
                  </a:lnTo>
                  <a:lnTo>
                    <a:pt x="122" y="952"/>
                  </a:lnTo>
                  <a:lnTo>
                    <a:pt x="122" y="958"/>
                  </a:lnTo>
                  <a:lnTo>
                    <a:pt x="120" y="960"/>
                  </a:lnTo>
                  <a:lnTo>
                    <a:pt x="118" y="960"/>
                  </a:lnTo>
                  <a:lnTo>
                    <a:pt x="120" y="964"/>
                  </a:lnTo>
                  <a:lnTo>
                    <a:pt x="124" y="970"/>
                  </a:lnTo>
                  <a:lnTo>
                    <a:pt x="124" y="974"/>
                  </a:lnTo>
                  <a:lnTo>
                    <a:pt x="124" y="978"/>
                  </a:lnTo>
                  <a:lnTo>
                    <a:pt x="120" y="984"/>
                  </a:lnTo>
                  <a:lnTo>
                    <a:pt x="116" y="988"/>
                  </a:lnTo>
                  <a:lnTo>
                    <a:pt x="116" y="994"/>
                  </a:lnTo>
                  <a:lnTo>
                    <a:pt x="116" y="1004"/>
                  </a:lnTo>
                  <a:lnTo>
                    <a:pt x="116" y="1008"/>
                  </a:lnTo>
                  <a:lnTo>
                    <a:pt x="120" y="1012"/>
                  </a:lnTo>
                  <a:lnTo>
                    <a:pt x="126" y="1016"/>
                  </a:lnTo>
                  <a:lnTo>
                    <a:pt x="132" y="1014"/>
                  </a:lnTo>
                  <a:lnTo>
                    <a:pt x="148" y="1002"/>
                  </a:lnTo>
                  <a:close/>
                  <a:moveTo>
                    <a:pt x="1506" y="1812"/>
                  </a:moveTo>
                  <a:lnTo>
                    <a:pt x="1506" y="1812"/>
                  </a:lnTo>
                  <a:lnTo>
                    <a:pt x="1506" y="1828"/>
                  </a:lnTo>
                  <a:lnTo>
                    <a:pt x="1506" y="1832"/>
                  </a:lnTo>
                  <a:lnTo>
                    <a:pt x="1508" y="1836"/>
                  </a:lnTo>
                  <a:lnTo>
                    <a:pt x="1510" y="1838"/>
                  </a:lnTo>
                  <a:lnTo>
                    <a:pt x="1512" y="1840"/>
                  </a:lnTo>
                  <a:lnTo>
                    <a:pt x="1514" y="1840"/>
                  </a:lnTo>
                  <a:lnTo>
                    <a:pt x="1518" y="1840"/>
                  </a:lnTo>
                  <a:lnTo>
                    <a:pt x="1524" y="1838"/>
                  </a:lnTo>
                  <a:lnTo>
                    <a:pt x="1530" y="1834"/>
                  </a:lnTo>
                  <a:lnTo>
                    <a:pt x="1532" y="1828"/>
                  </a:lnTo>
                  <a:lnTo>
                    <a:pt x="1532" y="1822"/>
                  </a:lnTo>
                  <a:lnTo>
                    <a:pt x="1530" y="1816"/>
                  </a:lnTo>
                  <a:lnTo>
                    <a:pt x="1514" y="1806"/>
                  </a:lnTo>
                  <a:lnTo>
                    <a:pt x="1510" y="1804"/>
                  </a:lnTo>
                  <a:lnTo>
                    <a:pt x="1508" y="1804"/>
                  </a:lnTo>
                  <a:lnTo>
                    <a:pt x="1508" y="1806"/>
                  </a:lnTo>
                  <a:lnTo>
                    <a:pt x="1506" y="1808"/>
                  </a:lnTo>
                  <a:lnTo>
                    <a:pt x="1506" y="1812"/>
                  </a:lnTo>
                  <a:close/>
                  <a:moveTo>
                    <a:pt x="1910" y="1994"/>
                  </a:moveTo>
                  <a:lnTo>
                    <a:pt x="1910" y="1994"/>
                  </a:lnTo>
                  <a:lnTo>
                    <a:pt x="1904" y="1980"/>
                  </a:lnTo>
                  <a:lnTo>
                    <a:pt x="1892" y="1964"/>
                  </a:lnTo>
                  <a:lnTo>
                    <a:pt x="1884" y="1952"/>
                  </a:lnTo>
                  <a:lnTo>
                    <a:pt x="1872" y="1942"/>
                  </a:lnTo>
                  <a:lnTo>
                    <a:pt x="1846" y="1914"/>
                  </a:lnTo>
                  <a:lnTo>
                    <a:pt x="1832" y="1904"/>
                  </a:lnTo>
                  <a:lnTo>
                    <a:pt x="1826" y="1902"/>
                  </a:lnTo>
                  <a:lnTo>
                    <a:pt x="1812" y="1896"/>
                  </a:lnTo>
                  <a:lnTo>
                    <a:pt x="1808" y="1892"/>
                  </a:lnTo>
                  <a:lnTo>
                    <a:pt x="1800" y="1888"/>
                  </a:lnTo>
                  <a:lnTo>
                    <a:pt x="1796" y="1882"/>
                  </a:lnTo>
                  <a:lnTo>
                    <a:pt x="1784" y="1866"/>
                  </a:lnTo>
                  <a:lnTo>
                    <a:pt x="1780" y="1862"/>
                  </a:lnTo>
                  <a:lnTo>
                    <a:pt x="1772" y="1860"/>
                  </a:lnTo>
                  <a:lnTo>
                    <a:pt x="1768" y="1860"/>
                  </a:lnTo>
                  <a:lnTo>
                    <a:pt x="1766" y="1860"/>
                  </a:lnTo>
                  <a:lnTo>
                    <a:pt x="1764" y="1862"/>
                  </a:lnTo>
                  <a:lnTo>
                    <a:pt x="1762" y="1864"/>
                  </a:lnTo>
                  <a:lnTo>
                    <a:pt x="1762" y="1868"/>
                  </a:lnTo>
                  <a:lnTo>
                    <a:pt x="1768" y="1890"/>
                  </a:lnTo>
                  <a:lnTo>
                    <a:pt x="1772" y="1898"/>
                  </a:lnTo>
                  <a:lnTo>
                    <a:pt x="1776" y="1904"/>
                  </a:lnTo>
                  <a:lnTo>
                    <a:pt x="1784" y="1912"/>
                  </a:lnTo>
                  <a:lnTo>
                    <a:pt x="1796" y="1924"/>
                  </a:lnTo>
                  <a:lnTo>
                    <a:pt x="1804" y="1932"/>
                  </a:lnTo>
                  <a:lnTo>
                    <a:pt x="1814" y="1942"/>
                  </a:lnTo>
                  <a:lnTo>
                    <a:pt x="1824" y="1956"/>
                  </a:lnTo>
                  <a:lnTo>
                    <a:pt x="1836" y="1980"/>
                  </a:lnTo>
                  <a:lnTo>
                    <a:pt x="1840" y="1986"/>
                  </a:lnTo>
                  <a:lnTo>
                    <a:pt x="1846" y="1992"/>
                  </a:lnTo>
                  <a:lnTo>
                    <a:pt x="1862" y="2002"/>
                  </a:lnTo>
                  <a:lnTo>
                    <a:pt x="1876" y="2012"/>
                  </a:lnTo>
                  <a:lnTo>
                    <a:pt x="1892" y="2022"/>
                  </a:lnTo>
                  <a:lnTo>
                    <a:pt x="1898" y="2024"/>
                  </a:lnTo>
                  <a:lnTo>
                    <a:pt x="1906" y="2022"/>
                  </a:lnTo>
                  <a:lnTo>
                    <a:pt x="1910" y="2020"/>
                  </a:lnTo>
                  <a:lnTo>
                    <a:pt x="1916" y="2016"/>
                  </a:lnTo>
                  <a:lnTo>
                    <a:pt x="1916" y="2008"/>
                  </a:lnTo>
                  <a:lnTo>
                    <a:pt x="1910" y="1994"/>
                  </a:lnTo>
                  <a:close/>
                  <a:moveTo>
                    <a:pt x="1004" y="2148"/>
                  </a:moveTo>
                  <a:lnTo>
                    <a:pt x="1004" y="2148"/>
                  </a:lnTo>
                  <a:lnTo>
                    <a:pt x="998" y="2154"/>
                  </a:lnTo>
                  <a:lnTo>
                    <a:pt x="994" y="2160"/>
                  </a:lnTo>
                  <a:lnTo>
                    <a:pt x="982" y="2176"/>
                  </a:lnTo>
                  <a:lnTo>
                    <a:pt x="978" y="2182"/>
                  </a:lnTo>
                  <a:lnTo>
                    <a:pt x="970" y="2186"/>
                  </a:lnTo>
                  <a:lnTo>
                    <a:pt x="966" y="2188"/>
                  </a:lnTo>
                  <a:lnTo>
                    <a:pt x="954" y="2198"/>
                  </a:lnTo>
                  <a:lnTo>
                    <a:pt x="950" y="2202"/>
                  </a:lnTo>
                  <a:lnTo>
                    <a:pt x="950" y="2210"/>
                  </a:lnTo>
                  <a:lnTo>
                    <a:pt x="956" y="2234"/>
                  </a:lnTo>
                  <a:lnTo>
                    <a:pt x="958" y="2242"/>
                  </a:lnTo>
                  <a:lnTo>
                    <a:pt x="956" y="2248"/>
                  </a:lnTo>
                  <a:lnTo>
                    <a:pt x="952" y="2264"/>
                  </a:lnTo>
                  <a:lnTo>
                    <a:pt x="946" y="2278"/>
                  </a:lnTo>
                  <a:lnTo>
                    <a:pt x="942" y="2284"/>
                  </a:lnTo>
                  <a:lnTo>
                    <a:pt x="940" y="2290"/>
                  </a:lnTo>
                  <a:lnTo>
                    <a:pt x="938" y="2298"/>
                  </a:lnTo>
                  <a:lnTo>
                    <a:pt x="938" y="2302"/>
                  </a:lnTo>
                  <a:lnTo>
                    <a:pt x="938" y="2318"/>
                  </a:lnTo>
                  <a:lnTo>
                    <a:pt x="938" y="2322"/>
                  </a:lnTo>
                  <a:lnTo>
                    <a:pt x="940" y="2328"/>
                  </a:lnTo>
                  <a:lnTo>
                    <a:pt x="944" y="2336"/>
                  </a:lnTo>
                  <a:lnTo>
                    <a:pt x="952" y="2344"/>
                  </a:lnTo>
                  <a:lnTo>
                    <a:pt x="958" y="2346"/>
                  </a:lnTo>
                  <a:lnTo>
                    <a:pt x="966" y="2346"/>
                  </a:lnTo>
                  <a:lnTo>
                    <a:pt x="970" y="2342"/>
                  </a:lnTo>
                  <a:lnTo>
                    <a:pt x="978" y="2340"/>
                  </a:lnTo>
                  <a:lnTo>
                    <a:pt x="986" y="2340"/>
                  </a:lnTo>
                  <a:lnTo>
                    <a:pt x="990" y="2340"/>
                  </a:lnTo>
                  <a:lnTo>
                    <a:pt x="996" y="2338"/>
                  </a:lnTo>
                  <a:lnTo>
                    <a:pt x="1000" y="2332"/>
                  </a:lnTo>
                  <a:lnTo>
                    <a:pt x="1034" y="2210"/>
                  </a:lnTo>
                  <a:lnTo>
                    <a:pt x="1036" y="2194"/>
                  </a:lnTo>
                  <a:lnTo>
                    <a:pt x="1036" y="2190"/>
                  </a:lnTo>
                  <a:lnTo>
                    <a:pt x="1036" y="2174"/>
                  </a:lnTo>
                  <a:lnTo>
                    <a:pt x="1036" y="2160"/>
                  </a:lnTo>
                  <a:lnTo>
                    <a:pt x="1036" y="2154"/>
                  </a:lnTo>
                  <a:lnTo>
                    <a:pt x="1034" y="2146"/>
                  </a:lnTo>
                  <a:lnTo>
                    <a:pt x="1030" y="2140"/>
                  </a:lnTo>
                  <a:lnTo>
                    <a:pt x="1028" y="2138"/>
                  </a:lnTo>
                  <a:lnTo>
                    <a:pt x="1026" y="2136"/>
                  </a:lnTo>
                  <a:lnTo>
                    <a:pt x="1024" y="2136"/>
                  </a:lnTo>
                  <a:lnTo>
                    <a:pt x="1020" y="2138"/>
                  </a:lnTo>
                  <a:lnTo>
                    <a:pt x="1004" y="2148"/>
                  </a:lnTo>
                  <a:close/>
                  <a:moveTo>
                    <a:pt x="184" y="906"/>
                  </a:moveTo>
                  <a:lnTo>
                    <a:pt x="184" y="906"/>
                  </a:lnTo>
                  <a:lnTo>
                    <a:pt x="186" y="902"/>
                  </a:lnTo>
                  <a:lnTo>
                    <a:pt x="188" y="900"/>
                  </a:lnTo>
                  <a:lnTo>
                    <a:pt x="192" y="902"/>
                  </a:lnTo>
                  <a:lnTo>
                    <a:pt x="194" y="908"/>
                  </a:lnTo>
                  <a:lnTo>
                    <a:pt x="194" y="912"/>
                  </a:lnTo>
                  <a:lnTo>
                    <a:pt x="194" y="926"/>
                  </a:lnTo>
                  <a:lnTo>
                    <a:pt x="194" y="928"/>
                  </a:lnTo>
                  <a:lnTo>
                    <a:pt x="198" y="930"/>
                  </a:lnTo>
                  <a:lnTo>
                    <a:pt x="208" y="930"/>
                  </a:lnTo>
                  <a:lnTo>
                    <a:pt x="212" y="932"/>
                  </a:lnTo>
                  <a:lnTo>
                    <a:pt x="218" y="934"/>
                  </a:lnTo>
                  <a:lnTo>
                    <a:pt x="222" y="940"/>
                  </a:lnTo>
                  <a:lnTo>
                    <a:pt x="222" y="944"/>
                  </a:lnTo>
                  <a:lnTo>
                    <a:pt x="222" y="954"/>
                  </a:lnTo>
                  <a:lnTo>
                    <a:pt x="220" y="960"/>
                  </a:lnTo>
                  <a:lnTo>
                    <a:pt x="216" y="964"/>
                  </a:lnTo>
                  <a:lnTo>
                    <a:pt x="210" y="966"/>
                  </a:lnTo>
                  <a:lnTo>
                    <a:pt x="198" y="974"/>
                  </a:lnTo>
                  <a:lnTo>
                    <a:pt x="196" y="978"/>
                  </a:lnTo>
                  <a:lnTo>
                    <a:pt x="198" y="980"/>
                  </a:lnTo>
                  <a:lnTo>
                    <a:pt x="202" y="980"/>
                  </a:lnTo>
                  <a:lnTo>
                    <a:pt x="204" y="984"/>
                  </a:lnTo>
                  <a:lnTo>
                    <a:pt x="202" y="988"/>
                  </a:lnTo>
                  <a:lnTo>
                    <a:pt x="198" y="994"/>
                  </a:lnTo>
                  <a:lnTo>
                    <a:pt x="194" y="998"/>
                  </a:lnTo>
                  <a:lnTo>
                    <a:pt x="194" y="1004"/>
                  </a:lnTo>
                  <a:lnTo>
                    <a:pt x="194" y="1008"/>
                  </a:lnTo>
                  <a:lnTo>
                    <a:pt x="198" y="1008"/>
                  </a:lnTo>
                  <a:lnTo>
                    <a:pt x="208" y="1008"/>
                  </a:lnTo>
                  <a:lnTo>
                    <a:pt x="210" y="1010"/>
                  </a:lnTo>
                  <a:lnTo>
                    <a:pt x="210" y="1016"/>
                  </a:lnTo>
                  <a:lnTo>
                    <a:pt x="206" y="1020"/>
                  </a:lnTo>
                  <a:lnTo>
                    <a:pt x="202" y="1028"/>
                  </a:lnTo>
                  <a:lnTo>
                    <a:pt x="196" y="1032"/>
                  </a:lnTo>
                  <a:lnTo>
                    <a:pt x="190" y="1034"/>
                  </a:lnTo>
                  <a:lnTo>
                    <a:pt x="186" y="1038"/>
                  </a:lnTo>
                  <a:lnTo>
                    <a:pt x="184" y="1042"/>
                  </a:lnTo>
                  <a:lnTo>
                    <a:pt x="186" y="1046"/>
                  </a:lnTo>
                  <a:lnTo>
                    <a:pt x="188" y="1048"/>
                  </a:lnTo>
                  <a:lnTo>
                    <a:pt x="192" y="1046"/>
                  </a:lnTo>
                  <a:lnTo>
                    <a:pt x="194" y="1042"/>
                  </a:lnTo>
                  <a:lnTo>
                    <a:pt x="194" y="1040"/>
                  </a:lnTo>
                  <a:lnTo>
                    <a:pt x="198" y="1038"/>
                  </a:lnTo>
                  <a:lnTo>
                    <a:pt x="208" y="1038"/>
                  </a:lnTo>
                  <a:lnTo>
                    <a:pt x="212" y="1036"/>
                  </a:lnTo>
                  <a:lnTo>
                    <a:pt x="218" y="1034"/>
                  </a:lnTo>
                  <a:lnTo>
                    <a:pt x="222" y="1032"/>
                  </a:lnTo>
                  <a:lnTo>
                    <a:pt x="228" y="1034"/>
                  </a:lnTo>
                  <a:lnTo>
                    <a:pt x="232" y="1036"/>
                  </a:lnTo>
                  <a:lnTo>
                    <a:pt x="238" y="1034"/>
                  </a:lnTo>
                  <a:lnTo>
                    <a:pt x="244" y="1030"/>
                  </a:lnTo>
                  <a:lnTo>
                    <a:pt x="250" y="1028"/>
                  </a:lnTo>
                  <a:lnTo>
                    <a:pt x="254" y="1028"/>
                  </a:lnTo>
                  <a:lnTo>
                    <a:pt x="262" y="1028"/>
                  </a:lnTo>
                  <a:lnTo>
                    <a:pt x="268" y="1024"/>
                  </a:lnTo>
                  <a:lnTo>
                    <a:pt x="274" y="1022"/>
                  </a:lnTo>
                  <a:lnTo>
                    <a:pt x="280" y="1018"/>
                  </a:lnTo>
                  <a:lnTo>
                    <a:pt x="282" y="1014"/>
                  </a:lnTo>
                  <a:lnTo>
                    <a:pt x="282" y="1008"/>
                  </a:lnTo>
                  <a:lnTo>
                    <a:pt x="286" y="1004"/>
                  </a:lnTo>
                  <a:lnTo>
                    <a:pt x="290" y="998"/>
                  </a:lnTo>
                  <a:lnTo>
                    <a:pt x="290" y="990"/>
                  </a:lnTo>
                  <a:lnTo>
                    <a:pt x="290" y="988"/>
                  </a:lnTo>
                  <a:lnTo>
                    <a:pt x="290" y="982"/>
                  </a:lnTo>
                  <a:lnTo>
                    <a:pt x="286" y="980"/>
                  </a:lnTo>
                  <a:lnTo>
                    <a:pt x="276" y="980"/>
                  </a:lnTo>
                  <a:lnTo>
                    <a:pt x="272" y="978"/>
                  </a:lnTo>
                  <a:lnTo>
                    <a:pt x="272" y="974"/>
                  </a:lnTo>
                  <a:lnTo>
                    <a:pt x="272" y="964"/>
                  </a:lnTo>
                  <a:lnTo>
                    <a:pt x="268" y="952"/>
                  </a:lnTo>
                  <a:lnTo>
                    <a:pt x="266" y="946"/>
                  </a:lnTo>
                  <a:lnTo>
                    <a:pt x="256" y="934"/>
                  </a:lnTo>
                  <a:lnTo>
                    <a:pt x="252" y="930"/>
                  </a:lnTo>
                  <a:lnTo>
                    <a:pt x="250" y="922"/>
                  </a:lnTo>
                  <a:lnTo>
                    <a:pt x="244" y="908"/>
                  </a:lnTo>
                  <a:lnTo>
                    <a:pt x="242" y="902"/>
                  </a:lnTo>
                  <a:lnTo>
                    <a:pt x="238" y="900"/>
                  </a:lnTo>
                  <a:lnTo>
                    <a:pt x="232" y="900"/>
                  </a:lnTo>
                  <a:lnTo>
                    <a:pt x="228" y="896"/>
                  </a:lnTo>
                  <a:lnTo>
                    <a:pt x="226" y="890"/>
                  </a:lnTo>
                  <a:lnTo>
                    <a:pt x="226" y="884"/>
                  </a:lnTo>
                  <a:lnTo>
                    <a:pt x="228" y="878"/>
                  </a:lnTo>
                  <a:lnTo>
                    <a:pt x="232" y="866"/>
                  </a:lnTo>
                  <a:lnTo>
                    <a:pt x="234" y="862"/>
                  </a:lnTo>
                  <a:lnTo>
                    <a:pt x="238" y="856"/>
                  </a:lnTo>
                  <a:lnTo>
                    <a:pt x="238" y="854"/>
                  </a:lnTo>
                  <a:lnTo>
                    <a:pt x="238" y="852"/>
                  </a:lnTo>
                  <a:lnTo>
                    <a:pt x="236" y="848"/>
                  </a:lnTo>
                  <a:lnTo>
                    <a:pt x="230" y="846"/>
                  </a:lnTo>
                  <a:lnTo>
                    <a:pt x="224" y="844"/>
                  </a:lnTo>
                  <a:lnTo>
                    <a:pt x="218" y="846"/>
                  </a:lnTo>
                  <a:lnTo>
                    <a:pt x="212" y="848"/>
                  </a:lnTo>
                  <a:lnTo>
                    <a:pt x="208" y="846"/>
                  </a:lnTo>
                  <a:lnTo>
                    <a:pt x="206" y="840"/>
                  </a:lnTo>
                  <a:lnTo>
                    <a:pt x="206" y="834"/>
                  </a:lnTo>
                  <a:lnTo>
                    <a:pt x="210" y="830"/>
                  </a:lnTo>
                  <a:lnTo>
                    <a:pt x="210" y="824"/>
                  </a:lnTo>
                  <a:lnTo>
                    <a:pt x="210" y="822"/>
                  </a:lnTo>
                  <a:lnTo>
                    <a:pt x="208" y="822"/>
                  </a:lnTo>
                  <a:lnTo>
                    <a:pt x="198" y="822"/>
                  </a:lnTo>
                  <a:lnTo>
                    <a:pt x="194" y="824"/>
                  </a:lnTo>
                  <a:lnTo>
                    <a:pt x="190" y="830"/>
                  </a:lnTo>
                  <a:lnTo>
                    <a:pt x="188" y="834"/>
                  </a:lnTo>
                  <a:lnTo>
                    <a:pt x="178" y="846"/>
                  </a:lnTo>
                  <a:lnTo>
                    <a:pt x="176" y="852"/>
                  </a:lnTo>
                  <a:lnTo>
                    <a:pt x="174" y="856"/>
                  </a:lnTo>
                  <a:lnTo>
                    <a:pt x="174" y="866"/>
                  </a:lnTo>
                  <a:lnTo>
                    <a:pt x="174" y="876"/>
                  </a:lnTo>
                  <a:lnTo>
                    <a:pt x="174" y="888"/>
                  </a:lnTo>
                  <a:lnTo>
                    <a:pt x="174" y="892"/>
                  </a:lnTo>
                  <a:lnTo>
                    <a:pt x="176" y="900"/>
                  </a:lnTo>
                  <a:lnTo>
                    <a:pt x="178" y="906"/>
                  </a:lnTo>
                  <a:lnTo>
                    <a:pt x="182" y="908"/>
                  </a:lnTo>
                  <a:lnTo>
                    <a:pt x="184" y="906"/>
                  </a:lnTo>
                  <a:close/>
                  <a:moveTo>
                    <a:pt x="3012" y="2570"/>
                  </a:moveTo>
                  <a:lnTo>
                    <a:pt x="3012" y="2570"/>
                  </a:lnTo>
                  <a:lnTo>
                    <a:pt x="3004" y="2572"/>
                  </a:lnTo>
                  <a:lnTo>
                    <a:pt x="2996" y="2570"/>
                  </a:lnTo>
                  <a:lnTo>
                    <a:pt x="2992" y="2568"/>
                  </a:lnTo>
                  <a:lnTo>
                    <a:pt x="2986" y="2562"/>
                  </a:lnTo>
                  <a:lnTo>
                    <a:pt x="2980" y="2556"/>
                  </a:lnTo>
                  <a:lnTo>
                    <a:pt x="2978" y="2552"/>
                  </a:lnTo>
                  <a:lnTo>
                    <a:pt x="2976" y="2544"/>
                  </a:lnTo>
                  <a:lnTo>
                    <a:pt x="2974" y="2536"/>
                  </a:lnTo>
                  <a:lnTo>
                    <a:pt x="2974" y="2532"/>
                  </a:lnTo>
                  <a:lnTo>
                    <a:pt x="2972" y="2526"/>
                  </a:lnTo>
                  <a:lnTo>
                    <a:pt x="2968" y="2522"/>
                  </a:lnTo>
                  <a:lnTo>
                    <a:pt x="2962" y="2518"/>
                  </a:lnTo>
                  <a:lnTo>
                    <a:pt x="2958" y="2518"/>
                  </a:lnTo>
                  <a:lnTo>
                    <a:pt x="2958" y="2522"/>
                  </a:lnTo>
                  <a:lnTo>
                    <a:pt x="2970" y="2548"/>
                  </a:lnTo>
                  <a:lnTo>
                    <a:pt x="2974" y="2554"/>
                  </a:lnTo>
                  <a:lnTo>
                    <a:pt x="2974" y="2562"/>
                  </a:lnTo>
                  <a:lnTo>
                    <a:pt x="2974" y="2566"/>
                  </a:lnTo>
                  <a:lnTo>
                    <a:pt x="2974" y="2574"/>
                  </a:lnTo>
                  <a:lnTo>
                    <a:pt x="2970" y="2580"/>
                  </a:lnTo>
                  <a:lnTo>
                    <a:pt x="2960" y="2596"/>
                  </a:lnTo>
                  <a:lnTo>
                    <a:pt x="2958" y="2600"/>
                  </a:lnTo>
                  <a:lnTo>
                    <a:pt x="2958" y="2602"/>
                  </a:lnTo>
                  <a:lnTo>
                    <a:pt x="2960" y="2604"/>
                  </a:lnTo>
                  <a:lnTo>
                    <a:pt x="2962" y="2606"/>
                  </a:lnTo>
                  <a:lnTo>
                    <a:pt x="2968" y="2610"/>
                  </a:lnTo>
                  <a:lnTo>
                    <a:pt x="2972" y="2614"/>
                  </a:lnTo>
                  <a:lnTo>
                    <a:pt x="2974" y="2620"/>
                  </a:lnTo>
                  <a:lnTo>
                    <a:pt x="2974" y="2624"/>
                  </a:lnTo>
                  <a:lnTo>
                    <a:pt x="2976" y="2632"/>
                  </a:lnTo>
                  <a:lnTo>
                    <a:pt x="2980" y="2638"/>
                  </a:lnTo>
                  <a:lnTo>
                    <a:pt x="2982" y="2638"/>
                  </a:lnTo>
                  <a:lnTo>
                    <a:pt x="2984" y="2638"/>
                  </a:lnTo>
                  <a:lnTo>
                    <a:pt x="2990" y="2636"/>
                  </a:lnTo>
                  <a:lnTo>
                    <a:pt x="2998" y="2628"/>
                  </a:lnTo>
                  <a:lnTo>
                    <a:pt x="3002" y="2622"/>
                  </a:lnTo>
                  <a:lnTo>
                    <a:pt x="3004" y="2614"/>
                  </a:lnTo>
                  <a:lnTo>
                    <a:pt x="3004" y="2610"/>
                  </a:lnTo>
                  <a:lnTo>
                    <a:pt x="3006" y="2604"/>
                  </a:lnTo>
                  <a:lnTo>
                    <a:pt x="3008" y="2598"/>
                  </a:lnTo>
                  <a:lnTo>
                    <a:pt x="3018" y="2588"/>
                  </a:lnTo>
                  <a:lnTo>
                    <a:pt x="3028" y="2578"/>
                  </a:lnTo>
                  <a:lnTo>
                    <a:pt x="3030" y="2574"/>
                  </a:lnTo>
                  <a:lnTo>
                    <a:pt x="3028" y="2568"/>
                  </a:lnTo>
                  <a:lnTo>
                    <a:pt x="3024" y="2566"/>
                  </a:lnTo>
                  <a:lnTo>
                    <a:pt x="3016" y="2568"/>
                  </a:lnTo>
                  <a:lnTo>
                    <a:pt x="3012" y="2570"/>
                  </a:lnTo>
                  <a:close/>
                  <a:moveTo>
                    <a:pt x="490" y="1328"/>
                  </a:moveTo>
                  <a:lnTo>
                    <a:pt x="490" y="1328"/>
                  </a:lnTo>
                  <a:lnTo>
                    <a:pt x="494" y="1328"/>
                  </a:lnTo>
                  <a:lnTo>
                    <a:pt x="496" y="1328"/>
                  </a:lnTo>
                  <a:lnTo>
                    <a:pt x="498" y="1326"/>
                  </a:lnTo>
                  <a:lnTo>
                    <a:pt x="498" y="1324"/>
                  </a:lnTo>
                  <a:lnTo>
                    <a:pt x="498" y="1320"/>
                  </a:lnTo>
                  <a:lnTo>
                    <a:pt x="498" y="1306"/>
                  </a:lnTo>
                  <a:lnTo>
                    <a:pt x="496" y="1304"/>
                  </a:lnTo>
                  <a:lnTo>
                    <a:pt x="490" y="1302"/>
                  </a:lnTo>
                  <a:lnTo>
                    <a:pt x="486" y="1302"/>
                  </a:lnTo>
                  <a:lnTo>
                    <a:pt x="470" y="1304"/>
                  </a:lnTo>
                  <a:lnTo>
                    <a:pt x="456" y="1310"/>
                  </a:lnTo>
                  <a:lnTo>
                    <a:pt x="454" y="1312"/>
                  </a:lnTo>
                  <a:lnTo>
                    <a:pt x="456" y="1314"/>
                  </a:lnTo>
                  <a:lnTo>
                    <a:pt x="470" y="1320"/>
                  </a:lnTo>
                  <a:lnTo>
                    <a:pt x="486" y="1326"/>
                  </a:lnTo>
                  <a:lnTo>
                    <a:pt x="490" y="1328"/>
                  </a:lnTo>
                  <a:close/>
                  <a:moveTo>
                    <a:pt x="2940" y="2636"/>
                  </a:moveTo>
                  <a:lnTo>
                    <a:pt x="2940" y="2636"/>
                  </a:lnTo>
                  <a:lnTo>
                    <a:pt x="2938" y="2636"/>
                  </a:lnTo>
                  <a:lnTo>
                    <a:pt x="2936" y="2636"/>
                  </a:lnTo>
                  <a:lnTo>
                    <a:pt x="2932" y="2640"/>
                  </a:lnTo>
                  <a:lnTo>
                    <a:pt x="2928" y="2644"/>
                  </a:lnTo>
                  <a:lnTo>
                    <a:pt x="2922" y="2658"/>
                  </a:lnTo>
                  <a:lnTo>
                    <a:pt x="2920" y="2664"/>
                  </a:lnTo>
                  <a:lnTo>
                    <a:pt x="2910" y="2676"/>
                  </a:lnTo>
                  <a:lnTo>
                    <a:pt x="2906" y="2680"/>
                  </a:lnTo>
                  <a:lnTo>
                    <a:pt x="2898" y="2684"/>
                  </a:lnTo>
                  <a:lnTo>
                    <a:pt x="2884" y="2688"/>
                  </a:lnTo>
                  <a:lnTo>
                    <a:pt x="2878" y="2692"/>
                  </a:lnTo>
                  <a:lnTo>
                    <a:pt x="2872" y="2698"/>
                  </a:lnTo>
                  <a:lnTo>
                    <a:pt x="2870" y="2704"/>
                  </a:lnTo>
                  <a:lnTo>
                    <a:pt x="2864" y="2718"/>
                  </a:lnTo>
                  <a:lnTo>
                    <a:pt x="2860" y="2732"/>
                  </a:lnTo>
                  <a:lnTo>
                    <a:pt x="2858" y="2740"/>
                  </a:lnTo>
                  <a:lnTo>
                    <a:pt x="2862" y="2746"/>
                  </a:lnTo>
                  <a:lnTo>
                    <a:pt x="2874" y="2754"/>
                  </a:lnTo>
                  <a:lnTo>
                    <a:pt x="2880" y="2756"/>
                  </a:lnTo>
                  <a:lnTo>
                    <a:pt x="2886" y="2758"/>
                  </a:lnTo>
                  <a:lnTo>
                    <a:pt x="2894" y="2756"/>
                  </a:lnTo>
                  <a:lnTo>
                    <a:pt x="2898" y="2754"/>
                  </a:lnTo>
                  <a:lnTo>
                    <a:pt x="2904" y="2750"/>
                  </a:lnTo>
                  <a:lnTo>
                    <a:pt x="2908" y="2742"/>
                  </a:lnTo>
                  <a:lnTo>
                    <a:pt x="2914" y="2728"/>
                  </a:lnTo>
                  <a:lnTo>
                    <a:pt x="2916" y="2712"/>
                  </a:lnTo>
                  <a:lnTo>
                    <a:pt x="2916" y="2708"/>
                  </a:lnTo>
                  <a:lnTo>
                    <a:pt x="2918" y="2702"/>
                  </a:lnTo>
                  <a:lnTo>
                    <a:pt x="2922" y="2696"/>
                  </a:lnTo>
                  <a:lnTo>
                    <a:pt x="2930" y="2686"/>
                  </a:lnTo>
                  <a:lnTo>
                    <a:pt x="2940" y="2676"/>
                  </a:lnTo>
                  <a:lnTo>
                    <a:pt x="2952" y="2668"/>
                  </a:lnTo>
                  <a:lnTo>
                    <a:pt x="2958" y="2666"/>
                  </a:lnTo>
                  <a:lnTo>
                    <a:pt x="2962" y="2660"/>
                  </a:lnTo>
                  <a:lnTo>
                    <a:pt x="2964" y="2654"/>
                  </a:lnTo>
                  <a:lnTo>
                    <a:pt x="2964" y="2650"/>
                  </a:lnTo>
                  <a:lnTo>
                    <a:pt x="2964" y="2646"/>
                  </a:lnTo>
                  <a:lnTo>
                    <a:pt x="2962" y="2644"/>
                  </a:lnTo>
                  <a:lnTo>
                    <a:pt x="2960" y="2642"/>
                  </a:lnTo>
                  <a:lnTo>
                    <a:pt x="2956" y="2642"/>
                  </a:lnTo>
                  <a:lnTo>
                    <a:pt x="2954" y="2642"/>
                  </a:lnTo>
                  <a:lnTo>
                    <a:pt x="2946" y="2640"/>
                  </a:lnTo>
                  <a:lnTo>
                    <a:pt x="2940" y="2636"/>
                  </a:lnTo>
                  <a:close/>
                  <a:moveTo>
                    <a:pt x="406" y="1248"/>
                  </a:moveTo>
                  <a:lnTo>
                    <a:pt x="406" y="1248"/>
                  </a:lnTo>
                  <a:lnTo>
                    <a:pt x="402" y="1254"/>
                  </a:lnTo>
                  <a:lnTo>
                    <a:pt x="400" y="1260"/>
                  </a:lnTo>
                  <a:lnTo>
                    <a:pt x="400" y="1274"/>
                  </a:lnTo>
                  <a:lnTo>
                    <a:pt x="400" y="1278"/>
                  </a:lnTo>
                  <a:lnTo>
                    <a:pt x="402" y="1280"/>
                  </a:lnTo>
                  <a:lnTo>
                    <a:pt x="404" y="1282"/>
                  </a:lnTo>
                  <a:lnTo>
                    <a:pt x="408" y="1282"/>
                  </a:lnTo>
                  <a:lnTo>
                    <a:pt x="412" y="1282"/>
                  </a:lnTo>
                  <a:lnTo>
                    <a:pt x="416" y="1282"/>
                  </a:lnTo>
                  <a:lnTo>
                    <a:pt x="418" y="1280"/>
                  </a:lnTo>
                  <a:lnTo>
                    <a:pt x="420" y="1278"/>
                  </a:lnTo>
                  <a:lnTo>
                    <a:pt x="420" y="1274"/>
                  </a:lnTo>
                  <a:lnTo>
                    <a:pt x="420" y="1270"/>
                  </a:lnTo>
                  <a:lnTo>
                    <a:pt x="418" y="1262"/>
                  </a:lnTo>
                  <a:lnTo>
                    <a:pt x="416" y="1256"/>
                  </a:lnTo>
                  <a:lnTo>
                    <a:pt x="414" y="1250"/>
                  </a:lnTo>
                  <a:lnTo>
                    <a:pt x="412" y="1248"/>
                  </a:lnTo>
                  <a:lnTo>
                    <a:pt x="410" y="1246"/>
                  </a:lnTo>
                  <a:lnTo>
                    <a:pt x="408" y="1246"/>
                  </a:lnTo>
                  <a:lnTo>
                    <a:pt x="406" y="1248"/>
                  </a:lnTo>
                  <a:close/>
                  <a:moveTo>
                    <a:pt x="2286" y="1412"/>
                  </a:moveTo>
                  <a:lnTo>
                    <a:pt x="2286" y="1412"/>
                  </a:lnTo>
                  <a:lnTo>
                    <a:pt x="2290" y="1424"/>
                  </a:lnTo>
                  <a:lnTo>
                    <a:pt x="2290" y="1426"/>
                  </a:lnTo>
                  <a:lnTo>
                    <a:pt x="2292" y="1426"/>
                  </a:lnTo>
                  <a:lnTo>
                    <a:pt x="2296" y="1426"/>
                  </a:lnTo>
                  <a:lnTo>
                    <a:pt x="2302" y="1422"/>
                  </a:lnTo>
                  <a:lnTo>
                    <a:pt x="2306" y="1418"/>
                  </a:lnTo>
                  <a:lnTo>
                    <a:pt x="2308" y="1410"/>
                  </a:lnTo>
                  <a:lnTo>
                    <a:pt x="2308" y="1408"/>
                  </a:lnTo>
                  <a:lnTo>
                    <a:pt x="2308" y="1394"/>
                  </a:lnTo>
                  <a:lnTo>
                    <a:pt x="2308" y="1392"/>
                  </a:lnTo>
                  <a:lnTo>
                    <a:pt x="2306" y="1392"/>
                  </a:lnTo>
                  <a:lnTo>
                    <a:pt x="2302" y="1392"/>
                  </a:lnTo>
                  <a:lnTo>
                    <a:pt x="2288" y="1396"/>
                  </a:lnTo>
                  <a:lnTo>
                    <a:pt x="2284" y="1398"/>
                  </a:lnTo>
                  <a:lnTo>
                    <a:pt x="2284" y="1400"/>
                  </a:lnTo>
                  <a:lnTo>
                    <a:pt x="2282" y="1404"/>
                  </a:lnTo>
                  <a:lnTo>
                    <a:pt x="2284" y="1406"/>
                  </a:lnTo>
                  <a:lnTo>
                    <a:pt x="2286" y="1412"/>
                  </a:lnTo>
                  <a:close/>
                  <a:moveTo>
                    <a:pt x="414" y="1210"/>
                  </a:moveTo>
                  <a:lnTo>
                    <a:pt x="414" y="1210"/>
                  </a:lnTo>
                  <a:lnTo>
                    <a:pt x="412" y="1208"/>
                  </a:lnTo>
                  <a:lnTo>
                    <a:pt x="410" y="1206"/>
                  </a:lnTo>
                  <a:lnTo>
                    <a:pt x="406" y="1206"/>
                  </a:lnTo>
                  <a:lnTo>
                    <a:pt x="404" y="1208"/>
                  </a:lnTo>
                  <a:lnTo>
                    <a:pt x="398" y="1210"/>
                  </a:lnTo>
                  <a:lnTo>
                    <a:pt x="396" y="1212"/>
                  </a:lnTo>
                  <a:lnTo>
                    <a:pt x="394" y="1214"/>
                  </a:lnTo>
                  <a:lnTo>
                    <a:pt x="394" y="1216"/>
                  </a:lnTo>
                  <a:lnTo>
                    <a:pt x="396" y="1220"/>
                  </a:lnTo>
                  <a:lnTo>
                    <a:pt x="404" y="1228"/>
                  </a:lnTo>
                  <a:lnTo>
                    <a:pt x="410" y="1230"/>
                  </a:lnTo>
                  <a:lnTo>
                    <a:pt x="412" y="1230"/>
                  </a:lnTo>
                  <a:lnTo>
                    <a:pt x="416" y="1228"/>
                  </a:lnTo>
                  <a:lnTo>
                    <a:pt x="418" y="1224"/>
                  </a:lnTo>
                  <a:lnTo>
                    <a:pt x="416" y="1216"/>
                  </a:lnTo>
                  <a:lnTo>
                    <a:pt x="414" y="1210"/>
                  </a:lnTo>
                  <a:close/>
                  <a:moveTo>
                    <a:pt x="2302" y="1960"/>
                  </a:moveTo>
                  <a:lnTo>
                    <a:pt x="2302" y="1960"/>
                  </a:lnTo>
                  <a:lnTo>
                    <a:pt x="2302" y="1962"/>
                  </a:lnTo>
                  <a:lnTo>
                    <a:pt x="2302" y="1966"/>
                  </a:lnTo>
                  <a:lnTo>
                    <a:pt x="2304" y="1968"/>
                  </a:lnTo>
                  <a:lnTo>
                    <a:pt x="2306" y="1970"/>
                  </a:lnTo>
                  <a:lnTo>
                    <a:pt x="2312" y="1974"/>
                  </a:lnTo>
                  <a:lnTo>
                    <a:pt x="2324" y="1982"/>
                  </a:lnTo>
                  <a:lnTo>
                    <a:pt x="2326" y="1988"/>
                  </a:lnTo>
                  <a:lnTo>
                    <a:pt x="2328" y="1994"/>
                  </a:lnTo>
                  <a:lnTo>
                    <a:pt x="2328" y="1998"/>
                  </a:lnTo>
                  <a:lnTo>
                    <a:pt x="2328" y="2002"/>
                  </a:lnTo>
                  <a:lnTo>
                    <a:pt x="2330" y="2004"/>
                  </a:lnTo>
                  <a:lnTo>
                    <a:pt x="2334" y="2006"/>
                  </a:lnTo>
                  <a:lnTo>
                    <a:pt x="2336" y="2006"/>
                  </a:lnTo>
                  <a:lnTo>
                    <a:pt x="2340" y="2006"/>
                  </a:lnTo>
                  <a:lnTo>
                    <a:pt x="2352" y="2006"/>
                  </a:lnTo>
                  <a:lnTo>
                    <a:pt x="2358" y="2008"/>
                  </a:lnTo>
                  <a:lnTo>
                    <a:pt x="2364" y="2010"/>
                  </a:lnTo>
                  <a:lnTo>
                    <a:pt x="2380" y="2022"/>
                  </a:lnTo>
                  <a:lnTo>
                    <a:pt x="2394" y="2030"/>
                  </a:lnTo>
                  <a:lnTo>
                    <a:pt x="2420" y="2042"/>
                  </a:lnTo>
                  <a:lnTo>
                    <a:pt x="2424" y="2046"/>
                  </a:lnTo>
                  <a:lnTo>
                    <a:pt x="2426" y="2050"/>
                  </a:lnTo>
                  <a:lnTo>
                    <a:pt x="2424" y="2054"/>
                  </a:lnTo>
                  <a:lnTo>
                    <a:pt x="2420" y="2058"/>
                  </a:lnTo>
                  <a:lnTo>
                    <a:pt x="2414" y="2062"/>
                  </a:lnTo>
                  <a:lnTo>
                    <a:pt x="2410" y="2064"/>
                  </a:lnTo>
                  <a:lnTo>
                    <a:pt x="2414" y="2066"/>
                  </a:lnTo>
                  <a:lnTo>
                    <a:pt x="2418" y="2066"/>
                  </a:lnTo>
                  <a:lnTo>
                    <a:pt x="2426" y="2066"/>
                  </a:lnTo>
                  <a:lnTo>
                    <a:pt x="2434" y="2068"/>
                  </a:lnTo>
                  <a:lnTo>
                    <a:pt x="2438" y="2072"/>
                  </a:lnTo>
                  <a:lnTo>
                    <a:pt x="2452" y="2078"/>
                  </a:lnTo>
                  <a:lnTo>
                    <a:pt x="2458" y="2082"/>
                  </a:lnTo>
                  <a:lnTo>
                    <a:pt x="2470" y="2084"/>
                  </a:lnTo>
                  <a:lnTo>
                    <a:pt x="2476" y="2084"/>
                  </a:lnTo>
                  <a:lnTo>
                    <a:pt x="2480" y="2080"/>
                  </a:lnTo>
                  <a:lnTo>
                    <a:pt x="2488" y="2070"/>
                  </a:lnTo>
                  <a:lnTo>
                    <a:pt x="2502" y="2062"/>
                  </a:lnTo>
                  <a:lnTo>
                    <a:pt x="2508" y="2058"/>
                  </a:lnTo>
                  <a:lnTo>
                    <a:pt x="2514" y="2058"/>
                  </a:lnTo>
                  <a:lnTo>
                    <a:pt x="2522" y="2058"/>
                  </a:lnTo>
                  <a:lnTo>
                    <a:pt x="2526" y="2062"/>
                  </a:lnTo>
                  <a:lnTo>
                    <a:pt x="2540" y="2070"/>
                  </a:lnTo>
                  <a:lnTo>
                    <a:pt x="2558" y="2088"/>
                  </a:lnTo>
                  <a:lnTo>
                    <a:pt x="2570" y="2098"/>
                  </a:lnTo>
                  <a:lnTo>
                    <a:pt x="2576" y="2100"/>
                  </a:lnTo>
                  <a:lnTo>
                    <a:pt x="2578" y="2102"/>
                  </a:lnTo>
                  <a:lnTo>
                    <a:pt x="2580" y="2100"/>
                  </a:lnTo>
                  <a:lnTo>
                    <a:pt x="2582" y="2100"/>
                  </a:lnTo>
                  <a:lnTo>
                    <a:pt x="2582" y="2096"/>
                  </a:lnTo>
                  <a:lnTo>
                    <a:pt x="2582" y="2082"/>
                  </a:lnTo>
                  <a:lnTo>
                    <a:pt x="2580" y="2076"/>
                  </a:lnTo>
                  <a:lnTo>
                    <a:pt x="2576" y="2072"/>
                  </a:lnTo>
                  <a:lnTo>
                    <a:pt x="2560" y="2068"/>
                  </a:lnTo>
                  <a:lnTo>
                    <a:pt x="2556" y="2064"/>
                  </a:lnTo>
                  <a:lnTo>
                    <a:pt x="2554" y="2058"/>
                  </a:lnTo>
                  <a:lnTo>
                    <a:pt x="2554" y="2054"/>
                  </a:lnTo>
                  <a:lnTo>
                    <a:pt x="2554" y="2046"/>
                  </a:lnTo>
                  <a:lnTo>
                    <a:pt x="2558" y="2040"/>
                  </a:lnTo>
                  <a:lnTo>
                    <a:pt x="2560" y="2038"/>
                  </a:lnTo>
                  <a:lnTo>
                    <a:pt x="2560" y="2036"/>
                  </a:lnTo>
                  <a:lnTo>
                    <a:pt x="2556" y="2034"/>
                  </a:lnTo>
                  <a:lnTo>
                    <a:pt x="2542" y="2028"/>
                  </a:lnTo>
                  <a:lnTo>
                    <a:pt x="2534" y="2024"/>
                  </a:lnTo>
                  <a:lnTo>
                    <a:pt x="2530" y="2018"/>
                  </a:lnTo>
                  <a:lnTo>
                    <a:pt x="2528" y="2014"/>
                  </a:lnTo>
                  <a:lnTo>
                    <a:pt x="2524" y="2006"/>
                  </a:lnTo>
                  <a:lnTo>
                    <a:pt x="2518" y="2002"/>
                  </a:lnTo>
                  <a:lnTo>
                    <a:pt x="2502" y="1992"/>
                  </a:lnTo>
                  <a:lnTo>
                    <a:pt x="2486" y="1984"/>
                  </a:lnTo>
                  <a:lnTo>
                    <a:pt x="2424" y="1968"/>
                  </a:lnTo>
                  <a:lnTo>
                    <a:pt x="2416" y="1968"/>
                  </a:lnTo>
                  <a:lnTo>
                    <a:pt x="2410" y="1972"/>
                  </a:lnTo>
                  <a:lnTo>
                    <a:pt x="2394" y="1982"/>
                  </a:lnTo>
                  <a:lnTo>
                    <a:pt x="2386" y="1986"/>
                  </a:lnTo>
                  <a:lnTo>
                    <a:pt x="2378" y="1986"/>
                  </a:lnTo>
                  <a:lnTo>
                    <a:pt x="2376" y="1986"/>
                  </a:lnTo>
                  <a:lnTo>
                    <a:pt x="2368" y="1986"/>
                  </a:lnTo>
                  <a:lnTo>
                    <a:pt x="2362" y="1982"/>
                  </a:lnTo>
                  <a:lnTo>
                    <a:pt x="2354" y="1972"/>
                  </a:lnTo>
                  <a:lnTo>
                    <a:pt x="2342" y="1962"/>
                  </a:lnTo>
                  <a:lnTo>
                    <a:pt x="2334" y="1954"/>
                  </a:lnTo>
                  <a:lnTo>
                    <a:pt x="2328" y="1950"/>
                  </a:lnTo>
                  <a:lnTo>
                    <a:pt x="2320" y="1948"/>
                  </a:lnTo>
                  <a:lnTo>
                    <a:pt x="2316" y="1948"/>
                  </a:lnTo>
                  <a:lnTo>
                    <a:pt x="2310" y="1950"/>
                  </a:lnTo>
                  <a:lnTo>
                    <a:pt x="2306" y="1954"/>
                  </a:lnTo>
                  <a:lnTo>
                    <a:pt x="2302" y="1960"/>
                  </a:lnTo>
                  <a:close/>
                  <a:moveTo>
                    <a:pt x="2606" y="2298"/>
                  </a:moveTo>
                  <a:lnTo>
                    <a:pt x="2606" y="2298"/>
                  </a:lnTo>
                  <a:lnTo>
                    <a:pt x="2602" y="2290"/>
                  </a:lnTo>
                  <a:lnTo>
                    <a:pt x="2598" y="2284"/>
                  </a:lnTo>
                  <a:lnTo>
                    <a:pt x="2594" y="2280"/>
                  </a:lnTo>
                  <a:lnTo>
                    <a:pt x="2590" y="2272"/>
                  </a:lnTo>
                  <a:lnTo>
                    <a:pt x="2586" y="2258"/>
                  </a:lnTo>
                  <a:lnTo>
                    <a:pt x="2582" y="2252"/>
                  </a:lnTo>
                  <a:lnTo>
                    <a:pt x="2576" y="2248"/>
                  </a:lnTo>
                  <a:lnTo>
                    <a:pt x="2562" y="2244"/>
                  </a:lnTo>
                  <a:lnTo>
                    <a:pt x="2548" y="2236"/>
                  </a:lnTo>
                  <a:lnTo>
                    <a:pt x="2532" y="2226"/>
                  </a:lnTo>
                  <a:lnTo>
                    <a:pt x="2526" y="2220"/>
                  </a:lnTo>
                  <a:lnTo>
                    <a:pt x="2522" y="2214"/>
                  </a:lnTo>
                  <a:lnTo>
                    <a:pt x="2516" y="2180"/>
                  </a:lnTo>
                  <a:lnTo>
                    <a:pt x="2514" y="2174"/>
                  </a:lnTo>
                  <a:lnTo>
                    <a:pt x="2510" y="2168"/>
                  </a:lnTo>
                  <a:lnTo>
                    <a:pt x="2500" y="2158"/>
                  </a:lnTo>
                  <a:lnTo>
                    <a:pt x="2496" y="2152"/>
                  </a:lnTo>
                  <a:lnTo>
                    <a:pt x="2492" y="2146"/>
                  </a:lnTo>
                  <a:lnTo>
                    <a:pt x="2488" y="2130"/>
                  </a:lnTo>
                  <a:lnTo>
                    <a:pt x="2486" y="2128"/>
                  </a:lnTo>
                  <a:lnTo>
                    <a:pt x="2484" y="2128"/>
                  </a:lnTo>
                  <a:lnTo>
                    <a:pt x="2482" y="2128"/>
                  </a:lnTo>
                  <a:lnTo>
                    <a:pt x="2480" y="2128"/>
                  </a:lnTo>
                  <a:lnTo>
                    <a:pt x="2472" y="2138"/>
                  </a:lnTo>
                  <a:lnTo>
                    <a:pt x="2468" y="2144"/>
                  </a:lnTo>
                  <a:lnTo>
                    <a:pt x="2466" y="2150"/>
                  </a:lnTo>
                  <a:lnTo>
                    <a:pt x="2466" y="2184"/>
                  </a:lnTo>
                  <a:lnTo>
                    <a:pt x="2464" y="2192"/>
                  </a:lnTo>
                  <a:lnTo>
                    <a:pt x="2460" y="2198"/>
                  </a:lnTo>
                  <a:lnTo>
                    <a:pt x="2452" y="2206"/>
                  </a:lnTo>
                  <a:lnTo>
                    <a:pt x="2446" y="2210"/>
                  </a:lnTo>
                  <a:lnTo>
                    <a:pt x="2438" y="2212"/>
                  </a:lnTo>
                  <a:lnTo>
                    <a:pt x="2434" y="2212"/>
                  </a:lnTo>
                  <a:lnTo>
                    <a:pt x="2428" y="2210"/>
                  </a:lnTo>
                  <a:lnTo>
                    <a:pt x="2422" y="2204"/>
                  </a:lnTo>
                  <a:lnTo>
                    <a:pt x="2412" y="2188"/>
                  </a:lnTo>
                  <a:lnTo>
                    <a:pt x="2406" y="2184"/>
                  </a:lnTo>
                  <a:lnTo>
                    <a:pt x="2398" y="2182"/>
                  </a:lnTo>
                  <a:lnTo>
                    <a:pt x="2396" y="2182"/>
                  </a:lnTo>
                  <a:lnTo>
                    <a:pt x="2388" y="2180"/>
                  </a:lnTo>
                  <a:lnTo>
                    <a:pt x="2380" y="2178"/>
                  </a:lnTo>
                  <a:lnTo>
                    <a:pt x="2374" y="2176"/>
                  </a:lnTo>
                  <a:lnTo>
                    <a:pt x="2372" y="2174"/>
                  </a:lnTo>
                  <a:lnTo>
                    <a:pt x="2370" y="2172"/>
                  </a:lnTo>
                  <a:lnTo>
                    <a:pt x="2370" y="2168"/>
                  </a:lnTo>
                  <a:lnTo>
                    <a:pt x="2372" y="2164"/>
                  </a:lnTo>
                  <a:lnTo>
                    <a:pt x="2374" y="2160"/>
                  </a:lnTo>
                  <a:lnTo>
                    <a:pt x="2382" y="2146"/>
                  </a:lnTo>
                  <a:lnTo>
                    <a:pt x="2384" y="2140"/>
                  </a:lnTo>
                  <a:lnTo>
                    <a:pt x="2384" y="2138"/>
                  </a:lnTo>
                  <a:lnTo>
                    <a:pt x="2384" y="2134"/>
                  </a:lnTo>
                  <a:lnTo>
                    <a:pt x="2382" y="2132"/>
                  </a:lnTo>
                  <a:lnTo>
                    <a:pt x="2380" y="2132"/>
                  </a:lnTo>
                  <a:lnTo>
                    <a:pt x="2356" y="2126"/>
                  </a:lnTo>
                  <a:lnTo>
                    <a:pt x="2340" y="2124"/>
                  </a:lnTo>
                  <a:lnTo>
                    <a:pt x="2336" y="2124"/>
                  </a:lnTo>
                  <a:lnTo>
                    <a:pt x="2330" y="2124"/>
                  </a:lnTo>
                  <a:lnTo>
                    <a:pt x="2324" y="2128"/>
                  </a:lnTo>
                  <a:lnTo>
                    <a:pt x="2312" y="2136"/>
                  </a:lnTo>
                  <a:lnTo>
                    <a:pt x="2306" y="2140"/>
                  </a:lnTo>
                  <a:lnTo>
                    <a:pt x="2292" y="2146"/>
                  </a:lnTo>
                  <a:lnTo>
                    <a:pt x="2286" y="2150"/>
                  </a:lnTo>
                  <a:lnTo>
                    <a:pt x="2280" y="2154"/>
                  </a:lnTo>
                  <a:lnTo>
                    <a:pt x="2276" y="2160"/>
                  </a:lnTo>
                  <a:lnTo>
                    <a:pt x="2274" y="2164"/>
                  </a:lnTo>
                  <a:lnTo>
                    <a:pt x="2270" y="2170"/>
                  </a:lnTo>
                  <a:lnTo>
                    <a:pt x="2264" y="2172"/>
                  </a:lnTo>
                  <a:lnTo>
                    <a:pt x="2252" y="2168"/>
                  </a:lnTo>
                  <a:lnTo>
                    <a:pt x="2248" y="2166"/>
                  </a:lnTo>
                  <a:lnTo>
                    <a:pt x="2240" y="2164"/>
                  </a:lnTo>
                  <a:lnTo>
                    <a:pt x="2234" y="2166"/>
                  </a:lnTo>
                  <a:lnTo>
                    <a:pt x="2228" y="2168"/>
                  </a:lnTo>
                  <a:lnTo>
                    <a:pt x="2214" y="2176"/>
                  </a:lnTo>
                  <a:lnTo>
                    <a:pt x="2198" y="2188"/>
                  </a:lnTo>
                  <a:lnTo>
                    <a:pt x="2184" y="2196"/>
                  </a:lnTo>
                  <a:lnTo>
                    <a:pt x="2178" y="2198"/>
                  </a:lnTo>
                  <a:lnTo>
                    <a:pt x="2164" y="2206"/>
                  </a:lnTo>
                  <a:lnTo>
                    <a:pt x="2160" y="2208"/>
                  </a:lnTo>
                  <a:lnTo>
                    <a:pt x="2154" y="2212"/>
                  </a:lnTo>
                  <a:lnTo>
                    <a:pt x="2150" y="2220"/>
                  </a:lnTo>
                  <a:lnTo>
                    <a:pt x="2144" y="2234"/>
                  </a:lnTo>
                  <a:lnTo>
                    <a:pt x="2140" y="2238"/>
                  </a:lnTo>
                  <a:lnTo>
                    <a:pt x="2134" y="2240"/>
                  </a:lnTo>
                  <a:lnTo>
                    <a:pt x="2130" y="2240"/>
                  </a:lnTo>
                  <a:lnTo>
                    <a:pt x="2124" y="2242"/>
                  </a:lnTo>
                  <a:lnTo>
                    <a:pt x="2116" y="2246"/>
                  </a:lnTo>
                  <a:lnTo>
                    <a:pt x="2100" y="2256"/>
                  </a:lnTo>
                  <a:lnTo>
                    <a:pt x="2086" y="2264"/>
                  </a:lnTo>
                  <a:lnTo>
                    <a:pt x="2062" y="2276"/>
                  </a:lnTo>
                  <a:lnTo>
                    <a:pt x="2048" y="2286"/>
                  </a:lnTo>
                  <a:lnTo>
                    <a:pt x="2040" y="2294"/>
                  </a:lnTo>
                  <a:lnTo>
                    <a:pt x="2030" y="2306"/>
                  </a:lnTo>
                  <a:lnTo>
                    <a:pt x="2028" y="2312"/>
                  </a:lnTo>
                  <a:lnTo>
                    <a:pt x="2026" y="2320"/>
                  </a:lnTo>
                  <a:lnTo>
                    <a:pt x="2028" y="2326"/>
                  </a:lnTo>
                  <a:lnTo>
                    <a:pt x="2032" y="2340"/>
                  </a:lnTo>
                  <a:lnTo>
                    <a:pt x="2034" y="2356"/>
                  </a:lnTo>
                  <a:lnTo>
                    <a:pt x="2034" y="2360"/>
                  </a:lnTo>
                  <a:lnTo>
                    <a:pt x="2036" y="2376"/>
                  </a:lnTo>
                  <a:lnTo>
                    <a:pt x="2052" y="2428"/>
                  </a:lnTo>
                  <a:lnTo>
                    <a:pt x="2054" y="2444"/>
                  </a:lnTo>
                  <a:lnTo>
                    <a:pt x="2054" y="2448"/>
                  </a:lnTo>
                  <a:lnTo>
                    <a:pt x="2054" y="2464"/>
                  </a:lnTo>
                  <a:lnTo>
                    <a:pt x="2054" y="2488"/>
                  </a:lnTo>
                  <a:lnTo>
                    <a:pt x="2056" y="2494"/>
                  </a:lnTo>
                  <a:lnTo>
                    <a:pt x="2060" y="2500"/>
                  </a:lnTo>
                  <a:lnTo>
                    <a:pt x="2068" y="2510"/>
                  </a:lnTo>
                  <a:lnTo>
                    <a:pt x="2074" y="2514"/>
                  </a:lnTo>
                  <a:lnTo>
                    <a:pt x="2082" y="2514"/>
                  </a:lnTo>
                  <a:lnTo>
                    <a:pt x="2086" y="2514"/>
                  </a:lnTo>
                  <a:lnTo>
                    <a:pt x="2100" y="2512"/>
                  </a:lnTo>
                  <a:lnTo>
                    <a:pt x="2116" y="2508"/>
                  </a:lnTo>
                  <a:lnTo>
                    <a:pt x="2130" y="2502"/>
                  </a:lnTo>
                  <a:lnTo>
                    <a:pt x="2136" y="2498"/>
                  </a:lnTo>
                  <a:lnTo>
                    <a:pt x="2142" y="2496"/>
                  </a:lnTo>
                  <a:lnTo>
                    <a:pt x="2150" y="2496"/>
                  </a:lnTo>
                  <a:lnTo>
                    <a:pt x="2154" y="2496"/>
                  </a:lnTo>
                  <a:lnTo>
                    <a:pt x="2170" y="2492"/>
                  </a:lnTo>
                  <a:lnTo>
                    <a:pt x="2184" y="2488"/>
                  </a:lnTo>
                  <a:lnTo>
                    <a:pt x="2190" y="2484"/>
                  </a:lnTo>
                  <a:lnTo>
                    <a:pt x="2192" y="2480"/>
                  </a:lnTo>
                  <a:lnTo>
                    <a:pt x="2194" y="2476"/>
                  </a:lnTo>
                  <a:lnTo>
                    <a:pt x="2198" y="2472"/>
                  </a:lnTo>
                  <a:lnTo>
                    <a:pt x="2232" y="2460"/>
                  </a:lnTo>
                  <a:lnTo>
                    <a:pt x="2240" y="2458"/>
                  </a:lnTo>
                  <a:lnTo>
                    <a:pt x="2248" y="2456"/>
                  </a:lnTo>
                  <a:lnTo>
                    <a:pt x="2272" y="2456"/>
                  </a:lnTo>
                  <a:lnTo>
                    <a:pt x="2288" y="2458"/>
                  </a:lnTo>
                  <a:lnTo>
                    <a:pt x="2330" y="2464"/>
                  </a:lnTo>
                  <a:lnTo>
                    <a:pt x="2338" y="2468"/>
                  </a:lnTo>
                  <a:lnTo>
                    <a:pt x="2344" y="2472"/>
                  </a:lnTo>
                  <a:lnTo>
                    <a:pt x="2362" y="2490"/>
                  </a:lnTo>
                  <a:lnTo>
                    <a:pt x="2374" y="2500"/>
                  </a:lnTo>
                  <a:lnTo>
                    <a:pt x="2382" y="2510"/>
                  </a:lnTo>
                  <a:lnTo>
                    <a:pt x="2388" y="2514"/>
                  </a:lnTo>
                  <a:lnTo>
                    <a:pt x="2396" y="2514"/>
                  </a:lnTo>
                  <a:lnTo>
                    <a:pt x="2398" y="2514"/>
                  </a:lnTo>
                  <a:lnTo>
                    <a:pt x="2406" y="2516"/>
                  </a:lnTo>
                  <a:lnTo>
                    <a:pt x="2410" y="2522"/>
                  </a:lnTo>
                  <a:lnTo>
                    <a:pt x="2414" y="2528"/>
                  </a:lnTo>
                  <a:lnTo>
                    <a:pt x="2422" y="2540"/>
                  </a:lnTo>
                  <a:lnTo>
                    <a:pt x="2430" y="2548"/>
                  </a:lnTo>
                  <a:lnTo>
                    <a:pt x="2442" y="2558"/>
                  </a:lnTo>
                  <a:lnTo>
                    <a:pt x="2458" y="2570"/>
                  </a:lnTo>
                  <a:lnTo>
                    <a:pt x="2474" y="2576"/>
                  </a:lnTo>
                  <a:lnTo>
                    <a:pt x="2488" y="2580"/>
                  </a:lnTo>
                  <a:lnTo>
                    <a:pt x="2494" y="2582"/>
                  </a:lnTo>
                  <a:lnTo>
                    <a:pt x="2502" y="2580"/>
                  </a:lnTo>
                  <a:lnTo>
                    <a:pt x="2508" y="2578"/>
                  </a:lnTo>
                  <a:lnTo>
                    <a:pt x="2514" y="2576"/>
                  </a:lnTo>
                  <a:lnTo>
                    <a:pt x="2520" y="2580"/>
                  </a:lnTo>
                  <a:lnTo>
                    <a:pt x="2528" y="2588"/>
                  </a:lnTo>
                  <a:lnTo>
                    <a:pt x="2534" y="2592"/>
                  </a:lnTo>
                  <a:lnTo>
                    <a:pt x="2538" y="2594"/>
                  </a:lnTo>
                  <a:lnTo>
                    <a:pt x="2544" y="2592"/>
                  </a:lnTo>
                  <a:lnTo>
                    <a:pt x="2550" y="2588"/>
                  </a:lnTo>
                  <a:lnTo>
                    <a:pt x="2558" y="2580"/>
                  </a:lnTo>
                  <a:lnTo>
                    <a:pt x="2570" y="2570"/>
                  </a:lnTo>
                  <a:lnTo>
                    <a:pt x="2576" y="2568"/>
                  </a:lnTo>
                  <a:lnTo>
                    <a:pt x="2588" y="2564"/>
                  </a:lnTo>
                  <a:lnTo>
                    <a:pt x="2592" y="2562"/>
                  </a:lnTo>
                  <a:lnTo>
                    <a:pt x="2592" y="2556"/>
                  </a:lnTo>
                  <a:lnTo>
                    <a:pt x="2592" y="2552"/>
                  </a:lnTo>
                  <a:lnTo>
                    <a:pt x="2594" y="2544"/>
                  </a:lnTo>
                  <a:lnTo>
                    <a:pt x="2596" y="2538"/>
                  </a:lnTo>
                  <a:lnTo>
                    <a:pt x="2608" y="2512"/>
                  </a:lnTo>
                  <a:lnTo>
                    <a:pt x="2616" y="2498"/>
                  </a:lnTo>
                  <a:lnTo>
                    <a:pt x="2638" y="2434"/>
                  </a:lnTo>
                  <a:lnTo>
                    <a:pt x="2642" y="2418"/>
                  </a:lnTo>
                  <a:lnTo>
                    <a:pt x="2642" y="2396"/>
                  </a:lnTo>
                  <a:lnTo>
                    <a:pt x="2642" y="2380"/>
                  </a:lnTo>
                  <a:lnTo>
                    <a:pt x="2642" y="2366"/>
                  </a:lnTo>
                  <a:lnTo>
                    <a:pt x="2642" y="2350"/>
                  </a:lnTo>
                  <a:lnTo>
                    <a:pt x="2642" y="2346"/>
                  </a:lnTo>
                  <a:lnTo>
                    <a:pt x="2640" y="2340"/>
                  </a:lnTo>
                  <a:lnTo>
                    <a:pt x="2636" y="2334"/>
                  </a:lnTo>
                  <a:lnTo>
                    <a:pt x="2620" y="2324"/>
                  </a:lnTo>
                  <a:lnTo>
                    <a:pt x="2614" y="2318"/>
                  </a:lnTo>
                  <a:lnTo>
                    <a:pt x="2610" y="2312"/>
                  </a:lnTo>
                  <a:lnTo>
                    <a:pt x="2606" y="2298"/>
                  </a:lnTo>
                  <a:close/>
                  <a:moveTo>
                    <a:pt x="2522" y="2632"/>
                  </a:moveTo>
                  <a:lnTo>
                    <a:pt x="2522" y="2632"/>
                  </a:lnTo>
                  <a:lnTo>
                    <a:pt x="2520" y="2634"/>
                  </a:lnTo>
                  <a:lnTo>
                    <a:pt x="2518" y="2634"/>
                  </a:lnTo>
                  <a:lnTo>
                    <a:pt x="2516" y="2638"/>
                  </a:lnTo>
                  <a:lnTo>
                    <a:pt x="2518" y="2640"/>
                  </a:lnTo>
                  <a:lnTo>
                    <a:pt x="2522" y="2654"/>
                  </a:lnTo>
                  <a:lnTo>
                    <a:pt x="2524" y="2670"/>
                  </a:lnTo>
                  <a:lnTo>
                    <a:pt x="2524" y="2674"/>
                  </a:lnTo>
                  <a:lnTo>
                    <a:pt x="2526" y="2680"/>
                  </a:lnTo>
                  <a:lnTo>
                    <a:pt x="2532" y="2684"/>
                  </a:lnTo>
                  <a:lnTo>
                    <a:pt x="2538" y="2688"/>
                  </a:lnTo>
                  <a:lnTo>
                    <a:pt x="2540" y="2688"/>
                  </a:lnTo>
                  <a:lnTo>
                    <a:pt x="2544" y="2688"/>
                  </a:lnTo>
                  <a:lnTo>
                    <a:pt x="2546" y="2686"/>
                  </a:lnTo>
                  <a:lnTo>
                    <a:pt x="2548" y="2684"/>
                  </a:lnTo>
                  <a:lnTo>
                    <a:pt x="2550" y="2678"/>
                  </a:lnTo>
                  <a:lnTo>
                    <a:pt x="2556" y="2664"/>
                  </a:lnTo>
                  <a:lnTo>
                    <a:pt x="2562" y="2650"/>
                  </a:lnTo>
                  <a:lnTo>
                    <a:pt x="2564" y="2634"/>
                  </a:lnTo>
                  <a:lnTo>
                    <a:pt x="2564" y="2632"/>
                  </a:lnTo>
                  <a:lnTo>
                    <a:pt x="2564" y="2628"/>
                  </a:lnTo>
                  <a:lnTo>
                    <a:pt x="2562" y="2626"/>
                  </a:lnTo>
                  <a:lnTo>
                    <a:pt x="2560" y="2626"/>
                  </a:lnTo>
                  <a:lnTo>
                    <a:pt x="2556" y="2626"/>
                  </a:lnTo>
                  <a:lnTo>
                    <a:pt x="2552" y="2630"/>
                  </a:lnTo>
                  <a:lnTo>
                    <a:pt x="2544" y="2632"/>
                  </a:lnTo>
                  <a:lnTo>
                    <a:pt x="2536" y="2632"/>
                  </a:lnTo>
                  <a:lnTo>
                    <a:pt x="2522" y="2632"/>
                  </a:lnTo>
                  <a:close/>
                  <a:moveTo>
                    <a:pt x="2478" y="958"/>
                  </a:moveTo>
                  <a:lnTo>
                    <a:pt x="2478" y="958"/>
                  </a:lnTo>
                  <a:lnTo>
                    <a:pt x="2476" y="954"/>
                  </a:lnTo>
                  <a:lnTo>
                    <a:pt x="2476" y="958"/>
                  </a:lnTo>
                  <a:lnTo>
                    <a:pt x="2476" y="962"/>
                  </a:lnTo>
                  <a:lnTo>
                    <a:pt x="2474" y="976"/>
                  </a:lnTo>
                  <a:lnTo>
                    <a:pt x="2468" y="992"/>
                  </a:lnTo>
                  <a:lnTo>
                    <a:pt x="2468" y="998"/>
                  </a:lnTo>
                  <a:lnTo>
                    <a:pt x="2470" y="1006"/>
                  </a:lnTo>
                  <a:lnTo>
                    <a:pt x="2472" y="1012"/>
                  </a:lnTo>
                  <a:lnTo>
                    <a:pt x="2474" y="1018"/>
                  </a:lnTo>
                  <a:lnTo>
                    <a:pt x="2476" y="1026"/>
                  </a:lnTo>
                  <a:lnTo>
                    <a:pt x="2476" y="1088"/>
                  </a:lnTo>
                  <a:lnTo>
                    <a:pt x="2476" y="1104"/>
                  </a:lnTo>
                  <a:lnTo>
                    <a:pt x="2476" y="1118"/>
                  </a:lnTo>
                  <a:lnTo>
                    <a:pt x="2478" y="1124"/>
                  </a:lnTo>
                  <a:lnTo>
                    <a:pt x="2484" y="1128"/>
                  </a:lnTo>
                  <a:lnTo>
                    <a:pt x="2498" y="1134"/>
                  </a:lnTo>
                  <a:lnTo>
                    <a:pt x="2502" y="1134"/>
                  </a:lnTo>
                  <a:lnTo>
                    <a:pt x="2500" y="1130"/>
                  </a:lnTo>
                  <a:lnTo>
                    <a:pt x="2490" y="1114"/>
                  </a:lnTo>
                  <a:lnTo>
                    <a:pt x="2486" y="1106"/>
                  </a:lnTo>
                  <a:lnTo>
                    <a:pt x="2486" y="1098"/>
                  </a:lnTo>
                  <a:lnTo>
                    <a:pt x="2486" y="1094"/>
                  </a:lnTo>
                  <a:lnTo>
                    <a:pt x="2486" y="1088"/>
                  </a:lnTo>
                  <a:lnTo>
                    <a:pt x="2488" y="1080"/>
                  </a:lnTo>
                  <a:lnTo>
                    <a:pt x="2492" y="1074"/>
                  </a:lnTo>
                  <a:lnTo>
                    <a:pt x="2496" y="1070"/>
                  </a:lnTo>
                  <a:lnTo>
                    <a:pt x="2498" y="1070"/>
                  </a:lnTo>
                  <a:lnTo>
                    <a:pt x="2500" y="1072"/>
                  </a:lnTo>
                  <a:lnTo>
                    <a:pt x="2502" y="1074"/>
                  </a:lnTo>
                  <a:lnTo>
                    <a:pt x="2502" y="1070"/>
                  </a:lnTo>
                  <a:lnTo>
                    <a:pt x="2488" y="1006"/>
                  </a:lnTo>
                  <a:lnTo>
                    <a:pt x="2486" y="990"/>
                  </a:lnTo>
                  <a:lnTo>
                    <a:pt x="2486" y="988"/>
                  </a:lnTo>
                  <a:lnTo>
                    <a:pt x="2482" y="972"/>
                  </a:lnTo>
                  <a:lnTo>
                    <a:pt x="2478" y="958"/>
                  </a:lnTo>
                  <a:close/>
                  <a:moveTo>
                    <a:pt x="2460" y="1170"/>
                  </a:moveTo>
                  <a:lnTo>
                    <a:pt x="2460" y="1170"/>
                  </a:lnTo>
                  <a:lnTo>
                    <a:pt x="2458" y="1176"/>
                  </a:lnTo>
                  <a:lnTo>
                    <a:pt x="2456" y="1182"/>
                  </a:lnTo>
                  <a:lnTo>
                    <a:pt x="2456" y="1196"/>
                  </a:lnTo>
                  <a:lnTo>
                    <a:pt x="2454" y="1204"/>
                  </a:lnTo>
                  <a:lnTo>
                    <a:pt x="2452" y="1212"/>
                  </a:lnTo>
                  <a:lnTo>
                    <a:pt x="2450" y="1216"/>
                  </a:lnTo>
                  <a:lnTo>
                    <a:pt x="2446" y="1224"/>
                  </a:lnTo>
                  <a:lnTo>
                    <a:pt x="2446" y="1232"/>
                  </a:lnTo>
                  <a:lnTo>
                    <a:pt x="2446" y="1236"/>
                  </a:lnTo>
                  <a:lnTo>
                    <a:pt x="2448" y="1238"/>
                  </a:lnTo>
                  <a:lnTo>
                    <a:pt x="2450" y="1236"/>
                  </a:lnTo>
                  <a:lnTo>
                    <a:pt x="2460" y="1220"/>
                  </a:lnTo>
                  <a:lnTo>
                    <a:pt x="2464" y="1218"/>
                  </a:lnTo>
                  <a:lnTo>
                    <a:pt x="2466" y="1218"/>
                  </a:lnTo>
                  <a:lnTo>
                    <a:pt x="2468" y="1218"/>
                  </a:lnTo>
                  <a:lnTo>
                    <a:pt x="2472" y="1220"/>
                  </a:lnTo>
                  <a:lnTo>
                    <a:pt x="2480" y="1228"/>
                  </a:lnTo>
                  <a:lnTo>
                    <a:pt x="2482" y="1230"/>
                  </a:lnTo>
                  <a:lnTo>
                    <a:pt x="2484" y="1230"/>
                  </a:lnTo>
                  <a:lnTo>
                    <a:pt x="2486" y="1228"/>
                  </a:lnTo>
                  <a:lnTo>
                    <a:pt x="2488" y="1226"/>
                  </a:lnTo>
                  <a:lnTo>
                    <a:pt x="2492" y="1220"/>
                  </a:lnTo>
                  <a:lnTo>
                    <a:pt x="2496" y="1214"/>
                  </a:lnTo>
                  <a:lnTo>
                    <a:pt x="2502" y="1210"/>
                  </a:lnTo>
                  <a:lnTo>
                    <a:pt x="2508" y="1208"/>
                  </a:lnTo>
                  <a:lnTo>
                    <a:pt x="2520" y="1198"/>
                  </a:lnTo>
                  <a:lnTo>
                    <a:pt x="2528" y="1190"/>
                  </a:lnTo>
                  <a:lnTo>
                    <a:pt x="2530" y="1188"/>
                  </a:lnTo>
                  <a:lnTo>
                    <a:pt x="2530" y="1186"/>
                  </a:lnTo>
                  <a:lnTo>
                    <a:pt x="2528" y="1184"/>
                  </a:lnTo>
                  <a:lnTo>
                    <a:pt x="2526" y="1184"/>
                  </a:lnTo>
                  <a:lnTo>
                    <a:pt x="2522" y="1184"/>
                  </a:lnTo>
                  <a:lnTo>
                    <a:pt x="2506" y="1182"/>
                  </a:lnTo>
                  <a:lnTo>
                    <a:pt x="2492" y="1178"/>
                  </a:lnTo>
                  <a:lnTo>
                    <a:pt x="2478" y="1170"/>
                  </a:lnTo>
                  <a:lnTo>
                    <a:pt x="2472" y="1168"/>
                  </a:lnTo>
                  <a:lnTo>
                    <a:pt x="2466" y="1168"/>
                  </a:lnTo>
                  <a:lnTo>
                    <a:pt x="2460" y="1170"/>
                  </a:lnTo>
                  <a:close/>
                  <a:moveTo>
                    <a:pt x="2438" y="1284"/>
                  </a:moveTo>
                  <a:lnTo>
                    <a:pt x="2438" y="1284"/>
                  </a:lnTo>
                  <a:lnTo>
                    <a:pt x="2432" y="1300"/>
                  </a:lnTo>
                  <a:lnTo>
                    <a:pt x="2430" y="1304"/>
                  </a:lnTo>
                  <a:lnTo>
                    <a:pt x="2426" y="1310"/>
                  </a:lnTo>
                  <a:lnTo>
                    <a:pt x="2420" y="1316"/>
                  </a:lnTo>
                  <a:lnTo>
                    <a:pt x="2414" y="1318"/>
                  </a:lnTo>
                  <a:lnTo>
                    <a:pt x="2400" y="1326"/>
                  </a:lnTo>
                  <a:lnTo>
                    <a:pt x="2374" y="1346"/>
                  </a:lnTo>
                  <a:lnTo>
                    <a:pt x="2368" y="1350"/>
                  </a:lnTo>
                  <a:lnTo>
                    <a:pt x="2360" y="1350"/>
                  </a:lnTo>
                  <a:lnTo>
                    <a:pt x="2356" y="1350"/>
                  </a:lnTo>
                  <a:lnTo>
                    <a:pt x="2340" y="1354"/>
                  </a:lnTo>
                  <a:lnTo>
                    <a:pt x="2326" y="1358"/>
                  </a:lnTo>
                  <a:lnTo>
                    <a:pt x="2320" y="1362"/>
                  </a:lnTo>
                  <a:lnTo>
                    <a:pt x="2318" y="1366"/>
                  </a:lnTo>
                  <a:lnTo>
                    <a:pt x="2322" y="1378"/>
                  </a:lnTo>
                  <a:lnTo>
                    <a:pt x="2326" y="1392"/>
                  </a:lnTo>
                  <a:lnTo>
                    <a:pt x="2328" y="1394"/>
                  </a:lnTo>
                  <a:lnTo>
                    <a:pt x="2330" y="1396"/>
                  </a:lnTo>
                  <a:lnTo>
                    <a:pt x="2332" y="1396"/>
                  </a:lnTo>
                  <a:lnTo>
                    <a:pt x="2334" y="1394"/>
                  </a:lnTo>
                  <a:lnTo>
                    <a:pt x="2342" y="1386"/>
                  </a:lnTo>
                  <a:lnTo>
                    <a:pt x="2348" y="1382"/>
                  </a:lnTo>
                  <a:lnTo>
                    <a:pt x="2354" y="1380"/>
                  </a:lnTo>
                  <a:lnTo>
                    <a:pt x="2358" y="1378"/>
                  </a:lnTo>
                  <a:lnTo>
                    <a:pt x="2362" y="1376"/>
                  </a:lnTo>
                  <a:lnTo>
                    <a:pt x="2366" y="1374"/>
                  </a:lnTo>
                  <a:lnTo>
                    <a:pt x="2368" y="1376"/>
                  </a:lnTo>
                  <a:lnTo>
                    <a:pt x="2370" y="1376"/>
                  </a:lnTo>
                  <a:lnTo>
                    <a:pt x="2374" y="1374"/>
                  </a:lnTo>
                  <a:lnTo>
                    <a:pt x="2382" y="1366"/>
                  </a:lnTo>
                  <a:lnTo>
                    <a:pt x="2388" y="1362"/>
                  </a:lnTo>
                  <a:lnTo>
                    <a:pt x="2392" y="1360"/>
                  </a:lnTo>
                  <a:lnTo>
                    <a:pt x="2404" y="1360"/>
                  </a:lnTo>
                  <a:lnTo>
                    <a:pt x="2408" y="1360"/>
                  </a:lnTo>
                  <a:lnTo>
                    <a:pt x="2422" y="1360"/>
                  </a:lnTo>
                  <a:lnTo>
                    <a:pt x="2432" y="1360"/>
                  </a:lnTo>
                  <a:lnTo>
                    <a:pt x="2436" y="1360"/>
                  </a:lnTo>
                  <a:lnTo>
                    <a:pt x="2440" y="1356"/>
                  </a:lnTo>
                  <a:lnTo>
                    <a:pt x="2444" y="1350"/>
                  </a:lnTo>
                  <a:lnTo>
                    <a:pt x="2446" y="1342"/>
                  </a:lnTo>
                  <a:lnTo>
                    <a:pt x="2446" y="1330"/>
                  </a:lnTo>
                  <a:lnTo>
                    <a:pt x="2446" y="1322"/>
                  </a:lnTo>
                  <a:lnTo>
                    <a:pt x="2450" y="1314"/>
                  </a:lnTo>
                  <a:lnTo>
                    <a:pt x="2452" y="1308"/>
                  </a:lnTo>
                  <a:lnTo>
                    <a:pt x="2458" y="1294"/>
                  </a:lnTo>
                  <a:lnTo>
                    <a:pt x="2462" y="1280"/>
                  </a:lnTo>
                  <a:lnTo>
                    <a:pt x="2464" y="1272"/>
                  </a:lnTo>
                  <a:lnTo>
                    <a:pt x="2460" y="1266"/>
                  </a:lnTo>
                  <a:lnTo>
                    <a:pt x="2450" y="1250"/>
                  </a:lnTo>
                  <a:lnTo>
                    <a:pt x="2448" y="1246"/>
                  </a:lnTo>
                  <a:lnTo>
                    <a:pt x="2446" y="1246"/>
                  </a:lnTo>
                  <a:lnTo>
                    <a:pt x="2446" y="1248"/>
                  </a:lnTo>
                  <a:lnTo>
                    <a:pt x="2444" y="1260"/>
                  </a:lnTo>
                  <a:lnTo>
                    <a:pt x="2438" y="128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a:lstStyle/>
            <a:p>
              <a:pPr defTabSz="912768" eaLnBrk="0" fontAlgn="auto" hangingPunct="0">
                <a:spcBef>
                  <a:spcPts val="600"/>
                </a:spcBef>
                <a:spcAft>
                  <a:spcPts val="600"/>
                </a:spcAft>
                <a:defRPr/>
              </a:pPr>
              <a:endParaRPr lang="en-GB" sz="1500" kern="0" dirty="0">
                <a:solidFill>
                  <a:srgbClr val="FFFFFF"/>
                </a:solidFill>
                <a:latin typeface="Arial" panose="020B0604020202020204" pitchFamily="34" charset="0"/>
                <a:ea typeface="MS PGothic" panose="020B0600070205080204" pitchFamily="34" charset="-128"/>
                <a:cs typeface="Arial" pitchFamily="34" charset="0"/>
              </a:endParaRPr>
            </a:p>
          </p:txBody>
        </p:sp>
        <p:sp>
          <p:nvSpPr>
            <p:cNvPr id="7" name="Freeform 15"/>
            <p:cNvSpPr>
              <a:spLocks noEditPoints="1"/>
            </p:cNvSpPr>
            <p:nvPr/>
          </p:nvSpPr>
          <p:spPr bwMode="auto">
            <a:xfrm>
              <a:off x="56" y="1036"/>
              <a:ext cx="2211" cy="3018"/>
            </a:xfrm>
            <a:custGeom>
              <a:avLst/>
              <a:gdLst>
                <a:gd name="T0" fmla="*/ 1757 w 2211"/>
                <a:gd name="T1" fmla="*/ 431 h 3018"/>
                <a:gd name="T2" fmla="*/ 1780 w 2211"/>
                <a:gd name="T3" fmla="*/ 502 h 3018"/>
                <a:gd name="T4" fmla="*/ 1792 w 2211"/>
                <a:gd name="T5" fmla="*/ 608 h 3018"/>
                <a:gd name="T6" fmla="*/ 1954 w 2211"/>
                <a:gd name="T7" fmla="*/ 711 h 3018"/>
                <a:gd name="T8" fmla="*/ 2035 w 2211"/>
                <a:gd name="T9" fmla="*/ 540 h 3018"/>
                <a:gd name="T10" fmla="*/ 2203 w 2211"/>
                <a:gd name="T11" fmla="*/ 366 h 3018"/>
                <a:gd name="T12" fmla="*/ 2188 w 2211"/>
                <a:gd name="T13" fmla="*/ 325 h 3018"/>
                <a:gd name="T14" fmla="*/ 2153 w 2211"/>
                <a:gd name="T15" fmla="*/ 272 h 3018"/>
                <a:gd name="T16" fmla="*/ 2085 w 2211"/>
                <a:gd name="T17" fmla="*/ 202 h 3018"/>
                <a:gd name="T18" fmla="*/ 2002 w 2211"/>
                <a:gd name="T19" fmla="*/ 129 h 3018"/>
                <a:gd name="T20" fmla="*/ 1934 w 2211"/>
                <a:gd name="T21" fmla="*/ 108 h 3018"/>
                <a:gd name="T22" fmla="*/ 1737 w 2211"/>
                <a:gd name="T23" fmla="*/ 207 h 3018"/>
                <a:gd name="T24" fmla="*/ 1288 w 2211"/>
                <a:gd name="T25" fmla="*/ 159 h 3018"/>
                <a:gd name="T26" fmla="*/ 1303 w 2211"/>
                <a:gd name="T27" fmla="*/ 194 h 3018"/>
                <a:gd name="T28" fmla="*/ 1356 w 2211"/>
                <a:gd name="T29" fmla="*/ 207 h 3018"/>
                <a:gd name="T30" fmla="*/ 1364 w 2211"/>
                <a:gd name="T31" fmla="*/ 156 h 3018"/>
                <a:gd name="T32" fmla="*/ 1374 w 2211"/>
                <a:gd name="T33" fmla="*/ 66 h 3018"/>
                <a:gd name="T34" fmla="*/ 1361 w 2211"/>
                <a:gd name="T35" fmla="*/ 3 h 3018"/>
                <a:gd name="T36" fmla="*/ 1319 w 2211"/>
                <a:gd name="T37" fmla="*/ 13 h 3018"/>
                <a:gd name="T38" fmla="*/ 1266 w 2211"/>
                <a:gd name="T39" fmla="*/ 58 h 3018"/>
                <a:gd name="T40" fmla="*/ 1248 w 2211"/>
                <a:gd name="T41" fmla="*/ 81 h 3018"/>
                <a:gd name="T42" fmla="*/ 1253 w 2211"/>
                <a:gd name="T43" fmla="*/ 144 h 3018"/>
                <a:gd name="T44" fmla="*/ 1268 w 2211"/>
                <a:gd name="T45" fmla="*/ 227 h 3018"/>
                <a:gd name="T46" fmla="*/ 1379 w 2211"/>
                <a:gd name="T47" fmla="*/ 252 h 3018"/>
                <a:gd name="T48" fmla="*/ 1271 w 2211"/>
                <a:gd name="T49" fmla="*/ 217 h 3018"/>
                <a:gd name="T50" fmla="*/ 1172 w 2211"/>
                <a:gd name="T51" fmla="*/ 1629 h 3018"/>
                <a:gd name="T52" fmla="*/ 1677 w 2211"/>
                <a:gd name="T53" fmla="*/ 1170 h 3018"/>
                <a:gd name="T54" fmla="*/ 1500 w 2211"/>
                <a:gd name="T55" fmla="*/ 703 h 3018"/>
                <a:gd name="T56" fmla="*/ 1437 w 2211"/>
                <a:gd name="T57" fmla="*/ 376 h 3018"/>
                <a:gd name="T58" fmla="*/ 1520 w 2211"/>
                <a:gd name="T59" fmla="*/ 509 h 3018"/>
                <a:gd name="T60" fmla="*/ 1606 w 2211"/>
                <a:gd name="T61" fmla="*/ 540 h 3018"/>
                <a:gd name="T62" fmla="*/ 1674 w 2211"/>
                <a:gd name="T63" fmla="*/ 527 h 3018"/>
                <a:gd name="T64" fmla="*/ 1694 w 2211"/>
                <a:gd name="T65" fmla="*/ 502 h 3018"/>
                <a:gd name="T66" fmla="*/ 1659 w 2211"/>
                <a:gd name="T67" fmla="*/ 446 h 3018"/>
                <a:gd name="T68" fmla="*/ 1634 w 2211"/>
                <a:gd name="T69" fmla="*/ 388 h 3018"/>
                <a:gd name="T70" fmla="*/ 1553 w 2211"/>
                <a:gd name="T71" fmla="*/ 345 h 3018"/>
                <a:gd name="T72" fmla="*/ 1442 w 2211"/>
                <a:gd name="T73" fmla="*/ 300 h 3018"/>
                <a:gd name="T74" fmla="*/ 1341 w 2211"/>
                <a:gd name="T75" fmla="*/ 330 h 3018"/>
                <a:gd name="T76" fmla="*/ 1319 w 2211"/>
                <a:gd name="T77" fmla="*/ 386 h 3018"/>
                <a:gd name="T78" fmla="*/ 1182 w 2211"/>
                <a:gd name="T79" fmla="*/ 424 h 3018"/>
                <a:gd name="T80" fmla="*/ 1172 w 2211"/>
                <a:gd name="T81" fmla="*/ 308 h 3018"/>
                <a:gd name="T82" fmla="*/ 1112 w 2211"/>
                <a:gd name="T83" fmla="*/ 315 h 3018"/>
                <a:gd name="T84" fmla="*/ 1024 w 2211"/>
                <a:gd name="T85" fmla="*/ 333 h 3018"/>
                <a:gd name="T86" fmla="*/ 1034 w 2211"/>
                <a:gd name="T87" fmla="*/ 383 h 3018"/>
                <a:gd name="T88" fmla="*/ 1129 w 2211"/>
                <a:gd name="T89" fmla="*/ 429 h 3018"/>
                <a:gd name="T90" fmla="*/ 451 w 2211"/>
                <a:gd name="T91" fmla="*/ 378 h 3018"/>
                <a:gd name="T92" fmla="*/ 156 w 2211"/>
                <a:gd name="T93" fmla="*/ 840 h 3018"/>
                <a:gd name="T94" fmla="*/ 837 w 2211"/>
                <a:gd name="T95" fmla="*/ 1417 h 3018"/>
                <a:gd name="T96" fmla="*/ 1256 w 2211"/>
                <a:gd name="T97" fmla="*/ 1755 h 3018"/>
                <a:gd name="T98" fmla="*/ 1629 w 2211"/>
                <a:gd name="T99" fmla="*/ 1679 h 3018"/>
                <a:gd name="T100" fmla="*/ 1553 w 2211"/>
                <a:gd name="T101" fmla="*/ 1654 h 3018"/>
                <a:gd name="T102" fmla="*/ 1414 w 2211"/>
                <a:gd name="T103" fmla="*/ 1851 h 3018"/>
                <a:gd name="T104" fmla="*/ 1891 w 2211"/>
                <a:gd name="T105" fmla="*/ 1893 h 3018"/>
                <a:gd name="T106" fmla="*/ 1591 w 2211"/>
                <a:gd name="T107" fmla="*/ 1795 h 3018"/>
                <a:gd name="T108" fmla="*/ 1435 w 2211"/>
                <a:gd name="T109" fmla="*/ 2057 h 3018"/>
                <a:gd name="T110" fmla="*/ 1629 w 2211"/>
                <a:gd name="T111" fmla="*/ 2524 h 3018"/>
                <a:gd name="T112" fmla="*/ 1740 w 2211"/>
                <a:gd name="T113" fmla="*/ 2741 h 3018"/>
                <a:gd name="T114" fmla="*/ 2110 w 2211"/>
                <a:gd name="T115" fmla="*/ 2342 h 3018"/>
                <a:gd name="T116" fmla="*/ 1472 w 2211"/>
                <a:gd name="T117" fmla="*/ 562 h 3018"/>
                <a:gd name="T118" fmla="*/ 1394 w 2211"/>
                <a:gd name="T119" fmla="*/ 577 h 3018"/>
                <a:gd name="T120" fmla="*/ 978 w 2211"/>
                <a:gd name="T121" fmla="*/ 338 h 3018"/>
                <a:gd name="T122" fmla="*/ 1039 w 2211"/>
                <a:gd name="T123" fmla="*/ 250 h 3018"/>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2211" h="3018">
                  <a:moveTo>
                    <a:pt x="1636" y="295"/>
                  </a:moveTo>
                  <a:lnTo>
                    <a:pt x="1639" y="300"/>
                  </a:lnTo>
                  <a:lnTo>
                    <a:pt x="1639" y="303"/>
                  </a:lnTo>
                  <a:lnTo>
                    <a:pt x="1639" y="308"/>
                  </a:lnTo>
                  <a:lnTo>
                    <a:pt x="1636" y="310"/>
                  </a:lnTo>
                  <a:lnTo>
                    <a:pt x="1636" y="313"/>
                  </a:lnTo>
                  <a:lnTo>
                    <a:pt x="1634" y="315"/>
                  </a:lnTo>
                  <a:lnTo>
                    <a:pt x="1636" y="320"/>
                  </a:lnTo>
                  <a:lnTo>
                    <a:pt x="1636" y="323"/>
                  </a:lnTo>
                  <a:lnTo>
                    <a:pt x="1641" y="328"/>
                  </a:lnTo>
                  <a:lnTo>
                    <a:pt x="1644" y="333"/>
                  </a:lnTo>
                  <a:lnTo>
                    <a:pt x="1649" y="335"/>
                  </a:lnTo>
                  <a:lnTo>
                    <a:pt x="1651" y="338"/>
                  </a:lnTo>
                  <a:lnTo>
                    <a:pt x="1656" y="340"/>
                  </a:lnTo>
                  <a:lnTo>
                    <a:pt x="1664" y="340"/>
                  </a:lnTo>
                  <a:lnTo>
                    <a:pt x="1669" y="340"/>
                  </a:lnTo>
                  <a:lnTo>
                    <a:pt x="1679" y="340"/>
                  </a:lnTo>
                  <a:lnTo>
                    <a:pt x="1687" y="338"/>
                  </a:lnTo>
                  <a:lnTo>
                    <a:pt x="1697" y="338"/>
                  </a:lnTo>
                  <a:lnTo>
                    <a:pt x="1704" y="338"/>
                  </a:lnTo>
                  <a:lnTo>
                    <a:pt x="1712" y="338"/>
                  </a:lnTo>
                  <a:lnTo>
                    <a:pt x="1719" y="340"/>
                  </a:lnTo>
                  <a:lnTo>
                    <a:pt x="1724" y="343"/>
                  </a:lnTo>
                  <a:lnTo>
                    <a:pt x="1729" y="348"/>
                  </a:lnTo>
                  <a:lnTo>
                    <a:pt x="1732" y="356"/>
                  </a:lnTo>
                  <a:lnTo>
                    <a:pt x="1737" y="363"/>
                  </a:lnTo>
                  <a:lnTo>
                    <a:pt x="1740" y="368"/>
                  </a:lnTo>
                  <a:lnTo>
                    <a:pt x="1745" y="373"/>
                  </a:lnTo>
                  <a:lnTo>
                    <a:pt x="1750" y="378"/>
                  </a:lnTo>
                  <a:lnTo>
                    <a:pt x="1752" y="386"/>
                  </a:lnTo>
                  <a:lnTo>
                    <a:pt x="1757" y="391"/>
                  </a:lnTo>
                  <a:lnTo>
                    <a:pt x="1760" y="401"/>
                  </a:lnTo>
                  <a:lnTo>
                    <a:pt x="1760" y="411"/>
                  </a:lnTo>
                  <a:lnTo>
                    <a:pt x="1760" y="424"/>
                  </a:lnTo>
                  <a:lnTo>
                    <a:pt x="1757" y="431"/>
                  </a:lnTo>
                  <a:lnTo>
                    <a:pt x="1757" y="439"/>
                  </a:lnTo>
                  <a:lnTo>
                    <a:pt x="1757" y="444"/>
                  </a:lnTo>
                  <a:lnTo>
                    <a:pt x="1757" y="449"/>
                  </a:lnTo>
                  <a:lnTo>
                    <a:pt x="1757" y="451"/>
                  </a:lnTo>
                  <a:lnTo>
                    <a:pt x="1760" y="451"/>
                  </a:lnTo>
                  <a:lnTo>
                    <a:pt x="1765" y="454"/>
                  </a:lnTo>
                  <a:lnTo>
                    <a:pt x="1770" y="454"/>
                  </a:lnTo>
                  <a:lnTo>
                    <a:pt x="1775" y="454"/>
                  </a:lnTo>
                  <a:lnTo>
                    <a:pt x="1777" y="456"/>
                  </a:lnTo>
                  <a:lnTo>
                    <a:pt x="1782" y="456"/>
                  </a:lnTo>
                  <a:lnTo>
                    <a:pt x="1782" y="459"/>
                  </a:lnTo>
                  <a:lnTo>
                    <a:pt x="1782" y="461"/>
                  </a:lnTo>
                  <a:lnTo>
                    <a:pt x="1780" y="464"/>
                  </a:lnTo>
                  <a:lnTo>
                    <a:pt x="1772" y="464"/>
                  </a:lnTo>
                  <a:lnTo>
                    <a:pt x="1767" y="466"/>
                  </a:lnTo>
                  <a:lnTo>
                    <a:pt x="1765" y="469"/>
                  </a:lnTo>
                  <a:lnTo>
                    <a:pt x="1765" y="471"/>
                  </a:lnTo>
                  <a:lnTo>
                    <a:pt x="1767" y="471"/>
                  </a:lnTo>
                  <a:lnTo>
                    <a:pt x="1770" y="474"/>
                  </a:lnTo>
                  <a:lnTo>
                    <a:pt x="1775" y="477"/>
                  </a:lnTo>
                  <a:lnTo>
                    <a:pt x="1777" y="477"/>
                  </a:lnTo>
                  <a:lnTo>
                    <a:pt x="1775" y="477"/>
                  </a:lnTo>
                  <a:lnTo>
                    <a:pt x="1770" y="477"/>
                  </a:lnTo>
                  <a:lnTo>
                    <a:pt x="1765" y="479"/>
                  </a:lnTo>
                  <a:lnTo>
                    <a:pt x="1762" y="482"/>
                  </a:lnTo>
                  <a:lnTo>
                    <a:pt x="1757" y="484"/>
                  </a:lnTo>
                  <a:lnTo>
                    <a:pt x="1755" y="487"/>
                  </a:lnTo>
                  <a:lnTo>
                    <a:pt x="1755" y="489"/>
                  </a:lnTo>
                  <a:lnTo>
                    <a:pt x="1757" y="494"/>
                  </a:lnTo>
                  <a:lnTo>
                    <a:pt x="1762" y="497"/>
                  </a:lnTo>
                  <a:lnTo>
                    <a:pt x="1767" y="499"/>
                  </a:lnTo>
                  <a:lnTo>
                    <a:pt x="1772" y="502"/>
                  </a:lnTo>
                  <a:lnTo>
                    <a:pt x="1780" y="502"/>
                  </a:lnTo>
                  <a:lnTo>
                    <a:pt x="1785" y="502"/>
                  </a:lnTo>
                  <a:lnTo>
                    <a:pt x="1790" y="499"/>
                  </a:lnTo>
                  <a:lnTo>
                    <a:pt x="1792" y="497"/>
                  </a:lnTo>
                  <a:lnTo>
                    <a:pt x="1795" y="494"/>
                  </a:lnTo>
                  <a:lnTo>
                    <a:pt x="1798" y="492"/>
                  </a:lnTo>
                  <a:lnTo>
                    <a:pt x="1800" y="489"/>
                  </a:lnTo>
                  <a:lnTo>
                    <a:pt x="1800" y="487"/>
                  </a:lnTo>
                  <a:lnTo>
                    <a:pt x="1803" y="484"/>
                  </a:lnTo>
                  <a:lnTo>
                    <a:pt x="1805" y="484"/>
                  </a:lnTo>
                  <a:lnTo>
                    <a:pt x="1808" y="484"/>
                  </a:lnTo>
                  <a:lnTo>
                    <a:pt x="1810" y="482"/>
                  </a:lnTo>
                  <a:lnTo>
                    <a:pt x="1815" y="487"/>
                  </a:lnTo>
                  <a:lnTo>
                    <a:pt x="1815" y="494"/>
                  </a:lnTo>
                  <a:lnTo>
                    <a:pt x="1815" y="504"/>
                  </a:lnTo>
                  <a:lnTo>
                    <a:pt x="1813" y="512"/>
                  </a:lnTo>
                  <a:lnTo>
                    <a:pt x="1810" y="514"/>
                  </a:lnTo>
                  <a:lnTo>
                    <a:pt x="1805" y="514"/>
                  </a:lnTo>
                  <a:lnTo>
                    <a:pt x="1803" y="517"/>
                  </a:lnTo>
                  <a:lnTo>
                    <a:pt x="1798" y="519"/>
                  </a:lnTo>
                  <a:lnTo>
                    <a:pt x="1792" y="522"/>
                  </a:lnTo>
                  <a:lnTo>
                    <a:pt x="1787" y="527"/>
                  </a:lnTo>
                  <a:lnTo>
                    <a:pt x="1785" y="529"/>
                  </a:lnTo>
                  <a:lnTo>
                    <a:pt x="1780" y="532"/>
                  </a:lnTo>
                  <a:lnTo>
                    <a:pt x="1777" y="537"/>
                  </a:lnTo>
                  <a:lnTo>
                    <a:pt x="1777" y="545"/>
                  </a:lnTo>
                  <a:lnTo>
                    <a:pt x="1775" y="555"/>
                  </a:lnTo>
                  <a:lnTo>
                    <a:pt x="1772" y="565"/>
                  </a:lnTo>
                  <a:lnTo>
                    <a:pt x="1772" y="572"/>
                  </a:lnTo>
                  <a:lnTo>
                    <a:pt x="1772" y="582"/>
                  </a:lnTo>
                  <a:lnTo>
                    <a:pt x="1775" y="587"/>
                  </a:lnTo>
                  <a:lnTo>
                    <a:pt x="1775" y="593"/>
                  </a:lnTo>
                  <a:lnTo>
                    <a:pt x="1777" y="598"/>
                  </a:lnTo>
                  <a:lnTo>
                    <a:pt x="1782" y="600"/>
                  </a:lnTo>
                  <a:lnTo>
                    <a:pt x="1787" y="605"/>
                  </a:lnTo>
                  <a:lnTo>
                    <a:pt x="1792" y="608"/>
                  </a:lnTo>
                  <a:lnTo>
                    <a:pt x="1795" y="613"/>
                  </a:lnTo>
                  <a:lnTo>
                    <a:pt x="1800" y="618"/>
                  </a:lnTo>
                  <a:lnTo>
                    <a:pt x="1803" y="625"/>
                  </a:lnTo>
                  <a:lnTo>
                    <a:pt x="1803" y="630"/>
                  </a:lnTo>
                  <a:lnTo>
                    <a:pt x="1803" y="638"/>
                  </a:lnTo>
                  <a:lnTo>
                    <a:pt x="1805" y="643"/>
                  </a:lnTo>
                  <a:lnTo>
                    <a:pt x="1810" y="648"/>
                  </a:lnTo>
                  <a:lnTo>
                    <a:pt x="1815" y="653"/>
                  </a:lnTo>
                  <a:lnTo>
                    <a:pt x="1820" y="658"/>
                  </a:lnTo>
                  <a:lnTo>
                    <a:pt x="1825" y="661"/>
                  </a:lnTo>
                  <a:lnTo>
                    <a:pt x="1833" y="666"/>
                  </a:lnTo>
                  <a:lnTo>
                    <a:pt x="1838" y="671"/>
                  </a:lnTo>
                  <a:lnTo>
                    <a:pt x="1843" y="673"/>
                  </a:lnTo>
                  <a:lnTo>
                    <a:pt x="1848" y="678"/>
                  </a:lnTo>
                  <a:lnTo>
                    <a:pt x="1856" y="683"/>
                  </a:lnTo>
                  <a:lnTo>
                    <a:pt x="1863" y="691"/>
                  </a:lnTo>
                  <a:lnTo>
                    <a:pt x="1871" y="693"/>
                  </a:lnTo>
                  <a:lnTo>
                    <a:pt x="1881" y="698"/>
                  </a:lnTo>
                  <a:lnTo>
                    <a:pt x="1888" y="698"/>
                  </a:lnTo>
                  <a:lnTo>
                    <a:pt x="1896" y="698"/>
                  </a:lnTo>
                  <a:lnTo>
                    <a:pt x="1903" y="696"/>
                  </a:lnTo>
                  <a:lnTo>
                    <a:pt x="1908" y="696"/>
                  </a:lnTo>
                  <a:lnTo>
                    <a:pt x="1914" y="696"/>
                  </a:lnTo>
                  <a:lnTo>
                    <a:pt x="1919" y="696"/>
                  </a:lnTo>
                  <a:lnTo>
                    <a:pt x="1924" y="698"/>
                  </a:lnTo>
                  <a:lnTo>
                    <a:pt x="1926" y="701"/>
                  </a:lnTo>
                  <a:lnTo>
                    <a:pt x="1929" y="703"/>
                  </a:lnTo>
                  <a:lnTo>
                    <a:pt x="1931" y="706"/>
                  </a:lnTo>
                  <a:lnTo>
                    <a:pt x="1931" y="708"/>
                  </a:lnTo>
                  <a:lnTo>
                    <a:pt x="1934" y="708"/>
                  </a:lnTo>
                  <a:lnTo>
                    <a:pt x="1936" y="711"/>
                  </a:lnTo>
                  <a:lnTo>
                    <a:pt x="1939" y="711"/>
                  </a:lnTo>
                  <a:lnTo>
                    <a:pt x="1944" y="711"/>
                  </a:lnTo>
                  <a:lnTo>
                    <a:pt x="1949" y="711"/>
                  </a:lnTo>
                  <a:lnTo>
                    <a:pt x="1954" y="711"/>
                  </a:lnTo>
                  <a:lnTo>
                    <a:pt x="1956" y="711"/>
                  </a:lnTo>
                  <a:lnTo>
                    <a:pt x="1964" y="708"/>
                  </a:lnTo>
                  <a:lnTo>
                    <a:pt x="1966" y="708"/>
                  </a:lnTo>
                  <a:lnTo>
                    <a:pt x="1971" y="706"/>
                  </a:lnTo>
                  <a:lnTo>
                    <a:pt x="1977" y="703"/>
                  </a:lnTo>
                  <a:lnTo>
                    <a:pt x="1979" y="701"/>
                  </a:lnTo>
                  <a:lnTo>
                    <a:pt x="1982" y="698"/>
                  </a:lnTo>
                  <a:lnTo>
                    <a:pt x="1984" y="693"/>
                  </a:lnTo>
                  <a:lnTo>
                    <a:pt x="1984" y="691"/>
                  </a:lnTo>
                  <a:lnTo>
                    <a:pt x="1984" y="681"/>
                  </a:lnTo>
                  <a:lnTo>
                    <a:pt x="1984" y="673"/>
                  </a:lnTo>
                  <a:lnTo>
                    <a:pt x="1984" y="668"/>
                  </a:lnTo>
                  <a:lnTo>
                    <a:pt x="1984" y="666"/>
                  </a:lnTo>
                  <a:lnTo>
                    <a:pt x="1984" y="661"/>
                  </a:lnTo>
                  <a:lnTo>
                    <a:pt x="1987" y="658"/>
                  </a:lnTo>
                  <a:lnTo>
                    <a:pt x="1989" y="656"/>
                  </a:lnTo>
                  <a:lnTo>
                    <a:pt x="1992" y="653"/>
                  </a:lnTo>
                  <a:lnTo>
                    <a:pt x="1994" y="648"/>
                  </a:lnTo>
                  <a:lnTo>
                    <a:pt x="1992" y="640"/>
                  </a:lnTo>
                  <a:lnTo>
                    <a:pt x="1989" y="633"/>
                  </a:lnTo>
                  <a:lnTo>
                    <a:pt x="1989" y="628"/>
                  </a:lnTo>
                  <a:lnTo>
                    <a:pt x="1992" y="625"/>
                  </a:lnTo>
                  <a:lnTo>
                    <a:pt x="1994" y="620"/>
                  </a:lnTo>
                  <a:lnTo>
                    <a:pt x="1999" y="615"/>
                  </a:lnTo>
                  <a:lnTo>
                    <a:pt x="2004" y="608"/>
                  </a:lnTo>
                  <a:lnTo>
                    <a:pt x="2007" y="600"/>
                  </a:lnTo>
                  <a:lnTo>
                    <a:pt x="2009" y="593"/>
                  </a:lnTo>
                  <a:lnTo>
                    <a:pt x="2012" y="585"/>
                  </a:lnTo>
                  <a:lnTo>
                    <a:pt x="2009" y="580"/>
                  </a:lnTo>
                  <a:lnTo>
                    <a:pt x="2009" y="572"/>
                  </a:lnTo>
                  <a:lnTo>
                    <a:pt x="2012" y="565"/>
                  </a:lnTo>
                  <a:lnTo>
                    <a:pt x="2014" y="560"/>
                  </a:lnTo>
                  <a:lnTo>
                    <a:pt x="2022" y="552"/>
                  </a:lnTo>
                  <a:lnTo>
                    <a:pt x="2027" y="545"/>
                  </a:lnTo>
                  <a:lnTo>
                    <a:pt x="2035" y="540"/>
                  </a:lnTo>
                  <a:lnTo>
                    <a:pt x="2042" y="535"/>
                  </a:lnTo>
                  <a:lnTo>
                    <a:pt x="2047" y="532"/>
                  </a:lnTo>
                  <a:lnTo>
                    <a:pt x="2052" y="529"/>
                  </a:lnTo>
                  <a:lnTo>
                    <a:pt x="2057" y="527"/>
                  </a:lnTo>
                  <a:lnTo>
                    <a:pt x="2065" y="524"/>
                  </a:lnTo>
                  <a:lnTo>
                    <a:pt x="2072" y="517"/>
                  </a:lnTo>
                  <a:lnTo>
                    <a:pt x="2080" y="512"/>
                  </a:lnTo>
                  <a:lnTo>
                    <a:pt x="2087" y="502"/>
                  </a:lnTo>
                  <a:lnTo>
                    <a:pt x="2093" y="494"/>
                  </a:lnTo>
                  <a:lnTo>
                    <a:pt x="2098" y="484"/>
                  </a:lnTo>
                  <a:lnTo>
                    <a:pt x="2100" y="474"/>
                  </a:lnTo>
                  <a:lnTo>
                    <a:pt x="2105" y="466"/>
                  </a:lnTo>
                  <a:lnTo>
                    <a:pt x="2108" y="461"/>
                  </a:lnTo>
                  <a:lnTo>
                    <a:pt x="2108" y="456"/>
                  </a:lnTo>
                  <a:lnTo>
                    <a:pt x="2113" y="454"/>
                  </a:lnTo>
                  <a:lnTo>
                    <a:pt x="2118" y="451"/>
                  </a:lnTo>
                  <a:lnTo>
                    <a:pt x="2123" y="449"/>
                  </a:lnTo>
                  <a:lnTo>
                    <a:pt x="2125" y="446"/>
                  </a:lnTo>
                  <a:lnTo>
                    <a:pt x="2130" y="444"/>
                  </a:lnTo>
                  <a:lnTo>
                    <a:pt x="2135" y="439"/>
                  </a:lnTo>
                  <a:lnTo>
                    <a:pt x="2140" y="434"/>
                  </a:lnTo>
                  <a:lnTo>
                    <a:pt x="2148" y="429"/>
                  </a:lnTo>
                  <a:lnTo>
                    <a:pt x="2156" y="424"/>
                  </a:lnTo>
                  <a:lnTo>
                    <a:pt x="2163" y="416"/>
                  </a:lnTo>
                  <a:lnTo>
                    <a:pt x="2171" y="411"/>
                  </a:lnTo>
                  <a:lnTo>
                    <a:pt x="2176" y="403"/>
                  </a:lnTo>
                  <a:lnTo>
                    <a:pt x="2183" y="396"/>
                  </a:lnTo>
                  <a:lnTo>
                    <a:pt x="2191" y="391"/>
                  </a:lnTo>
                  <a:lnTo>
                    <a:pt x="2196" y="386"/>
                  </a:lnTo>
                  <a:lnTo>
                    <a:pt x="2198" y="378"/>
                  </a:lnTo>
                  <a:lnTo>
                    <a:pt x="2203" y="376"/>
                  </a:lnTo>
                  <a:lnTo>
                    <a:pt x="2203" y="371"/>
                  </a:lnTo>
                  <a:lnTo>
                    <a:pt x="2206" y="368"/>
                  </a:lnTo>
                  <a:lnTo>
                    <a:pt x="2203" y="366"/>
                  </a:lnTo>
                  <a:lnTo>
                    <a:pt x="2196" y="363"/>
                  </a:lnTo>
                  <a:lnTo>
                    <a:pt x="2188" y="363"/>
                  </a:lnTo>
                  <a:lnTo>
                    <a:pt x="2178" y="366"/>
                  </a:lnTo>
                  <a:lnTo>
                    <a:pt x="2168" y="368"/>
                  </a:lnTo>
                  <a:lnTo>
                    <a:pt x="2161" y="371"/>
                  </a:lnTo>
                  <a:lnTo>
                    <a:pt x="2150" y="376"/>
                  </a:lnTo>
                  <a:lnTo>
                    <a:pt x="2143" y="381"/>
                  </a:lnTo>
                  <a:lnTo>
                    <a:pt x="2140" y="383"/>
                  </a:lnTo>
                  <a:lnTo>
                    <a:pt x="2140" y="381"/>
                  </a:lnTo>
                  <a:lnTo>
                    <a:pt x="2143" y="378"/>
                  </a:lnTo>
                  <a:lnTo>
                    <a:pt x="2145" y="376"/>
                  </a:lnTo>
                  <a:lnTo>
                    <a:pt x="2145" y="371"/>
                  </a:lnTo>
                  <a:lnTo>
                    <a:pt x="2143" y="366"/>
                  </a:lnTo>
                  <a:lnTo>
                    <a:pt x="2138" y="366"/>
                  </a:lnTo>
                  <a:lnTo>
                    <a:pt x="2128" y="366"/>
                  </a:lnTo>
                  <a:lnTo>
                    <a:pt x="2125" y="368"/>
                  </a:lnTo>
                  <a:lnTo>
                    <a:pt x="2125" y="366"/>
                  </a:lnTo>
                  <a:lnTo>
                    <a:pt x="2130" y="363"/>
                  </a:lnTo>
                  <a:lnTo>
                    <a:pt x="2140" y="358"/>
                  </a:lnTo>
                  <a:lnTo>
                    <a:pt x="2150" y="356"/>
                  </a:lnTo>
                  <a:lnTo>
                    <a:pt x="2158" y="353"/>
                  </a:lnTo>
                  <a:lnTo>
                    <a:pt x="2166" y="350"/>
                  </a:lnTo>
                  <a:lnTo>
                    <a:pt x="2171" y="353"/>
                  </a:lnTo>
                  <a:lnTo>
                    <a:pt x="2173" y="353"/>
                  </a:lnTo>
                  <a:lnTo>
                    <a:pt x="2178" y="356"/>
                  </a:lnTo>
                  <a:lnTo>
                    <a:pt x="2183" y="353"/>
                  </a:lnTo>
                  <a:lnTo>
                    <a:pt x="2188" y="353"/>
                  </a:lnTo>
                  <a:lnTo>
                    <a:pt x="2193" y="350"/>
                  </a:lnTo>
                  <a:lnTo>
                    <a:pt x="2198" y="345"/>
                  </a:lnTo>
                  <a:lnTo>
                    <a:pt x="2201" y="343"/>
                  </a:lnTo>
                  <a:lnTo>
                    <a:pt x="2201" y="338"/>
                  </a:lnTo>
                  <a:lnTo>
                    <a:pt x="2198" y="333"/>
                  </a:lnTo>
                  <a:lnTo>
                    <a:pt x="2196" y="330"/>
                  </a:lnTo>
                  <a:lnTo>
                    <a:pt x="2193" y="328"/>
                  </a:lnTo>
                  <a:lnTo>
                    <a:pt x="2188" y="325"/>
                  </a:lnTo>
                  <a:lnTo>
                    <a:pt x="2183" y="325"/>
                  </a:lnTo>
                  <a:lnTo>
                    <a:pt x="2176" y="323"/>
                  </a:lnTo>
                  <a:lnTo>
                    <a:pt x="2168" y="323"/>
                  </a:lnTo>
                  <a:lnTo>
                    <a:pt x="2161" y="323"/>
                  </a:lnTo>
                  <a:lnTo>
                    <a:pt x="2153" y="323"/>
                  </a:lnTo>
                  <a:lnTo>
                    <a:pt x="2145" y="323"/>
                  </a:lnTo>
                  <a:lnTo>
                    <a:pt x="2140" y="323"/>
                  </a:lnTo>
                  <a:lnTo>
                    <a:pt x="2138" y="325"/>
                  </a:lnTo>
                  <a:lnTo>
                    <a:pt x="2135" y="325"/>
                  </a:lnTo>
                  <a:lnTo>
                    <a:pt x="2135" y="323"/>
                  </a:lnTo>
                  <a:lnTo>
                    <a:pt x="2138" y="320"/>
                  </a:lnTo>
                  <a:lnTo>
                    <a:pt x="2143" y="318"/>
                  </a:lnTo>
                  <a:lnTo>
                    <a:pt x="2148" y="318"/>
                  </a:lnTo>
                  <a:lnTo>
                    <a:pt x="2153" y="318"/>
                  </a:lnTo>
                  <a:lnTo>
                    <a:pt x="2158" y="318"/>
                  </a:lnTo>
                  <a:lnTo>
                    <a:pt x="2161" y="315"/>
                  </a:lnTo>
                  <a:lnTo>
                    <a:pt x="2161" y="313"/>
                  </a:lnTo>
                  <a:lnTo>
                    <a:pt x="2156" y="310"/>
                  </a:lnTo>
                  <a:lnTo>
                    <a:pt x="2150" y="308"/>
                  </a:lnTo>
                  <a:lnTo>
                    <a:pt x="2145" y="305"/>
                  </a:lnTo>
                  <a:lnTo>
                    <a:pt x="2140" y="303"/>
                  </a:lnTo>
                  <a:lnTo>
                    <a:pt x="2135" y="303"/>
                  </a:lnTo>
                  <a:lnTo>
                    <a:pt x="2133" y="300"/>
                  </a:lnTo>
                  <a:lnTo>
                    <a:pt x="2133" y="298"/>
                  </a:lnTo>
                  <a:lnTo>
                    <a:pt x="2138" y="295"/>
                  </a:lnTo>
                  <a:lnTo>
                    <a:pt x="2143" y="292"/>
                  </a:lnTo>
                  <a:lnTo>
                    <a:pt x="2148" y="290"/>
                  </a:lnTo>
                  <a:lnTo>
                    <a:pt x="2150" y="285"/>
                  </a:lnTo>
                  <a:lnTo>
                    <a:pt x="2153" y="282"/>
                  </a:lnTo>
                  <a:lnTo>
                    <a:pt x="2156" y="277"/>
                  </a:lnTo>
                  <a:lnTo>
                    <a:pt x="2156" y="275"/>
                  </a:lnTo>
                  <a:lnTo>
                    <a:pt x="2153" y="272"/>
                  </a:lnTo>
                  <a:lnTo>
                    <a:pt x="2153" y="270"/>
                  </a:lnTo>
                  <a:lnTo>
                    <a:pt x="2150" y="267"/>
                  </a:lnTo>
                  <a:lnTo>
                    <a:pt x="2150" y="265"/>
                  </a:lnTo>
                  <a:lnTo>
                    <a:pt x="2150" y="260"/>
                  </a:lnTo>
                  <a:lnTo>
                    <a:pt x="2153" y="257"/>
                  </a:lnTo>
                  <a:lnTo>
                    <a:pt x="2153" y="255"/>
                  </a:lnTo>
                  <a:lnTo>
                    <a:pt x="2153" y="252"/>
                  </a:lnTo>
                  <a:lnTo>
                    <a:pt x="2150" y="250"/>
                  </a:lnTo>
                  <a:lnTo>
                    <a:pt x="2148" y="250"/>
                  </a:lnTo>
                  <a:lnTo>
                    <a:pt x="2143" y="247"/>
                  </a:lnTo>
                  <a:lnTo>
                    <a:pt x="2140" y="245"/>
                  </a:lnTo>
                  <a:lnTo>
                    <a:pt x="2140" y="242"/>
                  </a:lnTo>
                  <a:lnTo>
                    <a:pt x="2140" y="240"/>
                  </a:lnTo>
                  <a:lnTo>
                    <a:pt x="2140" y="237"/>
                  </a:lnTo>
                  <a:lnTo>
                    <a:pt x="2138" y="234"/>
                  </a:lnTo>
                  <a:lnTo>
                    <a:pt x="2133" y="234"/>
                  </a:lnTo>
                  <a:lnTo>
                    <a:pt x="2128" y="232"/>
                  </a:lnTo>
                  <a:lnTo>
                    <a:pt x="2120" y="232"/>
                  </a:lnTo>
                  <a:lnTo>
                    <a:pt x="2113" y="229"/>
                  </a:lnTo>
                  <a:lnTo>
                    <a:pt x="2105" y="229"/>
                  </a:lnTo>
                  <a:lnTo>
                    <a:pt x="2100" y="227"/>
                  </a:lnTo>
                  <a:lnTo>
                    <a:pt x="2095" y="224"/>
                  </a:lnTo>
                  <a:lnTo>
                    <a:pt x="2095" y="219"/>
                  </a:lnTo>
                  <a:lnTo>
                    <a:pt x="2100" y="217"/>
                  </a:lnTo>
                  <a:lnTo>
                    <a:pt x="2105" y="212"/>
                  </a:lnTo>
                  <a:lnTo>
                    <a:pt x="2108" y="207"/>
                  </a:lnTo>
                  <a:lnTo>
                    <a:pt x="2110" y="204"/>
                  </a:lnTo>
                  <a:lnTo>
                    <a:pt x="2108" y="202"/>
                  </a:lnTo>
                  <a:lnTo>
                    <a:pt x="2105" y="202"/>
                  </a:lnTo>
                  <a:lnTo>
                    <a:pt x="2103" y="199"/>
                  </a:lnTo>
                  <a:lnTo>
                    <a:pt x="2098" y="202"/>
                  </a:lnTo>
                  <a:lnTo>
                    <a:pt x="2093" y="202"/>
                  </a:lnTo>
                  <a:lnTo>
                    <a:pt x="2087" y="202"/>
                  </a:lnTo>
                  <a:lnTo>
                    <a:pt x="2085" y="202"/>
                  </a:lnTo>
                  <a:lnTo>
                    <a:pt x="2082" y="199"/>
                  </a:lnTo>
                  <a:lnTo>
                    <a:pt x="2082" y="197"/>
                  </a:lnTo>
                  <a:lnTo>
                    <a:pt x="2080" y="197"/>
                  </a:lnTo>
                  <a:lnTo>
                    <a:pt x="2077" y="194"/>
                  </a:lnTo>
                  <a:lnTo>
                    <a:pt x="2075" y="194"/>
                  </a:lnTo>
                  <a:lnTo>
                    <a:pt x="2070" y="194"/>
                  </a:lnTo>
                  <a:lnTo>
                    <a:pt x="2062" y="194"/>
                  </a:lnTo>
                  <a:lnTo>
                    <a:pt x="2055" y="184"/>
                  </a:lnTo>
                  <a:lnTo>
                    <a:pt x="2052" y="174"/>
                  </a:lnTo>
                  <a:lnTo>
                    <a:pt x="2050" y="161"/>
                  </a:lnTo>
                  <a:lnTo>
                    <a:pt x="2050" y="154"/>
                  </a:lnTo>
                  <a:lnTo>
                    <a:pt x="2050" y="146"/>
                  </a:lnTo>
                  <a:lnTo>
                    <a:pt x="2050" y="141"/>
                  </a:lnTo>
                  <a:lnTo>
                    <a:pt x="2047" y="134"/>
                  </a:lnTo>
                  <a:lnTo>
                    <a:pt x="2045" y="129"/>
                  </a:lnTo>
                  <a:lnTo>
                    <a:pt x="2045" y="121"/>
                  </a:lnTo>
                  <a:lnTo>
                    <a:pt x="2047" y="111"/>
                  </a:lnTo>
                  <a:lnTo>
                    <a:pt x="2047" y="103"/>
                  </a:lnTo>
                  <a:lnTo>
                    <a:pt x="2047" y="101"/>
                  </a:lnTo>
                  <a:lnTo>
                    <a:pt x="2045" y="98"/>
                  </a:lnTo>
                  <a:lnTo>
                    <a:pt x="2042" y="98"/>
                  </a:lnTo>
                  <a:lnTo>
                    <a:pt x="2040" y="96"/>
                  </a:lnTo>
                  <a:lnTo>
                    <a:pt x="2035" y="96"/>
                  </a:lnTo>
                  <a:lnTo>
                    <a:pt x="2032" y="98"/>
                  </a:lnTo>
                  <a:lnTo>
                    <a:pt x="2029" y="98"/>
                  </a:lnTo>
                  <a:lnTo>
                    <a:pt x="2027" y="98"/>
                  </a:lnTo>
                  <a:lnTo>
                    <a:pt x="2022" y="101"/>
                  </a:lnTo>
                  <a:lnTo>
                    <a:pt x="2017" y="103"/>
                  </a:lnTo>
                  <a:lnTo>
                    <a:pt x="2014" y="106"/>
                  </a:lnTo>
                  <a:lnTo>
                    <a:pt x="2012" y="111"/>
                  </a:lnTo>
                  <a:lnTo>
                    <a:pt x="2009" y="113"/>
                  </a:lnTo>
                  <a:lnTo>
                    <a:pt x="2007" y="116"/>
                  </a:lnTo>
                  <a:lnTo>
                    <a:pt x="2004" y="121"/>
                  </a:lnTo>
                  <a:lnTo>
                    <a:pt x="2004" y="124"/>
                  </a:lnTo>
                  <a:lnTo>
                    <a:pt x="2002" y="129"/>
                  </a:lnTo>
                  <a:lnTo>
                    <a:pt x="1999" y="131"/>
                  </a:lnTo>
                  <a:lnTo>
                    <a:pt x="1997" y="131"/>
                  </a:lnTo>
                  <a:lnTo>
                    <a:pt x="1994" y="131"/>
                  </a:lnTo>
                  <a:lnTo>
                    <a:pt x="1992" y="134"/>
                  </a:lnTo>
                  <a:lnTo>
                    <a:pt x="1992" y="131"/>
                  </a:lnTo>
                  <a:lnTo>
                    <a:pt x="1989" y="131"/>
                  </a:lnTo>
                  <a:lnTo>
                    <a:pt x="1987" y="129"/>
                  </a:lnTo>
                  <a:lnTo>
                    <a:pt x="1984" y="126"/>
                  </a:lnTo>
                  <a:lnTo>
                    <a:pt x="1982" y="126"/>
                  </a:lnTo>
                  <a:lnTo>
                    <a:pt x="1979" y="126"/>
                  </a:lnTo>
                  <a:lnTo>
                    <a:pt x="1977" y="129"/>
                  </a:lnTo>
                  <a:lnTo>
                    <a:pt x="1974" y="131"/>
                  </a:lnTo>
                  <a:lnTo>
                    <a:pt x="1971" y="134"/>
                  </a:lnTo>
                  <a:lnTo>
                    <a:pt x="1969" y="136"/>
                  </a:lnTo>
                  <a:lnTo>
                    <a:pt x="1964" y="141"/>
                  </a:lnTo>
                  <a:lnTo>
                    <a:pt x="1964" y="139"/>
                  </a:lnTo>
                  <a:lnTo>
                    <a:pt x="1964" y="136"/>
                  </a:lnTo>
                  <a:lnTo>
                    <a:pt x="1964" y="134"/>
                  </a:lnTo>
                  <a:lnTo>
                    <a:pt x="1961" y="131"/>
                  </a:lnTo>
                  <a:lnTo>
                    <a:pt x="1954" y="131"/>
                  </a:lnTo>
                  <a:lnTo>
                    <a:pt x="1946" y="134"/>
                  </a:lnTo>
                  <a:lnTo>
                    <a:pt x="1946" y="131"/>
                  </a:lnTo>
                  <a:lnTo>
                    <a:pt x="1951" y="129"/>
                  </a:lnTo>
                  <a:lnTo>
                    <a:pt x="1954" y="124"/>
                  </a:lnTo>
                  <a:lnTo>
                    <a:pt x="1959" y="119"/>
                  </a:lnTo>
                  <a:lnTo>
                    <a:pt x="1961" y="116"/>
                  </a:lnTo>
                  <a:lnTo>
                    <a:pt x="1964" y="111"/>
                  </a:lnTo>
                  <a:lnTo>
                    <a:pt x="1961" y="108"/>
                  </a:lnTo>
                  <a:lnTo>
                    <a:pt x="1954" y="108"/>
                  </a:lnTo>
                  <a:lnTo>
                    <a:pt x="1949" y="111"/>
                  </a:lnTo>
                  <a:lnTo>
                    <a:pt x="1944" y="111"/>
                  </a:lnTo>
                  <a:lnTo>
                    <a:pt x="1939" y="111"/>
                  </a:lnTo>
                  <a:lnTo>
                    <a:pt x="1934" y="108"/>
                  </a:lnTo>
                  <a:lnTo>
                    <a:pt x="1931" y="108"/>
                  </a:lnTo>
                  <a:lnTo>
                    <a:pt x="1926" y="108"/>
                  </a:lnTo>
                  <a:lnTo>
                    <a:pt x="1924" y="108"/>
                  </a:lnTo>
                  <a:lnTo>
                    <a:pt x="1919" y="108"/>
                  </a:lnTo>
                  <a:lnTo>
                    <a:pt x="1916" y="108"/>
                  </a:lnTo>
                  <a:lnTo>
                    <a:pt x="1914" y="111"/>
                  </a:lnTo>
                  <a:lnTo>
                    <a:pt x="1911" y="111"/>
                  </a:lnTo>
                  <a:lnTo>
                    <a:pt x="1906" y="111"/>
                  </a:lnTo>
                  <a:lnTo>
                    <a:pt x="1898" y="116"/>
                  </a:lnTo>
                  <a:lnTo>
                    <a:pt x="1888" y="121"/>
                  </a:lnTo>
                  <a:lnTo>
                    <a:pt x="1876" y="126"/>
                  </a:lnTo>
                  <a:lnTo>
                    <a:pt x="1866" y="129"/>
                  </a:lnTo>
                  <a:lnTo>
                    <a:pt x="1853" y="134"/>
                  </a:lnTo>
                  <a:lnTo>
                    <a:pt x="1845" y="139"/>
                  </a:lnTo>
                  <a:lnTo>
                    <a:pt x="1838" y="144"/>
                  </a:lnTo>
                  <a:lnTo>
                    <a:pt x="1835" y="149"/>
                  </a:lnTo>
                  <a:lnTo>
                    <a:pt x="1833" y="151"/>
                  </a:lnTo>
                  <a:lnTo>
                    <a:pt x="1830" y="156"/>
                  </a:lnTo>
                  <a:lnTo>
                    <a:pt x="1830" y="159"/>
                  </a:lnTo>
                  <a:lnTo>
                    <a:pt x="1828" y="161"/>
                  </a:lnTo>
                  <a:lnTo>
                    <a:pt x="1825" y="164"/>
                  </a:lnTo>
                  <a:lnTo>
                    <a:pt x="1820" y="166"/>
                  </a:lnTo>
                  <a:lnTo>
                    <a:pt x="1815" y="166"/>
                  </a:lnTo>
                  <a:lnTo>
                    <a:pt x="1808" y="166"/>
                  </a:lnTo>
                  <a:lnTo>
                    <a:pt x="1800" y="169"/>
                  </a:lnTo>
                  <a:lnTo>
                    <a:pt x="1792" y="169"/>
                  </a:lnTo>
                  <a:lnTo>
                    <a:pt x="1782" y="174"/>
                  </a:lnTo>
                  <a:lnTo>
                    <a:pt x="1775" y="176"/>
                  </a:lnTo>
                  <a:lnTo>
                    <a:pt x="1767" y="182"/>
                  </a:lnTo>
                  <a:lnTo>
                    <a:pt x="1760" y="184"/>
                  </a:lnTo>
                  <a:lnTo>
                    <a:pt x="1755" y="189"/>
                  </a:lnTo>
                  <a:lnTo>
                    <a:pt x="1752" y="192"/>
                  </a:lnTo>
                  <a:lnTo>
                    <a:pt x="1750" y="197"/>
                  </a:lnTo>
                  <a:lnTo>
                    <a:pt x="1745" y="202"/>
                  </a:lnTo>
                  <a:lnTo>
                    <a:pt x="1737" y="207"/>
                  </a:lnTo>
                  <a:lnTo>
                    <a:pt x="1727" y="212"/>
                  </a:lnTo>
                  <a:lnTo>
                    <a:pt x="1719" y="217"/>
                  </a:lnTo>
                  <a:lnTo>
                    <a:pt x="1712" y="222"/>
                  </a:lnTo>
                  <a:lnTo>
                    <a:pt x="1707" y="229"/>
                  </a:lnTo>
                  <a:lnTo>
                    <a:pt x="1704" y="234"/>
                  </a:lnTo>
                  <a:lnTo>
                    <a:pt x="1704" y="240"/>
                  </a:lnTo>
                  <a:lnTo>
                    <a:pt x="1702" y="247"/>
                  </a:lnTo>
                  <a:lnTo>
                    <a:pt x="1697" y="252"/>
                  </a:lnTo>
                  <a:lnTo>
                    <a:pt x="1692" y="255"/>
                  </a:lnTo>
                  <a:lnTo>
                    <a:pt x="1684" y="260"/>
                  </a:lnTo>
                  <a:lnTo>
                    <a:pt x="1677" y="262"/>
                  </a:lnTo>
                  <a:lnTo>
                    <a:pt x="1669" y="265"/>
                  </a:lnTo>
                  <a:lnTo>
                    <a:pt x="1659" y="267"/>
                  </a:lnTo>
                  <a:lnTo>
                    <a:pt x="1651" y="270"/>
                  </a:lnTo>
                  <a:lnTo>
                    <a:pt x="1646" y="272"/>
                  </a:lnTo>
                  <a:lnTo>
                    <a:pt x="1639" y="277"/>
                  </a:lnTo>
                  <a:lnTo>
                    <a:pt x="1636" y="280"/>
                  </a:lnTo>
                  <a:lnTo>
                    <a:pt x="1634" y="282"/>
                  </a:lnTo>
                  <a:lnTo>
                    <a:pt x="1634" y="287"/>
                  </a:lnTo>
                  <a:lnTo>
                    <a:pt x="1634" y="290"/>
                  </a:lnTo>
                  <a:lnTo>
                    <a:pt x="1636" y="295"/>
                  </a:lnTo>
                  <a:close/>
                  <a:moveTo>
                    <a:pt x="1258" y="159"/>
                  </a:moveTo>
                  <a:lnTo>
                    <a:pt x="1258" y="159"/>
                  </a:lnTo>
                  <a:lnTo>
                    <a:pt x="1261" y="159"/>
                  </a:lnTo>
                  <a:lnTo>
                    <a:pt x="1263" y="164"/>
                  </a:lnTo>
                  <a:lnTo>
                    <a:pt x="1271" y="166"/>
                  </a:lnTo>
                  <a:lnTo>
                    <a:pt x="1278" y="166"/>
                  </a:lnTo>
                  <a:lnTo>
                    <a:pt x="1283" y="161"/>
                  </a:lnTo>
                  <a:lnTo>
                    <a:pt x="1288" y="159"/>
                  </a:lnTo>
                  <a:lnTo>
                    <a:pt x="1291" y="156"/>
                  </a:lnTo>
                  <a:lnTo>
                    <a:pt x="1293" y="154"/>
                  </a:lnTo>
                  <a:lnTo>
                    <a:pt x="1296" y="156"/>
                  </a:lnTo>
                  <a:lnTo>
                    <a:pt x="1301" y="159"/>
                  </a:lnTo>
                  <a:lnTo>
                    <a:pt x="1306" y="164"/>
                  </a:lnTo>
                  <a:lnTo>
                    <a:pt x="1311" y="169"/>
                  </a:lnTo>
                  <a:lnTo>
                    <a:pt x="1316" y="174"/>
                  </a:lnTo>
                  <a:lnTo>
                    <a:pt x="1316" y="176"/>
                  </a:lnTo>
                  <a:lnTo>
                    <a:pt x="1311" y="174"/>
                  </a:lnTo>
                  <a:lnTo>
                    <a:pt x="1306" y="171"/>
                  </a:lnTo>
                  <a:lnTo>
                    <a:pt x="1298" y="169"/>
                  </a:lnTo>
                  <a:lnTo>
                    <a:pt x="1296" y="171"/>
                  </a:lnTo>
                  <a:lnTo>
                    <a:pt x="1296" y="176"/>
                  </a:lnTo>
                  <a:lnTo>
                    <a:pt x="1296" y="182"/>
                  </a:lnTo>
                  <a:lnTo>
                    <a:pt x="1301" y="184"/>
                  </a:lnTo>
                  <a:lnTo>
                    <a:pt x="1303" y="189"/>
                  </a:lnTo>
                  <a:lnTo>
                    <a:pt x="1303" y="194"/>
                  </a:lnTo>
                  <a:lnTo>
                    <a:pt x="1301" y="197"/>
                  </a:lnTo>
                  <a:lnTo>
                    <a:pt x="1296" y="199"/>
                  </a:lnTo>
                  <a:lnTo>
                    <a:pt x="1293" y="202"/>
                  </a:lnTo>
                  <a:lnTo>
                    <a:pt x="1291" y="204"/>
                  </a:lnTo>
                  <a:lnTo>
                    <a:pt x="1293" y="209"/>
                  </a:lnTo>
                  <a:lnTo>
                    <a:pt x="1296" y="214"/>
                  </a:lnTo>
                  <a:lnTo>
                    <a:pt x="1298" y="214"/>
                  </a:lnTo>
                  <a:lnTo>
                    <a:pt x="1306" y="214"/>
                  </a:lnTo>
                  <a:lnTo>
                    <a:pt x="1313" y="214"/>
                  </a:lnTo>
                  <a:lnTo>
                    <a:pt x="1321" y="214"/>
                  </a:lnTo>
                  <a:lnTo>
                    <a:pt x="1326" y="214"/>
                  </a:lnTo>
                  <a:lnTo>
                    <a:pt x="1331" y="212"/>
                  </a:lnTo>
                  <a:lnTo>
                    <a:pt x="1336" y="209"/>
                  </a:lnTo>
                  <a:lnTo>
                    <a:pt x="1341" y="207"/>
                  </a:lnTo>
                  <a:lnTo>
                    <a:pt x="1346" y="204"/>
                  </a:lnTo>
                  <a:lnTo>
                    <a:pt x="1351" y="204"/>
                  </a:lnTo>
                  <a:lnTo>
                    <a:pt x="1356" y="207"/>
                  </a:lnTo>
                  <a:lnTo>
                    <a:pt x="1359" y="207"/>
                  </a:lnTo>
                  <a:lnTo>
                    <a:pt x="1364" y="207"/>
                  </a:lnTo>
                  <a:lnTo>
                    <a:pt x="1366" y="204"/>
                  </a:lnTo>
                  <a:lnTo>
                    <a:pt x="1371" y="199"/>
                  </a:lnTo>
                  <a:lnTo>
                    <a:pt x="1374" y="197"/>
                  </a:lnTo>
                  <a:lnTo>
                    <a:pt x="1377" y="194"/>
                  </a:lnTo>
                  <a:lnTo>
                    <a:pt x="1374" y="189"/>
                  </a:lnTo>
                  <a:lnTo>
                    <a:pt x="1369" y="187"/>
                  </a:lnTo>
                  <a:lnTo>
                    <a:pt x="1361" y="184"/>
                  </a:lnTo>
                  <a:lnTo>
                    <a:pt x="1359" y="182"/>
                  </a:lnTo>
                  <a:lnTo>
                    <a:pt x="1356" y="179"/>
                  </a:lnTo>
                  <a:lnTo>
                    <a:pt x="1359" y="176"/>
                  </a:lnTo>
                  <a:lnTo>
                    <a:pt x="1364" y="174"/>
                  </a:lnTo>
                  <a:lnTo>
                    <a:pt x="1364" y="171"/>
                  </a:lnTo>
                  <a:lnTo>
                    <a:pt x="1366" y="166"/>
                  </a:lnTo>
                  <a:lnTo>
                    <a:pt x="1364" y="161"/>
                  </a:lnTo>
                  <a:lnTo>
                    <a:pt x="1364" y="159"/>
                  </a:lnTo>
                  <a:lnTo>
                    <a:pt x="1364" y="156"/>
                  </a:lnTo>
                  <a:lnTo>
                    <a:pt x="1364" y="154"/>
                  </a:lnTo>
                  <a:lnTo>
                    <a:pt x="1366" y="151"/>
                  </a:lnTo>
                  <a:lnTo>
                    <a:pt x="1371" y="144"/>
                  </a:lnTo>
                  <a:lnTo>
                    <a:pt x="1377" y="136"/>
                  </a:lnTo>
                  <a:lnTo>
                    <a:pt x="1374" y="129"/>
                  </a:lnTo>
                  <a:lnTo>
                    <a:pt x="1366" y="124"/>
                  </a:lnTo>
                  <a:lnTo>
                    <a:pt x="1359" y="119"/>
                  </a:lnTo>
                  <a:lnTo>
                    <a:pt x="1354" y="116"/>
                  </a:lnTo>
                  <a:lnTo>
                    <a:pt x="1354" y="111"/>
                  </a:lnTo>
                  <a:lnTo>
                    <a:pt x="1359" y="108"/>
                  </a:lnTo>
                  <a:lnTo>
                    <a:pt x="1366" y="103"/>
                  </a:lnTo>
                  <a:lnTo>
                    <a:pt x="1371" y="98"/>
                  </a:lnTo>
                  <a:lnTo>
                    <a:pt x="1374" y="91"/>
                  </a:lnTo>
                  <a:lnTo>
                    <a:pt x="1374" y="86"/>
                  </a:lnTo>
                  <a:lnTo>
                    <a:pt x="1374" y="78"/>
                  </a:lnTo>
                  <a:lnTo>
                    <a:pt x="1374" y="71"/>
                  </a:lnTo>
                  <a:lnTo>
                    <a:pt x="1374" y="66"/>
                  </a:lnTo>
                  <a:lnTo>
                    <a:pt x="1377" y="55"/>
                  </a:lnTo>
                  <a:lnTo>
                    <a:pt x="1377" y="48"/>
                  </a:lnTo>
                  <a:lnTo>
                    <a:pt x="1379" y="40"/>
                  </a:lnTo>
                  <a:lnTo>
                    <a:pt x="1377" y="38"/>
                  </a:lnTo>
                  <a:lnTo>
                    <a:pt x="1374" y="35"/>
                  </a:lnTo>
                  <a:lnTo>
                    <a:pt x="1369" y="38"/>
                  </a:lnTo>
                  <a:lnTo>
                    <a:pt x="1366" y="35"/>
                  </a:lnTo>
                  <a:lnTo>
                    <a:pt x="1369" y="30"/>
                  </a:lnTo>
                  <a:lnTo>
                    <a:pt x="1374" y="23"/>
                  </a:lnTo>
                  <a:lnTo>
                    <a:pt x="1377" y="18"/>
                  </a:lnTo>
                  <a:lnTo>
                    <a:pt x="1377" y="10"/>
                  </a:lnTo>
                  <a:lnTo>
                    <a:pt x="1377" y="5"/>
                  </a:lnTo>
                  <a:lnTo>
                    <a:pt x="1374" y="5"/>
                  </a:lnTo>
                  <a:lnTo>
                    <a:pt x="1371" y="5"/>
                  </a:lnTo>
                  <a:lnTo>
                    <a:pt x="1369" y="5"/>
                  </a:lnTo>
                  <a:lnTo>
                    <a:pt x="1366" y="5"/>
                  </a:lnTo>
                  <a:lnTo>
                    <a:pt x="1361" y="3"/>
                  </a:lnTo>
                  <a:lnTo>
                    <a:pt x="1356" y="3"/>
                  </a:lnTo>
                  <a:lnTo>
                    <a:pt x="1354" y="0"/>
                  </a:lnTo>
                  <a:lnTo>
                    <a:pt x="1351" y="0"/>
                  </a:lnTo>
                  <a:lnTo>
                    <a:pt x="1349" y="3"/>
                  </a:lnTo>
                  <a:lnTo>
                    <a:pt x="1346" y="5"/>
                  </a:lnTo>
                  <a:lnTo>
                    <a:pt x="1341" y="5"/>
                  </a:lnTo>
                  <a:lnTo>
                    <a:pt x="1336" y="5"/>
                  </a:lnTo>
                  <a:lnTo>
                    <a:pt x="1334" y="5"/>
                  </a:lnTo>
                  <a:lnTo>
                    <a:pt x="1329" y="8"/>
                  </a:lnTo>
                  <a:lnTo>
                    <a:pt x="1326" y="8"/>
                  </a:lnTo>
                  <a:lnTo>
                    <a:pt x="1324" y="8"/>
                  </a:lnTo>
                  <a:lnTo>
                    <a:pt x="1324" y="10"/>
                  </a:lnTo>
                  <a:lnTo>
                    <a:pt x="1321" y="13"/>
                  </a:lnTo>
                  <a:lnTo>
                    <a:pt x="1319" y="13"/>
                  </a:lnTo>
                  <a:lnTo>
                    <a:pt x="1316" y="13"/>
                  </a:lnTo>
                  <a:lnTo>
                    <a:pt x="1311" y="15"/>
                  </a:lnTo>
                  <a:lnTo>
                    <a:pt x="1303" y="18"/>
                  </a:lnTo>
                  <a:lnTo>
                    <a:pt x="1301" y="20"/>
                  </a:lnTo>
                  <a:lnTo>
                    <a:pt x="1296" y="25"/>
                  </a:lnTo>
                  <a:lnTo>
                    <a:pt x="1293" y="30"/>
                  </a:lnTo>
                  <a:lnTo>
                    <a:pt x="1293" y="35"/>
                  </a:lnTo>
                  <a:lnTo>
                    <a:pt x="1293" y="38"/>
                  </a:lnTo>
                  <a:lnTo>
                    <a:pt x="1293" y="40"/>
                  </a:lnTo>
                  <a:lnTo>
                    <a:pt x="1291" y="40"/>
                  </a:lnTo>
                  <a:lnTo>
                    <a:pt x="1286" y="43"/>
                  </a:lnTo>
                  <a:lnTo>
                    <a:pt x="1281" y="43"/>
                  </a:lnTo>
                  <a:lnTo>
                    <a:pt x="1278" y="45"/>
                  </a:lnTo>
                  <a:lnTo>
                    <a:pt x="1276" y="48"/>
                  </a:lnTo>
                  <a:lnTo>
                    <a:pt x="1273" y="50"/>
                  </a:lnTo>
                  <a:lnTo>
                    <a:pt x="1271" y="53"/>
                  </a:lnTo>
                  <a:lnTo>
                    <a:pt x="1268" y="55"/>
                  </a:lnTo>
                  <a:lnTo>
                    <a:pt x="1266" y="58"/>
                  </a:lnTo>
                  <a:lnTo>
                    <a:pt x="1263" y="61"/>
                  </a:lnTo>
                  <a:lnTo>
                    <a:pt x="1261" y="66"/>
                  </a:lnTo>
                  <a:lnTo>
                    <a:pt x="1261" y="71"/>
                  </a:lnTo>
                  <a:lnTo>
                    <a:pt x="1266" y="76"/>
                  </a:lnTo>
                  <a:lnTo>
                    <a:pt x="1268" y="81"/>
                  </a:lnTo>
                  <a:lnTo>
                    <a:pt x="1271" y="86"/>
                  </a:lnTo>
                  <a:lnTo>
                    <a:pt x="1271" y="88"/>
                  </a:lnTo>
                  <a:lnTo>
                    <a:pt x="1268" y="91"/>
                  </a:lnTo>
                  <a:lnTo>
                    <a:pt x="1268" y="96"/>
                  </a:lnTo>
                  <a:lnTo>
                    <a:pt x="1266" y="96"/>
                  </a:lnTo>
                  <a:lnTo>
                    <a:pt x="1263" y="93"/>
                  </a:lnTo>
                  <a:lnTo>
                    <a:pt x="1261" y="88"/>
                  </a:lnTo>
                  <a:lnTo>
                    <a:pt x="1258" y="83"/>
                  </a:lnTo>
                  <a:lnTo>
                    <a:pt x="1256" y="78"/>
                  </a:lnTo>
                  <a:lnTo>
                    <a:pt x="1253" y="76"/>
                  </a:lnTo>
                  <a:lnTo>
                    <a:pt x="1250" y="78"/>
                  </a:lnTo>
                  <a:lnTo>
                    <a:pt x="1248" y="81"/>
                  </a:lnTo>
                  <a:lnTo>
                    <a:pt x="1245" y="86"/>
                  </a:lnTo>
                  <a:lnTo>
                    <a:pt x="1243" y="88"/>
                  </a:lnTo>
                  <a:lnTo>
                    <a:pt x="1240" y="93"/>
                  </a:lnTo>
                  <a:lnTo>
                    <a:pt x="1240" y="98"/>
                  </a:lnTo>
                  <a:lnTo>
                    <a:pt x="1238" y="108"/>
                  </a:lnTo>
                  <a:lnTo>
                    <a:pt x="1235" y="116"/>
                  </a:lnTo>
                  <a:lnTo>
                    <a:pt x="1235" y="121"/>
                  </a:lnTo>
                  <a:lnTo>
                    <a:pt x="1235" y="126"/>
                  </a:lnTo>
                  <a:lnTo>
                    <a:pt x="1238" y="131"/>
                  </a:lnTo>
                  <a:lnTo>
                    <a:pt x="1243" y="134"/>
                  </a:lnTo>
                  <a:lnTo>
                    <a:pt x="1245" y="134"/>
                  </a:lnTo>
                  <a:lnTo>
                    <a:pt x="1250" y="134"/>
                  </a:lnTo>
                  <a:lnTo>
                    <a:pt x="1253" y="136"/>
                  </a:lnTo>
                  <a:lnTo>
                    <a:pt x="1256" y="134"/>
                  </a:lnTo>
                  <a:lnTo>
                    <a:pt x="1258" y="134"/>
                  </a:lnTo>
                  <a:lnTo>
                    <a:pt x="1258" y="136"/>
                  </a:lnTo>
                  <a:lnTo>
                    <a:pt x="1256" y="141"/>
                  </a:lnTo>
                  <a:lnTo>
                    <a:pt x="1253" y="144"/>
                  </a:lnTo>
                  <a:lnTo>
                    <a:pt x="1253" y="146"/>
                  </a:lnTo>
                  <a:lnTo>
                    <a:pt x="1258" y="159"/>
                  </a:lnTo>
                  <a:close/>
                  <a:moveTo>
                    <a:pt x="1866" y="1003"/>
                  </a:moveTo>
                  <a:lnTo>
                    <a:pt x="1840" y="1024"/>
                  </a:lnTo>
                  <a:lnTo>
                    <a:pt x="1813" y="1067"/>
                  </a:lnTo>
                  <a:lnTo>
                    <a:pt x="1808" y="1082"/>
                  </a:lnTo>
                  <a:lnTo>
                    <a:pt x="1808" y="1102"/>
                  </a:lnTo>
                  <a:lnTo>
                    <a:pt x="1823" y="1097"/>
                  </a:lnTo>
                  <a:lnTo>
                    <a:pt x="1850" y="1102"/>
                  </a:lnTo>
                  <a:lnTo>
                    <a:pt x="1866" y="1112"/>
                  </a:lnTo>
                  <a:lnTo>
                    <a:pt x="1881" y="1107"/>
                  </a:lnTo>
                  <a:lnTo>
                    <a:pt x="1893" y="1122"/>
                  </a:lnTo>
                  <a:lnTo>
                    <a:pt x="1914" y="1117"/>
                  </a:lnTo>
                  <a:lnTo>
                    <a:pt x="1914" y="1097"/>
                  </a:lnTo>
                  <a:lnTo>
                    <a:pt x="1903" y="1072"/>
                  </a:lnTo>
                  <a:lnTo>
                    <a:pt x="1861" y="1051"/>
                  </a:lnTo>
                  <a:lnTo>
                    <a:pt x="1856" y="1041"/>
                  </a:lnTo>
                  <a:lnTo>
                    <a:pt x="1866" y="1019"/>
                  </a:lnTo>
                  <a:lnTo>
                    <a:pt x="1866" y="1003"/>
                  </a:lnTo>
                  <a:close/>
                  <a:moveTo>
                    <a:pt x="1258" y="247"/>
                  </a:moveTo>
                  <a:lnTo>
                    <a:pt x="1258" y="245"/>
                  </a:lnTo>
                  <a:lnTo>
                    <a:pt x="1256" y="245"/>
                  </a:lnTo>
                  <a:lnTo>
                    <a:pt x="1253" y="247"/>
                  </a:lnTo>
                  <a:lnTo>
                    <a:pt x="1258" y="247"/>
                  </a:lnTo>
                  <a:close/>
                  <a:moveTo>
                    <a:pt x="1238" y="219"/>
                  </a:moveTo>
                  <a:lnTo>
                    <a:pt x="1243" y="219"/>
                  </a:lnTo>
                  <a:lnTo>
                    <a:pt x="1250" y="224"/>
                  </a:lnTo>
                  <a:lnTo>
                    <a:pt x="1253" y="227"/>
                  </a:lnTo>
                  <a:lnTo>
                    <a:pt x="1256" y="227"/>
                  </a:lnTo>
                  <a:lnTo>
                    <a:pt x="1261" y="224"/>
                  </a:lnTo>
                  <a:lnTo>
                    <a:pt x="1266" y="224"/>
                  </a:lnTo>
                  <a:lnTo>
                    <a:pt x="1268" y="227"/>
                  </a:lnTo>
                  <a:lnTo>
                    <a:pt x="1271" y="229"/>
                  </a:lnTo>
                  <a:lnTo>
                    <a:pt x="1271" y="234"/>
                  </a:lnTo>
                  <a:lnTo>
                    <a:pt x="1273" y="237"/>
                  </a:lnTo>
                  <a:lnTo>
                    <a:pt x="1273" y="240"/>
                  </a:lnTo>
                  <a:lnTo>
                    <a:pt x="1273" y="245"/>
                  </a:lnTo>
                  <a:lnTo>
                    <a:pt x="1273" y="252"/>
                  </a:lnTo>
                  <a:lnTo>
                    <a:pt x="1273" y="257"/>
                  </a:lnTo>
                  <a:lnTo>
                    <a:pt x="1276" y="262"/>
                  </a:lnTo>
                  <a:lnTo>
                    <a:pt x="1281" y="265"/>
                  </a:lnTo>
                  <a:lnTo>
                    <a:pt x="1283" y="267"/>
                  </a:lnTo>
                  <a:lnTo>
                    <a:pt x="1288" y="270"/>
                  </a:lnTo>
                  <a:lnTo>
                    <a:pt x="1291" y="270"/>
                  </a:lnTo>
                  <a:lnTo>
                    <a:pt x="1296" y="270"/>
                  </a:lnTo>
                  <a:lnTo>
                    <a:pt x="1301" y="272"/>
                  </a:lnTo>
                  <a:lnTo>
                    <a:pt x="1306" y="272"/>
                  </a:lnTo>
                  <a:lnTo>
                    <a:pt x="1311" y="270"/>
                  </a:lnTo>
                  <a:lnTo>
                    <a:pt x="1313" y="270"/>
                  </a:lnTo>
                  <a:lnTo>
                    <a:pt x="1319" y="270"/>
                  </a:lnTo>
                  <a:lnTo>
                    <a:pt x="1321" y="267"/>
                  </a:lnTo>
                  <a:lnTo>
                    <a:pt x="1324" y="267"/>
                  </a:lnTo>
                  <a:lnTo>
                    <a:pt x="1329" y="267"/>
                  </a:lnTo>
                  <a:lnTo>
                    <a:pt x="1331" y="267"/>
                  </a:lnTo>
                  <a:lnTo>
                    <a:pt x="1336" y="267"/>
                  </a:lnTo>
                  <a:lnTo>
                    <a:pt x="1341" y="265"/>
                  </a:lnTo>
                  <a:lnTo>
                    <a:pt x="1344" y="265"/>
                  </a:lnTo>
                  <a:lnTo>
                    <a:pt x="1346" y="265"/>
                  </a:lnTo>
                  <a:lnTo>
                    <a:pt x="1349" y="260"/>
                  </a:lnTo>
                  <a:lnTo>
                    <a:pt x="1351" y="260"/>
                  </a:lnTo>
                  <a:lnTo>
                    <a:pt x="1354" y="260"/>
                  </a:lnTo>
                  <a:lnTo>
                    <a:pt x="1359" y="262"/>
                  </a:lnTo>
                  <a:lnTo>
                    <a:pt x="1364" y="262"/>
                  </a:lnTo>
                  <a:lnTo>
                    <a:pt x="1366" y="260"/>
                  </a:lnTo>
                  <a:lnTo>
                    <a:pt x="1371" y="260"/>
                  </a:lnTo>
                  <a:lnTo>
                    <a:pt x="1374" y="255"/>
                  </a:lnTo>
                  <a:lnTo>
                    <a:pt x="1379" y="252"/>
                  </a:lnTo>
                  <a:lnTo>
                    <a:pt x="1379" y="250"/>
                  </a:lnTo>
                  <a:lnTo>
                    <a:pt x="1379" y="245"/>
                  </a:lnTo>
                  <a:lnTo>
                    <a:pt x="1379" y="240"/>
                  </a:lnTo>
                  <a:lnTo>
                    <a:pt x="1377" y="234"/>
                  </a:lnTo>
                  <a:lnTo>
                    <a:pt x="1374" y="232"/>
                  </a:lnTo>
                  <a:lnTo>
                    <a:pt x="1371" y="229"/>
                  </a:lnTo>
                  <a:lnTo>
                    <a:pt x="1366" y="227"/>
                  </a:lnTo>
                  <a:lnTo>
                    <a:pt x="1361" y="224"/>
                  </a:lnTo>
                  <a:lnTo>
                    <a:pt x="1356" y="224"/>
                  </a:lnTo>
                  <a:lnTo>
                    <a:pt x="1354" y="222"/>
                  </a:lnTo>
                  <a:lnTo>
                    <a:pt x="1344" y="224"/>
                  </a:lnTo>
                  <a:lnTo>
                    <a:pt x="1341" y="224"/>
                  </a:lnTo>
                  <a:lnTo>
                    <a:pt x="1336" y="229"/>
                  </a:lnTo>
                  <a:lnTo>
                    <a:pt x="1334" y="232"/>
                  </a:lnTo>
                  <a:lnTo>
                    <a:pt x="1331" y="234"/>
                  </a:lnTo>
                  <a:lnTo>
                    <a:pt x="1326" y="240"/>
                  </a:lnTo>
                  <a:lnTo>
                    <a:pt x="1324" y="240"/>
                  </a:lnTo>
                  <a:lnTo>
                    <a:pt x="1321" y="240"/>
                  </a:lnTo>
                  <a:lnTo>
                    <a:pt x="1313" y="240"/>
                  </a:lnTo>
                  <a:lnTo>
                    <a:pt x="1306" y="240"/>
                  </a:lnTo>
                  <a:lnTo>
                    <a:pt x="1301" y="240"/>
                  </a:lnTo>
                  <a:lnTo>
                    <a:pt x="1298" y="237"/>
                  </a:lnTo>
                  <a:lnTo>
                    <a:pt x="1296" y="232"/>
                  </a:lnTo>
                  <a:lnTo>
                    <a:pt x="1293" y="227"/>
                  </a:lnTo>
                  <a:lnTo>
                    <a:pt x="1288" y="224"/>
                  </a:lnTo>
                  <a:lnTo>
                    <a:pt x="1286" y="217"/>
                  </a:lnTo>
                  <a:lnTo>
                    <a:pt x="1283" y="214"/>
                  </a:lnTo>
                  <a:lnTo>
                    <a:pt x="1283" y="212"/>
                  </a:lnTo>
                  <a:lnTo>
                    <a:pt x="1281" y="212"/>
                  </a:lnTo>
                  <a:lnTo>
                    <a:pt x="1238" y="219"/>
                  </a:lnTo>
                  <a:close/>
                  <a:moveTo>
                    <a:pt x="1271" y="217"/>
                  </a:moveTo>
                  <a:lnTo>
                    <a:pt x="1268" y="217"/>
                  </a:lnTo>
                  <a:lnTo>
                    <a:pt x="1271" y="217"/>
                  </a:lnTo>
                  <a:close/>
                  <a:moveTo>
                    <a:pt x="1404" y="1810"/>
                  </a:moveTo>
                  <a:lnTo>
                    <a:pt x="1404" y="1810"/>
                  </a:lnTo>
                  <a:lnTo>
                    <a:pt x="1404" y="1803"/>
                  </a:lnTo>
                  <a:lnTo>
                    <a:pt x="1402" y="1798"/>
                  </a:lnTo>
                  <a:lnTo>
                    <a:pt x="1399" y="1795"/>
                  </a:lnTo>
                  <a:lnTo>
                    <a:pt x="1404" y="1737"/>
                  </a:lnTo>
                  <a:lnTo>
                    <a:pt x="1377" y="1732"/>
                  </a:lnTo>
                  <a:lnTo>
                    <a:pt x="1346" y="1727"/>
                  </a:lnTo>
                  <a:lnTo>
                    <a:pt x="1339" y="1725"/>
                  </a:lnTo>
                  <a:lnTo>
                    <a:pt x="1331" y="1722"/>
                  </a:lnTo>
                  <a:lnTo>
                    <a:pt x="1329" y="1722"/>
                  </a:lnTo>
                  <a:lnTo>
                    <a:pt x="1316" y="1720"/>
                  </a:lnTo>
                  <a:lnTo>
                    <a:pt x="1308" y="1717"/>
                  </a:lnTo>
                  <a:lnTo>
                    <a:pt x="1308" y="1694"/>
                  </a:lnTo>
                  <a:lnTo>
                    <a:pt x="1303" y="1689"/>
                  </a:lnTo>
                  <a:lnTo>
                    <a:pt x="1321" y="1679"/>
                  </a:lnTo>
                  <a:lnTo>
                    <a:pt x="1336" y="1669"/>
                  </a:lnTo>
                  <a:lnTo>
                    <a:pt x="1346" y="1629"/>
                  </a:lnTo>
                  <a:lnTo>
                    <a:pt x="1283" y="1639"/>
                  </a:lnTo>
                  <a:lnTo>
                    <a:pt x="1258" y="1674"/>
                  </a:lnTo>
                  <a:lnTo>
                    <a:pt x="1215" y="1679"/>
                  </a:lnTo>
                  <a:lnTo>
                    <a:pt x="1172" y="1629"/>
                  </a:lnTo>
                  <a:lnTo>
                    <a:pt x="1167" y="1561"/>
                  </a:lnTo>
                  <a:lnTo>
                    <a:pt x="1180" y="1546"/>
                  </a:lnTo>
                  <a:lnTo>
                    <a:pt x="1177" y="1546"/>
                  </a:lnTo>
                  <a:lnTo>
                    <a:pt x="1177" y="1510"/>
                  </a:lnTo>
                  <a:lnTo>
                    <a:pt x="1200" y="1490"/>
                  </a:lnTo>
                  <a:lnTo>
                    <a:pt x="1215" y="1472"/>
                  </a:lnTo>
                  <a:lnTo>
                    <a:pt x="1268" y="1477"/>
                  </a:lnTo>
                  <a:lnTo>
                    <a:pt x="1298" y="1477"/>
                  </a:lnTo>
                  <a:lnTo>
                    <a:pt x="1341" y="1467"/>
                  </a:lnTo>
                  <a:lnTo>
                    <a:pt x="1366" y="1467"/>
                  </a:lnTo>
                  <a:lnTo>
                    <a:pt x="1392" y="1462"/>
                  </a:lnTo>
                  <a:lnTo>
                    <a:pt x="1399" y="1490"/>
                  </a:lnTo>
                  <a:lnTo>
                    <a:pt x="1409" y="1525"/>
                  </a:lnTo>
                  <a:lnTo>
                    <a:pt x="1442" y="1556"/>
                  </a:lnTo>
                  <a:lnTo>
                    <a:pt x="1457" y="1561"/>
                  </a:lnTo>
                  <a:lnTo>
                    <a:pt x="1452" y="1510"/>
                  </a:lnTo>
                  <a:lnTo>
                    <a:pt x="1429" y="1452"/>
                  </a:lnTo>
                  <a:lnTo>
                    <a:pt x="1457" y="1422"/>
                  </a:lnTo>
                  <a:lnTo>
                    <a:pt x="1482" y="1412"/>
                  </a:lnTo>
                  <a:lnTo>
                    <a:pt x="1530" y="1367"/>
                  </a:lnTo>
                  <a:lnTo>
                    <a:pt x="1525" y="1334"/>
                  </a:lnTo>
                  <a:lnTo>
                    <a:pt x="1520" y="1304"/>
                  </a:lnTo>
                  <a:lnTo>
                    <a:pt x="1535" y="1314"/>
                  </a:lnTo>
                  <a:lnTo>
                    <a:pt x="1540" y="1309"/>
                  </a:lnTo>
                  <a:lnTo>
                    <a:pt x="1535" y="1288"/>
                  </a:lnTo>
                  <a:lnTo>
                    <a:pt x="1545" y="1288"/>
                  </a:lnTo>
                  <a:lnTo>
                    <a:pt x="1561" y="1283"/>
                  </a:lnTo>
                  <a:lnTo>
                    <a:pt x="1571" y="1258"/>
                  </a:lnTo>
                  <a:lnTo>
                    <a:pt x="1593" y="1253"/>
                  </a:lnTo>
                  <a:lnTo>
                    <a:pt x="1624" y="1235"/>
                  </a:lnTo>
                  <a:lnTo>
                    <a:pt x="1624" y="1195"/>
                  </a:lnTo>
                  <a:lnTo>
                    <a:pt x="1677" y="1170"/>
                  </a:lnTo>
                  <a:lnTo>
                    <a:pt x="1666" y="1117"/>
                  </a:lnTo>
                  <a:lnTo>
                    <a:pt x="1677" y="1170"/>
                  </a:lnTo>
                  <a:lnTo>
                    <a:pt x="1699" y="1155"/>
                  </a:lnTo>
                  <a:lnTo>
                    <a:pt x="1714" y="1160"/>
                  </a:lnTo>
                  <a:lnTo>
                    <a:pt x="1704" y="1175"/>
                  </a:lnTo>
                  <a:lnTo>
                    <a:pt x="1714" y="1195"/>
                  </a:lnTo>
                  <a:lnTo>
                    <a:pt x="1760" y="1160"/>
                  </a:lnTo>
                  <a:lnTo>
                    <a:pt x="1777" y="1137"/>
                  </a:lnTo>
                  <a:lnTo>
                    <a:pt x="1729" y="1132"/>
                  </a:lnTo>
                  <a:lnTo>
                    <a:pt x="1709" y="1102"/>
                  </a:lnTo>
                  <a:lnTo>
                    <a:pt x="1724" y="1087"/>
                  </a:lnTo>
                  <a:lnTo>
                    <a:pt x="1729" y="1067"/>
                  </a:lnTo>
                  <a:lnTo>
                    <a:pt x="1656" y="1082"/>
                  </a:lnTo>
                  <a:lnTo>
                    <a:pt x="1619" y="1112"/>
                  </a:lnTo>
                  <a:lnTo>
                    <a:pt x="1636" y="1077"/>
                  </a:lnTo>
                  <a:lnTo>
                    <a:pt x="1671" y="1056"/>
                  </a:lnTo>
                  <a:lnTo>
                    <a:pt x="1692" y="1034"/>
                  </a:lnTo>
                  <a:lnTo>
                    <a:pt x="1755" y="1039"/>
                  </a:lnTo>
                  <a:lnTo>
                    <a:pt x="1803" y="1034"/>
                  </a:lnTo>
                  <a:lnTo>
                    <a:pt x="1840" y="1009"/>
                  </a:lnTo>
                  <a:lnTo>
                    <a:pt x="1866" y="988"/>
                  </a:lnTo>
                  <a:lnTo>
                    <a:pt x="1845" y="938"/>
                  </a:lnTo>
                  <a:lnTo>
                    <a:pt x="1840" y="910"/>
                  </a:lnTo>
                  <a:lnTo>
                    <a:pt x="1772" y="875"/>
                  </a:lnTo>
                  <a:lnTo>
                    <a:pt x="1772" y="855"/>
                  </a:lnTo>
                  <a:lnTo>
                    <a:pt x="1714" y="746"/>
                  </a:lnTo>
                  <a:lnTo>
                    <a:pt x="1699" y="792"/>
                  </a:lnTo>
                  <a:lnTo>
                    <a:pt x="1661" y="802"/>
                  </a:lnTo>
                  <a:lnTo>
                    <a:pt x="1651" y="792"/>
                  </a:lnTo>
                  <a:lnTo>
                    <a:pt x="1636" y="792"/>
                  </a:lnTo>
                  <a:lnTo>
                    <a:pt x="1636" y="719"/>
                  </a:lnTo>
                  <a:lnTo>
                    <a:pt x="1603" y="714"/>
                  </a:lnTo>
                  <a:lnTo>
                    <a:pt x="1578" y="678"/>
                  </a:lnTo>
                  <a:lnTo>
                    <a:pt x="1550" y="683"/>
                  </a:lnTo>
                  <a:lnTo>
                    <a:pt x="1520" y="673"/>
                  </a:lnTo>
                  <a:lnTo>
                    <a:pt x="1500" y="678"/>
                  </a:lnTo>
                  <a:lnTo>
                    <a:pt x="1500" y="703"/>
                  </a:lnTo>
                  <a:lnTo>
                    <a:pt x="1500" y="731"/>
                  </a:lnTo>
                  <a:lnTo>
                    <a:pt x="1495" y="787"/>
                  </a:lnTo>
                  <a:lnTo>
                    <a:pt x="1487" y="807"/>
                  </a:lnTo>
                  <a:lnTo>
                    <a:pt x="1520" y="870"/>
                  </a:lnTo>
                  <a:lnTo>
                    <a:pt x="1467" y="915"/>
                  </a:lnTo>
                  <a:lnTo>
                    <a:pt x="1477" y="993"/>
                  </a:lnTo>
                  <a:lnTo>
                    <a:pt x="1457" y="1009"/>
                  </a:lnTo>
                  <a:lnTo>
                    <a:pt x="1437" y="998"/>
                  </a:lnTo>
                  <a:lnTo>
                    <a:pt x="1424" y="905"/>
                  </a:lnTo>
                  <a:lnTo>
                    <a:pt x="1371" y="900"/>
                  </a:lnTo>
                  <a:lnTo>
                    <a:pt x="1273" y="845"/>
                  </a:lnTo>
                  <a:lnTo>
                    <a:pt x="1253" y="845"/>
                  </a:lnTo>
                  <a:lnTo>
                    <a:pt x="1235" y="797"/>
                  </a:lnTo>
                  <a:lnTo>
                    <a:pt x="1220" y="782"/>
                  </a:lnTo>
                  <a:lnTo>
                    <a:pt x="1263" y="658"/>
                  </a:lnTo>
                  <a:lnTo>
                    <a:pt x="1288" y="630"/>
                  </a:lnTo>
                  <a:lnTo>
                    <a:pt x="1316" y="615"/>
                  </a:lnTo>
                  <a:lnTo>
                    <a:pt x="1331" y="615"/>
                  </a:lnTo>
                  <a:lnTo>
                    <a:pt x="1346" y="565"/>
                  </a:lnTo>
                  <a:lnTo>
                    <a:pt x="1356" y="524"/>
                  </a:lnTo>
                  <a:lnTo>
                    <a:pt x="1409" y="512"/>
                  </a:lnTo>
                  <a:lnTo>
                    <a:pt x="1437" y="492"/>
                  </a:lnTo>
                  <a:lnTo>
                    <a:pt x="1419" y="446"/>
                  </a:lnTo>
                  <a:lnTo>
                    <a:pt x="1432" y="416"/>
                  </a:lnTo>
                  <a:lnTo>
                    <a:pt x="1412" y="393"/>
                  </a:lnTo>
                  <a:lnTo>
                    <a:pt x="1414" y="393"/>
                  </a:lnTo>
                  <a:lnTo>
                    <a:pt x="1417" y="391"/>
                  </a:lnTo>
                  <a:lnTo>
                    <a:pt x="1419" y="388"/>
                  </a:lnTo>
                  <a:lnTo>
                    <a:pt x="1422" y="388"/>
                  </a:lnTo>
                  <a:lnTo>
                    <a:pt x="1424" y="388"/>
                  </a:lnTo>
                  <a:lnTo>
                    <a:pt x="1432" y="388"/>
                  </a:lnTo>
                  <a:lnTo>
                    <a:pt x="1440" y="388"/>
                  </a:lnTo>
                  <a:lnTo>
                    <a:pt x="1442" y="386"/>
                  </a:lnTo>
                  <a:lnTo>
                    <a:pt x="1442" y="383"/>
                  </a:lnTo>
                  <a:lnTo>
                    <a:pt x="1437" y="376"/>
                  </a:lnTo>
                  <a:lnTo>
                    <a:pt x="1437" y="373"/>
                  </a:lnTo>
                  <a:lnTo>
                    <a:pt x="1440" y="373"/>
                  </a:lnTo>
                  <a:lnTo>
                    <a:pt x="1445" y="376"/>
                  </a:lnTo>
                  <a:lnTo>
                    <a:pt x="1452" y="378"/>
                  </a:lnTo>
                  <a:lnTo>
                    <a:pt x="1455" y="381"/>
                  </a:lnTo>
                  <a:lnTo>
                    <a:pt x="1457" y="383"/>
                  </a:lnTo>
                  <a:lnTo>
                    <a:pt x="1462" y="386"/>
                  </a:lnTo>
                  <a:lnTo>
                    <a:pt x="1467" y="388"/>
                  </a:lnTo>
                  <a:lnTo>
                    <a:pt x="1472" y="393"/>
                  </a:lnTo>
                  <a:lnTo>
                    <a:pt x="1477" y="396"/>
                  </a:lnTo>
                  <a:lnTo>
                    <a:pt x="1485" y="398"/>
                  </a:lnTo>
                  <a:lnTo>
                    <a:pt x="1490" y="401"/>
                  </a:lnTo>
                  <a:lnTo>
                    <a:pt x="1495" y="403"/>
                  </a:lnTo>
                  <a:lnTo>
                    <a:pt x="1500" y="406"/>
                  </a:lnTo>
                  <a:lnTo>
                    <a:pt x="1505" y="406"/>
                  </a:lnTo>
                  <a:lnTo>
                    <a:pt x="1510" y="411"/>
                  </a:lnTo>
                  <a:lnTo>
                    <a:pt x="1515" y="413"/>
                  </a:lnTo>
                  <a:lnTo>
                    <a:pt x="1523" y="419"/>
                  </a:lnTo>
                  <a:lnTo>
                    <a:pt x="1528" y="424"/>
                  </a:lnTo>
                  <a:lnTo>
                    <a:pt x="1535" y="431"/>
                  </a:lnTo>
                  <a:lnTo>
                    <a:pt x="1543" y="441"/>
                  </a:lnTo>
                  <a:lnTo>
                    <a:pt x="1545" y="449"/>
                  </a:lnTo>
                  <a:lnTo>
                    <a:pt x="1538" y="456"/>
                  </a:lnTo>
                  <a:lnTo>
                    <a:pt x="1530" y="466"/>
                  </a:lnTo>
                  <a:lnTo>
                    <a:pt x="1528" y="477"/>
                  </a:lnTo>
                  <a:lnTo>
                    <a:pt x="1530" y="479"/>
                  </a:lnTo>
                  <a:lnTo>
                    <a:pt x="1538" y="482"/>
                  </a:lnTo>
                  <a:lnTo>
                    <a:pt x="1543" y="487"/>
                  </a:lnTo>
                  <a:lnTo>
                    <a:pt x="1545" y="489"/>
                  </a:lnTo>
                  <a:lnTo>
                    <a:pt x="1543" y="494"/>
                  </a:lnTo>
                  <a:lnTo>
                    <a:pt x="1535" y="499"/>
                  </a:lnTo>
                  <a:lnTo>
                    <a:pt x="1528" y="504"/>
                  </a:lnTo>
                  <a:lnTo>
                    <a:pt x="1525" y="509"/>
                  </a:lnTo>
                  <a:lnTo>
                    <a:pt x="1520" y="509"/>
                  </a:lnTo>
                  <a:lnTo>
                    <a:pt x="1518" y="509"/>
                  </a:lnTo>
                  <a:lnTo>
                    <a:pt x="1515" y="509"/>
                  </a:lnTo>
                  <a:lnTo>
                    <a:pt x="1513" y="509"/>
                  </a:lnTo>
                  <a:lnTo>
                    <a:pt x="1508" y="512"/>
                  </a:lnTo>
                  <a:lnTo>
                    <a:pt x="1500" y="514"/>
                  </a:lnTo>
                  <a:lnTo>
                    <a:pt x="1495" y="519"/>
                  </a:lnTo>
                  <a:lnTo>
                    <a:pt x="1492" y="522"/>
                  </a:lnTo>
                  <a:lnTo>
                    <a:pt x="1492" y="524"/>
                  </a:lnTo>
                  <a:lnTo>
                    <a:pt x="1495" y="527"/>
                  </a:lnTo>
                  <a:lnTo>
                    <a:pt x="1498" y="529"/>
                  </a:lnTo>
                  <a:lnTo>
                    <a:pt x="1500" y="532"/>
                  </a:lnTo>
                  <a:lnTo>
                    <a:pt x="1503" y="535"/>
                  </a:lnTo>
                  <a:lnTo>
                    <a:pt x="1508" y="537"/>
                  </a:lnTo>
                  <a:lnTo>
                    <a:pt x="1513" y="540"/>
                  </a:lnTo>
                  <a:lnTo>
                    <a:pt x="1518" y="540"/>
                  </a:lnTo>
                  <a:lnTo>
                    <a:pt x="1523" y="537"/>
                  </a:lnTo>
                  <a:lnTo>
                    <a:pt x="1528" y="532"/>
                  </a:lnTo>
                  <a:lnTo>
                    <a:pt x="1530" y="529"/>
                  </a:lnTo>
                  <a:lnTo>
                    <a:pt x="1535" y="527"/>
                  </a:lnTo>
                  <a:lnTo>
                    <a:pt x="1540" y="527"/>
                  </a:lnTo>
                  <a:lnTo>
                    <a:pt x="1548" y="524"/>
                  </a:lnTo>
                  <a:lnTo>
                    <a:pt x="1556" y="519"/>
                  </a:lnTo>
                  <a:lnTo>
                    <a:pt x="1561" y="519"/>
                  </a:lnTo>
                  <a:lnTo>
                    <a:pt x="1563" y="519"/>
                  </a:lnTo>
                  <a:lnTo>
                    <a:pt x="1566" y="522"/>
                  </a:lnTo>
                  <a:lnTo>
                    <a:pt x="1568" y="524"/>
                  </a:lnTo>
                  <a:lnTo>
                    <a:pt x="1571" y="524"/>
                  </a:lnTo>
                  <a:lnTo>
                    <a:pt x="1573" y="527"/>
                  </a:lnTo>
                  <a:lnTo>
                    <a:pt x="1576" y="529"/>
                  </a:lnTo>
                  <a:lnTo>
                    <a:pt x="1578" y="529"/>
                  </a:lnTo>
                  <a:lnTo>
                    <a:pt x="1583" y="532"/>
                  </a:lnTo>
                  <a:lnTo>
                    <a:pt x="1588" y="532"/>
                  </a:lnTo>
                  <a:lnTo>
                    <a:pt x="1593" y="535"/>
                  </a:lnTo>
                  <a:lnTo>
                    <a:pt x="1603" y="535"/>
                  </a:lnTo>
                  <a:lnTo>
                    <a:pt x="1606" y="540"/>
                  </a:lnTo>
                  <a:lnTo>
                    <a:pt x="1606" y="542"/>
                  </a:lnTo>
                  <a:lnTo>
                    <a:pt x="1608" y="547"/>
                  </a:lnTo>
                  <a:lnTo>
                    <a:pt x="1611" y="547"/>
                  </a:lnTo>
                  <a:lnTo>
                    <a:pt x="1616" y="550"/>
                  </a:lnTo>
                  <a:lnTo>
                    <a:pt x="1619" y="550"/>
                  </a:lnTo>
                  <a:lnTo>
                    <a:pt x="1621" y="550"/>
                  </a:lnTo>
                  <a:lnTo>
                    <a:pt x="1624" y="547"/>
                  </a:lnTo>
                  <a:lnTo>
                    <a:pt x="1629" y="547"/>
                  </a:lnTo>
                  <a:lnTo>
                    <a:pt x="1631" y="547"/>
                  </a:lnTo>
                  <a:lnTo>
                    <a:pt x="1634" y="547"/>
                  </a:lnTo>
                  <a:lnTo>
                    <a:pt x="1639" y="547"/>
                  </a:lnTo>
                  <a:lnTo>
                    <a:pt x="1641" y="547"/>
                  </a:lnTo>
                  <a:lnTo>
                    <a:pt x="1644" y="550"/>
                  </a:lnTo>
                  <a:lnTo>
                    <a:pt x="1649" y="550"/>
                  </a:lnTo>
                  <a:lnTo>
                    <a:pt x="1651" y="550"/>
                  </a:lnTo>
                  <a:lnTo>
                    <a:pt x="1654" y="547"/>
                  </a:lnTo>
                  <a:lnTo>
                    <a:pt x="1659" y="547"/>
                  </a:lnTo>
                  <a:lnTo>
                    <a:pt x="1664" y="547"/>
                  </a:lnTo>
                  <a:lnTo>
                    <a:pt x="1669" y="545"/>
                  </a:lnTo>
                  <a:lnTo>
                    <a:pt x="1671" y="545"/>
                  </a:lnTo>
                  <a:lnTo>
                    <a:pt x="1674" y="545"/>
                  </a:lnTo>
                  <a:lnTo>
                    <a:pt x="1679" y="545"/>
                  </a:lnTo>
                  <a:lnTo>
                    <a:pt x="1682" y="545"/>
                  </a:lnTo>
                  <a:lnTo>
                    <a:pt x="1684" y="545"/>
                  </a:lnTo>
                  <a:lnTo>
                    <a:pt x="1687" y="545"/>
                  </a:lnTo>
                  <a:lnTo>
                    <a:pt x="1692" y="545"/>
                  </a:lnTo>
                  <a:lnTo>
                    <a:pt x="1697" y="545"/>
                  </a:lnTo>
                  <a:lnTo>
                    <a:pt x="1699" y="542"/>
                  </a:lnTo>
                  <a:lnTo>
                    <a:pt x="1697" y="540"/>
                  </a:lnTo>
                  <a:lnTo>
                    <a:pt x="1697" y="537"/>
                  </a:lnTo>
                  <a:lnTo>
                    <a:pt x="1692" y="535"/>
                  </a:lnTo>
                  <a:lnTo>
                    <a:pt x="1687" y="532"/>
                  </a:lnTo>
                  <a:lnTo>
                    <a:pt x="1679" y="529"/>
                  </a:lnTo>
                  <a:lnTo>
                    <a:pt x="1677" y="529"/>
                  </a:lnTo>
                  <a:lnTo>
                    <a:pt x="1674" y="527"/>
                  </a:lnTo>
                  <a:lnTo>
                    <a:pt x="1671" y="524"/>
                  </a:lnTo>
                  <a:lnTo>
                    <a:pt x="1669" y="524"/>
                  </a:lnTo>
                  <a:lnTo>
                    <a:pt x="1666" y="524"/>
                  </a:lnTo>
                  <a:lnTo>
                    <a:pt x="1664" y="524"/>
                  </a:lnTo>
                  <a:lnTo>
                    <a:pt x="1661" y="524"/>
                  </a:lnTo>
                  <a:lnTo>
                    <a:pt x="1656" y="522"/>
                  </a:lnTo>
                  <a:lnTo>
                    <a:pt x="1651" y="519"/>
                  </a:lnTo>
                  <a:lnTo>
                    <a:pt x="1641" y="517"/>
                  </a:lnTo>
                  <a:lnTo>
                    <a:pt x="1636" y="514"/>
                  </a:lnTo>
                  <a:lnTo>
                    <a:pt x="1634" y="512"/>
                  </a:lnTo>
                  <a:lnTo>
                    <a:pt x="1634" y="509"/>
                  </a:lnTo>
                  <a:lnTo>
                    <a:pt x="1636" y="509"/>
                  </a:lnTo>
                  <a:lnTo>
                    <a:pt x="1639" y="509"/>
                  </a:lnTo>
                  <a:lnTo>
                    <a:pt x="1644" y="509"/>
                  </a:lnTo>
                  <a:lnTo>
                    <a:pt x="1649" y="512"/>
                  </a:lnTo>
                  <a:lnTo>
                    <a:pt x="1651" y="512"/>
                  </a:lnTo>
                  <a:lnTo>
                    <a:pt x="1656" y="514"/>
                  </a:lnTo>
                  <a:lnTo>
                    <a:pt x="1659" y="514"/>
                  </a:lnTo>
                  <a:lnTo>
                    <a:pt x="1664" y="514"/>
                  </a:lnTo>
                  <a:lnTo>
                    <a:pt x="1666" y="519"/>
                  </a:lnTo>
                  <a:lnTo>
                    <a:pt x="1671" y="519"/>
                  </a:lnTo>
                  <a:lnTo>
                    <a:pt x="1677" y="517"/>
                  </a:lnTo>
                  <a:lnTo>
                    <a:pt x="1687" y="514"/>
                  </a:lnTo>
                  <a:lnTo>
                    <a:pt x="1694" y="514"/>
                  </a:lnTo>
                  <a:lnTo>
                    <a:pt x="1697" y="519"/>
                  </a:lnTo>
                  <a:lnTo>
                    <a:pt x="1699" y="519"/>
                  </a:lnTo>
                  <a:lnTo>
                    <a:pt x="1704" y="522"/>
                  </a:lnTo>
                  <a:lnTo>
                    <a:pt x="1707" y="524"/>
                  </a:lnTo>
                  <a:lnTo>
                    <a:pt x="1707" y="522"/>
                  </a:lnTo>
                  <a:lnTo>
                    <a:pt x="1704" y="519"/>
                  </a:lnTo>
                  <a:lnTo>
                    <a:pt x="1702" y="514"/>
                  </a:lnTo>
                  <a:lnTo>
                    <a:pt x="1699" y="514"/>
                  </a:lnTo>
                  <a:lnTo>
                    <a:pt x="1699" y="509"/>
                  </a:lnTo>
                  <a:lnTo>
                    <a:pt x="1697" y="507"/>
                  </a:lnTo>
                  <a:lnTo>
                    <a:pt x="1694" y="502"/>
                  </a:lnTo>
                  <a:lnTo>
                    <a:pt x="1692" y="494"/>
                  </a:lnTo>
                  <a:lnTo>
                    <a:pt x="1692" y="492"/>
                  </a:lnTo>
                  <a:lnTo>
                    <a:pt x="1692" y="489"/>
                  </a:lnTo>
                  <a:lnTo>
                    <a:pt x="1692" y="487"/>
                  </a:lnTo>
                  <a:lnTo>
                    <a:pt x="1689" y="482"/>
                  </a:lnTo>
                  <a:lnTo>
                    <a:pt x="1682" y="479"/>
                  </a:lnTo>
                  <a:lnTo>
                    <a:pt x="1677" y="479"/>
                  </a:lnTo>
                  <a:lnTo>
                    <a:pt x="1671" y="477"/>
                  </a:lnTo>
                  <a:lnTo>
                    <a:pt x="1669" y="471"/>
                  </a:lnTo>
                  <a:lnTo>
                    <a:pt x="1664" y="469"/>
                  </a:lnTo>
                  <a:lnTo>
                    <a:pt x="1659" y="469"/>
                  </a:lnTo>
                  <a:lnTo>
                    <a:pt x="1651" y="466"/>
                  </a:lnTo>
                  <a:lnTo>
                    <a:pt x="1646" y="466"/>
                  </a:lnTo>
                  <a:lnTo>
                    <a:pt x="1644" y="466"/>
                  </a:lnTo>
                  <a:lnTo>
                    <a:pt x="1639" y="464"/>
                  </a:lnTo>
                  <a:lnTo>
                    <a:pt x="1634" y="461"/>
                  </a:lnTo>
                  <a:lnTo>
                    <a:pt x="1631" y="459"/>
                  </a:lnTo>
                  <a:lnTo>
                    <a:pt x="1626" y="459"/>
                  </a:lnTo>
                  <a:lnTo>
                    <a:pt x="1624" y="454"/>
                  </a:lnTo>
                  <a:lnTo>
                    <a:pt x="1621" y="451"/>
                  </a:lnTo>
                  <a:lnTo>
                    <a:pt x="1616" y="446"/>
                  </a:lnTo>
                  <a:lnTo>
                    <a:pt x="1614" y="441"/>
                  </a:lnTo>
                  <a:lnTo>
                    <a:pt x="1611" y="439"/>
                  </a:lnTo>
                  <a:lnTo>
                    <a:pt x="1611" y="434"/>
                  </a:lnTo>
                  <a:lnTo>
                    <a:pt x="1614" y="431"/>
                  </a:lnTo>
                  <a:lnTo>
                    <a:pt x="1619" y="431"/>
                  </a:lnTo>
                  <a:lnTo>
                    <a:pt x="1624" y="431"/>
                  </a:lnTo>
                  <a:lnTo>
                    <a:pt x="1631" y="434"/>
                  </a:lnTo>
                  <a:lnTo>
                    <a:pt x="1636" y="436"/>
                  </a:lnTo>
                  <a:lnTo>
                    <a:pt x="1639" y="436"/>
                  </a:lnTo>
                  <a:lnTo>
                    <a:pt x="1644" y="439"/>
                  </a:lnTo>
                  <a:lnTo>
                    <a:pt x="1649" y="441"/>
                  </a:lnTo>
                  <a:lnTo>
                    <a:pt x="1654" y="444"/>
                  </a:lnTo>
                  <a:lnTo>
                    <a:pt x="1659" y="446"/>
                  </a:lnTo>
                  <a:lnTo>
                    <a:pt x="1664" y="449"/>
                  </a:lnTo>
                  <a:lnTo>
                    <a:pt x="1669" y="451"/>
                  </a:lnTo>
                  <a:lnTo>
                    <a:pt x="1671" y="451"/>
                  </a:lnTo>
                  <a:lnTo>
                    <a:pt x="1677" y="449"/>
                  </a:lnTo>
                  <a:lnTo>
                    <a:pt x="1679" y="444"/>
                  </a:lnTo>
                  <a:lnTo>
                    <a:pt x="1679" y="441"/>
                  </a:lnTo>
                  <a:lnTo>
                    <a:pt x="1677" y="436"/>
                  </a:lnTo>
                  <a:lnTo>
                    <a:pt x="1671" y="434"/>
                  </a:lnTo>
                  <a:lnTo>
                    <a:pt x="1666" y="431"/>
                  </a:lnTo>
                  <a:lnTo>
                    <a:pt x="1666" y="429"/>
                  </a:lnTo>
                  <a:lnTo>
                    <a:pt x="1666" y="426"/>
                  </a:lnTo>
                  <a:lnTo>
                    <a:pt x="1669" y="424"/>
                  </a:lnTo>
                  <a:lnTo>
                    <a:pt x="1671" y="424"/>
                  </a:lnTo>
                  <a:lnTo>
                    <a:pt x="1674" y="421"/>
                  </a:lnTo>
                  <a:lnTo>
                    <a:pt x="1677" y="419"/>
                  </a:lnTo>
                  <a:lnTo>
                    <a:pt x="1677" y="416"/>
                  </a:lnTo>
                  <a:lnTo>
                    <a:pt x="1674" y="413"/>
                  </a:lnTo>
                  <a:lnTo>
                    <a:pt x="1671" y="408"/>
                  </a:lnTo>
                  <a:lnTo>
                    <a:pt x="1669" y="406"/>
                  </a:lnTo>
                  <a:lnTo>
                    <a:pt x="1664" y="406"/>
                  </a:lnTo>
                  <a:lnTo>
                    <a:pt x="1664" y="403"/>
                  </a:lnTo>
                  <a:lnTo>
                    <a:pt x="1669" y="401"/>
                  </a:lnTo>
                  <a:lnTo>
                    <a:pt x="1674" y="398"/>
                  </a:lnTo>
                  <a:lnTo>
                    <a:pt x="1677" y="393"/>
                  </a:lnTo>
                  <a:lnTo>
                    <a:pt x="1674" y="391"/>
                  </a:lnTo>
                  <a:lnTo>
                    <a:pt x="1669" y="388"/>
                  </a:lnTo>
                  <a:lnTo>
                    <a:pt x="1661" y="386"/>
                  </a:lnTo>
                  <a:lnTo>
                    <a:pt x="1654" y="386"/>
                  </a:lnTo>
                  <a:lnTo>
                    <a:pt x="1649" y="386"/>
                  </a:lnTo>
                  <a:lnTo>
                    <a:pt x="1644" y="386"/>
                  </a:lnTo>
                  <a:lnTo>
                    <a:pt x="1639" y="388"/>
                  </a:lnTo>
                  <a:lnTo>
                    <a:pt x="1636" y="388"/>
                  </a:lnTo>
                  <a:lnTo>
                    <a:pt x="1634" y="388"/>
                  </a:lnTo>
                  <a:lnTo>
                    <a:pt x="1631" y="386"/>
                  </a:lnTo>
                  <a:lnTo>
                    <a:pt x="1634" y="383"/>
                  </a:lnTo>
                  <a:lnTo>
                    <a:pt x="1631" y="383"/>
                  </a:lnTo>
                  <a:lnTo>
                    <a:pt x="1629" y="381"/>
                  </a:lnTo>
                  <a:lnTo>
                    <a:pt x="1626" y="381"/>
                  </a:lnTo>
                  <a:lnTo>
                    <a:pt x="1621" y="381"/>
                  </a:lnTo>
                  <a:lnTo>
                    <a:pt x="1616" y="381"/>
                  </a:lnTo>
                  <a:lnTo>
                    <a:pt x="1611" y="378"/>
                  </a:lnTo>
                  <a:lnTo>
                    <a:pt x="1606" y="378"/>
                  </a:lnTo>
                  <a:lnTo>
                    <a:pt x="1603" y="378"/>
                  </a:lnTo>
                  <a:lnTo>
                    <a:pt x="1598" y="376"/>
                  </a:lnTo>
                  <a:lnTo>
                    <a:pt x="1598" y="378"/>
                  </a:lnTo>
                  <a:lnTo>
                    <a:pt x="1601" y="381"/>
                  </a:lnTo>
                  <a:lnTo>
                    <a:pt x="1603" y="386"/>
                  </a:lnTo>
                  <a:lnTo>
                    <a:pt x="1601" y="386"/>
                  </a:lnTo>
                  <a:lnTo>
                    <a:pt x="1596" y="386"/>
                  </a:lnTo>
                  <a:lnTo>
                    <a:pt x="1591" y="381"/>
                  </a:lnTo>
                  <a:lnTo>
                    <a:pt x="1583" y="376"/>
                  </a:lnTo>
                  <a:lnTo>
                    <a:pt x="1578" y="373"/>
                  </a:lnTo>
                  <a:lnTo>
                    <a:pt x="1576" y="373"/>
                  </a:lnTo>
                  <a:lnTo>
                    <a:pt x="1568" y="376"/>
                  </a:lnTo>
                  <a:lnTo>
                    <a:pt x="1563" y="373"/>
                  </a:lnTo>
                  <a:lnTo>
                    <a:pt x="1558" y="371"/>
                  </a:lnTo>
                  <a:lnTo>
                    <a:pt x="1558" y="366"/>
                  </a:lnTo>
                  <a:lnTo>
                    <a:pt x="1561" y="363"/>
                  </a:lnTo>
                  <a:lnTo>
                    <a:pt x="1561" y="361"/>
                  </a:lnTo>
                  <a:lnTo>
                    <a:pt x="1561" y="358"/>
                  </a:lnTo>
                  <a:lnTo>
                    <a:pt x="1563" y="356"/>
                  </a:lnTo>
                  <a:lnTo>
                    <a:pt x="1566" y="356"/>
                  </a:lnTo>
                  <a:lnTo>
                    <a:pt x="1568" y="356"/>
                  </a:lnTo>
                  <a:lnTo>
                    <a:pt x="1568" y="353"/>
                  </a:lnTo>
                  <a:lnTo>
                    <a:pt x="1561" y="350"/>
                  </a:lnTo>
                  <a:lnTo>
                    <a:pt x="1556" y="350"/>
                  </a:lnTo>
                  <a:lnTo>
                    <a:pt x="1553" y="345"/>
                  </a:lnTo>
                  <a:lnTo>
                    <a:pt x="1556" y="343"/>
                  </a:lnTo>
                  <a:lnTo>
                    <a:pt x="1561" y="343"/>
                  </a:lnTo>
                  <a:lnTo>
                    <a:pt x="1558" y="343"/>
                  </a:lnTo>
                  <a:lnTo>
                    <a:pt x="1556" y="340"/>
                  </a:lnTo>
                  <a:lnTo>
                    <a:pt x="1553" y="335"/>
                  </a:lnTo>
                  <a:lnTo>
                    <a:pt x="1548" y="333"/>
                  </a:lnTo>
                  <a:lnTo>
                    <a:pt x="1545" y="333"/>
                  </a:lnTo>
                  <a:lnTo>
                    <a:pt x="1540" y="333"/>
                  </a:lnTo>
                  <a:lnTo>
                    <a:pt x="1538" y="333"/>
                  </a:lnTo>
                  <a:lnTo>
                    <a:pt x="1540" y="330"/>
                  </a:lnTo>
                  <a:lnTo>
                    <a:pt x="1540" y="328"/>
                  </a:lnTo>
                  <a:lnTo>
                    <a:pt x="1538" y="325"/>
                  </a:lnTo>
                  <a:lnTo>
                    <a:pt x="1533" y="325"/>
                  </a:lnTo>
                  <a:lnTo>
                    <a:pt x="1528" y="325"/>
                  </a:lnTo>
                  <a:lnTo>
                    <a:pt x="1520" y="325"/>
                  </a:lnTo>
                  <a:lnTo>
                    <a:pt x="1515" y="325"/>
                  </a:lnTo>
                  <a:lnTo>
                    <a:pt x="1510" y="325"/>
                  </a:lnTo>
                  <a:lnTo>
                    <a:pt x="1503" y="323"/>
                  </a:lnTo>
                  <a:lnTo>
                    <a:pt x="1500" y="323"/>
                  </a:lnTo>
                  <a:lnTo>
                    <a:pt x="1500" y="320"/>
                  </a:lnTo>
                  <a:lnTo>
                    <a:pt x="1498" y="318"/>
                  </a:lnTo>
                  <a:lnTo>
                    <a:pt x="1492" y="315"/>
                  </a:lnTo>
                  <a:lnTo>
                    <a:pt x="1485" y="315"/>
                  </a:lnTo>
                  <a:lnTo>
                    <a:pt x="1480" y="318"/>
                  </a:lnTo>
                  <a:lnTo>
                    <a:pt x="1475" y="323"/>
                  </a:lnTo>
                  <a:lnTo>
                    <a:pt x="1472" y="325"/>
                  </a:lnTo>
                  <a:lnTo>
                    <a:pt x="1467" y="325"/>
                  </a:lnTo>
                  <a:lnTo>
                    <a:pt x="1462" y="320"/>
                  </a:lnTo>
                  <a:lnTo>
                    <a:pt x="1460" y="318"/>
                  </a:lnTo>
                  <a:lnTo>
                    <a:pt x="1457" y="313"/>
                  </a:lnTo>
                  <a:lnTo>
                    <a:pt x="1455" y="310"/>
                  </a:lnTo>
                  <a:lnTo>
                    <a:pt x="1450" y="305"/>
                  </a:lnTo>
                  <a:lnTo>
                    <a:pt x="1442" y="300"/>
                  </a:lnTo>
                  <a:lnTo>
                    <a:pt x="1435" y="298"/>
                  </a:lnTo>
                  <a:lnTo>
                    <a:pt x="1429" y="298"/>
                  </a:lnTo>
                  <a:lnTo>
                    <a:pt x="1427" y="300"/>
                  </a:lnTo>
                  <a:lnTo>
                    <a:pt x="1419" y="303"/>
                  </a:lnTo>
                  <a:lnTo>
                    <a:pt x="1414" y="305"/>
                  </a:lnTo>
                  <a:lnTo>
                    <a:pt x="1414" y="308"/>
                  </a:lnTo>
                  <a:lnTo>
                    <a:pt x="1414" y="313"/>
                  </a:lnTo>
                  <a:lnTo>
                    <a:pt x="1409" y="315"/>
                  </a:lnTo>
                  <a:lnTo>
                    <a:pt x="1404" y="320"/>
                  </a:lnTo>
                  <a:lnTo>
                    <a:pt x="1397" y="320"/>
                  </a:lnTo>
                  <a:lnTo>
                    <a:pt x="1394" y="320"/>
                  </a:lnTo>
                  <a:lnTo>
                    <a:pt x="1392" y="315"/>
                  </a:lnTo>
                  <a:lnTo>
                    <a:pt x="1392" y="310"/>
                  </a:lnTo>
                  <a:lnTo>
                    <a:pt x="1389" y="305"/>
                  </a:lnTo>
                  <a:lnTo>
                    <a:pt x="1389" y="303"/>
                  </a:lnTo>
                  <a:lnTo>
                    <a:pt x="1387" y="298"/>
                  </a:lnTo>
                  <a:lnTo>
                    <a:pt x="1384" y="292"/>
                  </a:lnTo>
                  <a:lnTo>
                    <a:pt x="1382" y="290"/>
                  </a:lnTo>
                  <a:lnTo>
                    <a:pt x="1374" y="285"/>
                  </a:lnTo>
                  <a:lnTo>
                    <a:pt x="1366" y="285"/>
                  </a:lnTo>
                  <a:lnTo>
                    <a:pt x="1359" y="287"/>
                  </a:lnTo>
                  <a:lnTo>
                    <a:pt x="1354" y="292"/>
                  </a:lnTo>
                  <a:lnTo>
                    <a:pt x="1351" y="303"/>
                  </a:lnTo>
                  <a:lnTo>
                    <a:pt x="1349" y="313"/>
                  </a:lnTo>
                  <a:lnTo>
                    <a:pt x="1349" y="325"/>
                  </a:lnTo>
                  <a:lnTo>
                    <a:pt x="1354" y="343"/>
                  </a:lnTo>
                  <a:lnTo>
                    <a:pt x="1359" y="356"/>
                  </a:lnTo>
                  <a:lnTo>
                    <a:pt x="1356" y="353"/>
                  </a:lnTo>
                  <a:lnTo>
                    <a:pt x="1354" y="350"/>
                  </a:lnTo>
                  <a:lnTo>
                    <a:pt x="1349" y="345"/>
                  </a:lnTo>
                  <a:lnTo>
                    <a:pt x="1344" y="338"/>
                  </a:lnTo>
                  <a:lnTo>
                    <a:pt x="1341" y="330"/>
                  </a:lnTo>
                  <a:lnTo>
                    <a:pt x="1339" y="323"/>
                  </a:lnTo>
                  <a:lnTo>
                    <a:pt x="1339" y="310"/>
                  </a:lnTo>
                  <a:lnTo>
                    <a:pt x="1344" y="298"/>
                  </a:lnTo>
                  <a:lnTo>
                    <a:pt x="1344" y="290"/>
                  </a:lnTo>
                  <a:lnTo>
                    <a:pt x="1341" y="287"/>
                  </a:lnTo>
                  <a:lnTo>
                    <a:pt x="1336" y="287"/>
                  </a:lnTo>
                  <a:lnTo>
                    <a:pt x="1331" y="287"/>
                  </a:lnTo>
                  <a:lnTo>
                    <a:pt x="1324" y="290"/>
                  </a:lnTo>
                  <a:lnTo>
                    <a:pt x="1316" y="298"/>
                  </a:lnTo>
                  <a:lnTo>
                    <a:pt x="1311" y="310"/>
                  </a:lnTo>
                  <a:lnTo>
                    <a:pt x="1308" y="325"/>
                  </a:lnTo>
                  <a:lnTo>
                    <a:pt x="1308" y="335"/>
                  </a:lnTo>
                  <a:lnTo>
                    <a:pt x="1308" y="340"/>
                  </a:lnTo>
                  <a:lnTo>
                    <a:pt x="1308" y="345"/>
                  </a:lnTo>
                  <a:lnTo>
                    <a:pt x="1308" y="356"/>
                  </a:lnTo>
                  <a:lnTo>
                    <a:pt x="1308" y="361"/>
                  </a:lnTo>
                  <a:lnTo>
                    <a:pt x="1311" y="363"/>
                  </a:lnTo>
                  <a:lnTo>
                    <a:pt x="1316" y="366"/>
                  </a:lnTo>
                  <a:lnTo>
                    <a:pt x="1319" y="366"/>
                  </a:lnTo>
                  <a:lnTo>
                    <a:pt x="1321" y="366"/>
                  </a:lnTo>
                  <a:lnTo>
                    <a:pt x="1329" y="368"/>
                  </a:lnTo>
                  <a:lnTo>
                    <a:pt x="1334" y="371"/>
                  </a:lnTo>
                  <a:lnTo>
                    <a:pt x="1339" y="371"/>
                  </a:lnTo>
                  <a:lnTo>
                    <a:pt x="1341" y="373"/>
                  </a:lnTo>
                  <a:lnTo>
                    <a:pt x="1339" y="376"/>
                  </a:lnTo>
                  <a:lnTo>
                    <a:pt x="1334" y="376"/>
                  </a:lnTo>
                  <a:lnTo>
                    <a:pt x="1331" y="376"/>
                  </a:lnTo>
                  <a:lnTo>
                    <a:pt x="1326" y="376"/>
                  </a:lnTo>
                  <a:lnTo>
                    <a:pt x="1321" y="378"/>
                  </a:lnTo>
                  <a:lnTo>
                    <a:pt x="1316" y="381"/>
                  </a:lnTo>
                  <a:lnTo>
                    <a:pt x="1316" y="383"/>
                  </a:lnTo>
                  <a:lnTo>
                    <a:pt x="1319" y="386"/>
                  </a:lnTo>
                  <a:lnTo>
                    <a:pt x="1321" y="386"/>
                  </a:lnTo>
                  <a:lnTo>
                    <a:pt x="1326" y="388"/>
                  </a:lnTo>
                  <a:lnTo>
                    <a:pt x="1331" y="391"/>
                  </a:lnTo>
                  <a:lnTo>
                    <a:pt x="1334" y="393"/>
                  </a:lnTo>
                  <a:lnTo>
                    <a:pt x="1339" y="396"/>
                  </a:lnTo>
                  <a:lnTo>
                    <a:pt x="1341" y="396"/>
                  </a:lnTo>
                  <a:lnTo>
                    <a:pt x="1346" y="396"/>
                  </a:lnTo>
                  <a:lnTo>
                    <a:pt x="1351" y="393"/>
                  </a:lnTo>
                  <a:lnTo>
                    <a:pt x="1356" y="391"/>
                  </a:lnTo>
                  <a:lnTo>
                    <a:pt x="1359" y="393"/>
                  </a:lnTo>
                  <a:lnTo>
                    <a:pt x="1361" y="396"/>
                  </a:lnTo>
                  <a:lnTo>
                    <a:pt x="1371" y="398"/>
                  </a:lnTo>
                  <a:lnTo>
                    <a:pt x="1374" y="398"/>
                  </a:lnTo>
                  <a:lnTo>
                    <a:pt x="1366" y="436"/>
                  </a:lnTo>
                  <a:lnTo>
                    <a:pt x="1336" y="482"/>
                  </a:lnTo>
                  <a:lnTo>
                    <a:pt x="1326" y="426"/>
                  </a:lnTo>
                  <a:lnTo>
                    <a:pt x="1308" y="403"/>
                  </a:lnTo>
                  <a:lnTo>
                    <a:pt x="1288" y="431"/>
                  </a:lnTo>
                  <a:lnTo>
                    <a:pt x="1278" y="403"/>
                  </a:lnTo>
                  <a:lnTo>
                    <a:pt x="1258" y="368"/>
                  </a:lnTo>
                  <a:lnTo>
                    <a:pt x="1248" y="323"/>
                  </a:lnTo>
                  <a:lnTo>
                    <a:pt x="1215" y="270"/>
                  </a:lnTo>
                  <a:lnTo>
                    <a:pt x="1190" y="343"/>
                  </a:lnTo>
                  <a:lnTo>
                    <a:pt x="1190" y="368"/>
                  </a:lnTo>
                  <a:lnTo>
                    <a:pt x="1225" y="398"/>
                  </a:lnTo>
                  <a:lnTo>
                    <a:pt x="1230" y="431"/>
                  </a:lnTo>
                  <a:lnTo>
                    <a:pt x="1205" y="456"/>
                  </a:lnTo>
                  <a:lnTo>
                    <a:pt x="1190" y="446"/>
                  </a:lnTo>
                  <a:lnTo>
                    <a:pt x="1185" y="446"/>
                  </a:lnTo>
                  <a:lnTo>
                    <a:pt x="1185" y="444"/>
                  </a:lnTo>
                  <a:lnTo>
                    <a:pt x="1187" y="439"/>
                  </a:lnTo>
                  <a:lnTo>
                    <a:pt x="1185" y="434"/>
                  </a:lnTo>
                  <a:lnTo>
                    <a:pt x="1185" y="429"/>
                  </a:lnTo>
                  <a:lnTo>
                    <a:pt x="1182" y="424"/>
                  </a:lnTo>
                  <a:lnTo>
                    <a:pt x="1185" y="424"/>
                  </a:lnTo>
                  <a:lnTo>
                    <a:pt x="1187" y="424"/>
                  </a:lnTo>
                  <a:lnTo>
                    <a:pt x="1190" y="424"/>
                  </a:lnTo>
                  <a:lnTo>
                    <a:pt x="1192" y="424"/>
                  </a:lnTo>
                  <a:lnTo>
                    <a:pt x="1195" y="424"/>
                  </a:lnTo>
                  <a:lnTo>
                    <a:pt x="1198" y="419"/>
                  </a:lnTo>
                  <a:lnTo>
                    <a:pt x="1200" y="413"/>
                  </a:lnTo>
                  <a:lnTo>
                    <a:pt x="1198" y="408"/>
                  </a:lnTo>
                  <a:lnTo>
                    <a:pt x="1192" y="406"/>
                  </a:lnTo>
                  <a:lnTo>
                    <a:pt x="1190" y="403"/>
                  </a:lnTo>
                  <a:lnTo>
                    <a:pt x="1185" y="403"/>
                  </a:lnTo>
                  <a:lnTo>
                    <a:pt x="1180" y="398"/>
                  </a:lnTo>
                  <a:lnTo>
                    <a:pt x="1175" y="396"/>
                  </a:lnTo>
                  <a:lnTo>
                    <a:pt x="1170" y="391"/>
                  </a:lnTo>
                  <a:lnTo>
                    <a:pt x="1167" y="388"/>
                  </a:lnTo>
                  <a:lnTo>
                    <a:pt x="1165" y="383"/>
                  </a:lnTo>
                  <a:lnTo>
                    <a:pt x="1162" y="378"/>
                  </a:lnTo>
                  <a:lnTo>
                    <a:pt x="1162" y="373"/>
                  </a:lnTo>
                  <a:lnTo>
                    <a:pt x="1162" y="371"/>
                  </a:lnTo>
                  <a:lnTo>
                    <a:pt x="1165" y="368"/>
                  </a:lnTo>
                  <a:lnTo>
                    <a:pt x="1165" y="363"/>
                  </a:lnTo>
                  <a:lnTo>
                    <a:pt x="1162" y="356"/>
                  </a:lnTo>
                  <a:lnTo>
                    <a:pt x="1162" y="350"/>
                  </a:lnTo>
                  <a:lnTo>
                    <a:pt x="1160" y="343"/>
                  </a:lnTo>
                  <a:lnTo>
                    <a:pt x="1160" y="338"/>
                  </a:lnTo>
                  <a:lnTo>
                    <a:pt x="1157" y="333"/>
                  </a:lnTo>
                  <a:lnTo>
                    <a:pt x="1157" y="328"/>
                  </a:lnTo>
                  <a:lnTo>
                    <a:pt x="1160" y="325"/>
                  </a:lnTo>
                  <a:lnTo>
                    <a:pt x="1162" y="323"/>
                  </a:lnTo>
                  <a:lnTo>
                    <a:pt x="1165" y="323"/>
                  </a:lnTo>
                  <a:lnTo>
                    <a:pt x="1167" y="318"/>
                  </a:lnTo>
                  <a:lnTo>
                    <a:pt x="1172" y="310"/>
                  </a:lnTo>
                  <a:lnTo>
                    <a:pt x="1172" y="308"/>
                  </a:lnTo>
                  <a:lnTo>
                    <a:pt x="1172" y="305"/>
                  </a:lnTo>
                  <a:lnTo>
                    <a:pt x="1170" y="303"/>
                  </a:lnTo>
                  <a:lnTo>
                    <a:pt x="1165" y="300"/>
                  </a:lnTo>
                  <a:lnTo>
                    <a:pt x="1162" y="300"/>
                  </a:lnTo>
                  <a:lnTo>
                    <a:pt x="1157" y="300"/>
                  </a:lnTo>
                  <a:lnTo>
                    <a:pt x="1152" y="300"/>
                  </a:lnTo>
                  <a:lnTo>
                    <a:pt x="1147" y="300"/>
                  </a:lnTo>
                  <a:lnTo>
                    <a:pt x="1142" y="303"/>
                  </a:lnTo>
                  <a:lnTo>
                    <a:pt x="1145" y="305"/>
                  </a:lnTo>
                  <a:lnTo>
                    <a:pt x="1147" y="308"/>
                  </a:lnTo>
                  <a:lnTo>
                    <a:pt x="1150" y="310"/>
                  </a:lnTo>
                  <a:lnTo>
                    <a:pt x="1152" y="313"/>
                  </a:lnTo>
                  <a:lnTo>
                    <a:pt x="1150" y="313"/>
                  </a:lnTo>
                  <a:lnTo>
                    <a:pt x="1147" y="315"/>
                  </a:lnTo>
                  <a:lnTo>
                    <a:pt x="1145" y="313"/>
                  </a:lnTo>
                  <a:lnTo>
                    <a:pt x="1142" y="310"/>
                  </a:lnTo>
                  <a:lnTo>
                    <a:pt x="1137" y="310"/>
                  </a:lnTo>
                  <a:lnTo>
                    <a:pt x="1134" y="313"/>
                  </a:lnTo>
                  <a:lnTo>
                    <a:pt x="1132" y="315"/>
                  </a:lnTo>
                  <a:lnTo>
                    <a:pt x="1132" y="320"/>
                  </a:lnTo>
                  <a:lnTo>
                    <a:pt x="1132" y="323"/>
                  </a:lnTo>
                  <a:lnTo>
                    <a:pt x="1134" y="328"/>
                  </a:lnTo>
                  <a:lnTo>
                    <a:pt x="1137" y="330"/>
                  </a:lnTo>
                  <a:lnTo>
                    <a:pt x="1134" y="335"/>
                  </a:lnTo>
                  <a:lnTo>
                    <a:pt x="1132" y="340"/>
                  </a:lnTo>
                  <a:lnTo>
                    <a:pt x="1132" y="348"/>
                  </a:lnTo>
                  <a:lnTo>
                    <a:pt x="1129" y="353"/>
                  </a:lnTo>
                  <a:lnTo>
                    <a:pt x="1127" y="350"/>
                  </a:lnTo>
                  <a:lnTo>
                    <a:pt x="1124" y="343"/>
                  </a:lnTo>
                  <a:lnTo>
                    <a:pt x="1124" y="335"/>
                  </a:lnTo>
                  <a:lnTo>
                    <a:pt x="1124" y="328"/>
                  </a:lnTo>
                  <a:lnTo>
                    <a:pt x="1119" y="323"/>
                  </a:lnTo>
                  <a:lnTo>
                    <a:pt x="1117" y="320"/>
                  </a:lnTo>
                  <a:lnTo>
                    <a:pt x="1112" y="315"/>
                  </a:lnTo>
                  <a:lnTo>
                    <a:pt x="1109" y="315"/>
                  </a:lnTo>
                  <a:lnTo>
                    <a:pt x="1109" y="318"/>
                  </a:lnTo>
                  <a:lnTo>
                    <a:pt x="1112" y="323"/>
                  </a:lnTo>
                  <a:lnTo>
                    <a:pt x="1112" y="328"/>
                  </a:lnTo>
                  <a:lnTo>
                    <a:pt x="1109" y="328"/>
                  </a:lnTo>
                  <a:lnTo>
                    <a:pt x="1104" y="328"/>
                  </a:lnTo>
                  <a:lnTo>
                    <a:pt x="1099" y="325"/>
                  </a:lnTo>
                  <a:lnTo>
                    <a:pt x="1094" y="320"/>
                  </a:lnTo>
                  <a:lnTo>
                    <a:pt x="1092" y="315"/>
                  </a:lnTo>
                  <a:lnTo>
                    <a:pt x="1092" y="313"/>
                  </a:lnTo>
                  <a:lnTo>
                    <a:pt x="1087" y="313"/>
                  </a:lnTo>
                  <a:lnTo>
                    <a:pt x="1082" y="315"/>
                  </a:lnTo>
                  <a:lnTo>
                    <a:pt x="1079" y="315"/>
                  </a:lnTo>
                  <a:lnTo>
                    <a:pt x="1077" y="313"/>
                  </a:lnTo>
                  <a:lnTo>
                    <a:pt x="1079" y="310"/>
                  </a:lnTo>
                  <a:lnTo>
                    <a:pt x="1082" y="303"/>
                  </a:lnTo>
                  <a:lnTo>
                    <a:pt x="1082" y="300"/>
                  </a:lnTo>
                  <a:lnTo>
                    <a:pt x="1077" y="298"/>
                  </a:lnTo>
                  <a:lnTo>
                    <a:pt x="1071" y="300"/>
                  </a:lnTo>
                  <a:lnTo>
                    <a:pt x="1064" y="300"/>
                  </a:lnTo>
                  <a:lnTo>
                    <a:pt x="1056" y="303"/>
                  </a:lnTo>
                  <a:lnTo>
                    <a:pt x="1051" y="303"/>
                  </a:lnTo>
                  <a:lnTo>
                    <a:pt x="1049" y="305"/>
                  </a:lnTo>
                  <a:lnTo>
                    <a:pt x="1044" y="305"/>
                  </a:lnTo>
                  <a:lnTo>
                    <a:pt x="1039" y="308"/>
                  </a:lnTo>
                  <a:lnTo>
                    <a:pt x="1036" y="310"/>
                  </a:lnTo>
                  <a:lnTo>
                    <a:pt x="1036" y="315"/>
                  </a:lnTo>
                  <a:lnTo>
                    <a:pt x="1034" y="320"/>
                  </a:lnTo>
                  <a:lnTo>
                    <a:pt x="1029" y="323"/>
                  </a:lnTo>
                  <a:lnTo>
                    <a:pt x="1024" y="323"/>
                  </a:lnTo>
                  <a:lnTo>
                    <a:pt x="1021" y="325"/>
                  </a:lnTo>
                  <a:lnTo>
                    <a:pt x="1021" y="330"/>
                  </a:lnTo>
                  <a:lnTo>
                    <a:pt x="1024" y="333"/>
                  </a:lnTo>
                  <a:lnTo>
                    <a:pt x="1029" y="338"/>
                  </a:lnTo>
                  <a:lnTo>
                    <a:pt x="1034" y="343"/>
                  </a:lnTo>
                  <a:lnTo>
                    <a:pt x="1036" y="345"/>
                  </a:lnTo>
                  <a:lnTo>
                    <a:pt x="1039" y="345"/>
                  </a:lnTo>
                  <a:lnTo>
                    <a:pt x="1039" y="350"/>
                  </a:lnTo>
                  <a:lnTo>
                    <a:pt x="1039" y="353"/>
                  </a:lnTo>
                  <a:lnTo>
                    <a:pt x="1034" y="356"/>
                  </a:lnTo>
                  <a:lnTo>
                    <a:pt x="1026" y="353"/>
                  </a:lnTo>
                  <a:lnTo>
                    <a:pt x="1021" y="356"/>
                  </a:lnTo>
                  <a:lnTo>
                    <a:pt x="1021" y="358"/>
                  </a:lnTo>
                  <a:lnTo>
                    <a:pt x="1021" y="361"/>
                  </a:lnTo>
                  <a:lnTo>
                    <a:pt x="1021" y="366"/>
                  </a:lnTo>
                  <a:lnTo>
                    <a:pt x="1024" y="371"/>
                  </a:lnTo>
                  <a:lnTo>
                    <a:pt x="1026" y="373"/>
                  </a:lnTo>
                  <a:lnTo>
                    <a:pt x="1031" y="373"/>
                  </a:lnTo>
                  <a:lnTo>
                    <a:pt x="1036" y="373"/>
                  </a:lnTo>
                  <a:lnTo>
                    <a:pt x="1044" y="373"/>
                  </a:lnTo>
                  <a:lnTo>
                    <a:pt x="1051" y="376"/>
                  </a:lnTo>
                  <a:lnTo>
                    <a:pt x="1054" y="376"/>
                  </a:lnTo>
                  <a:lnTo>
                    <a:pt x="1059" y="376"/>
                  </a:lnTo>
                  <a:lnTo>
                    <a:pt x="1069" y="378"/>
                  </a:lnTo>
                  <a:lnTo>
                    <a:pt x="1077" y="381"/>
                  </a:lnTo>
                  <a:lnTo>
                    <a:pt x="1082" y="386"/>
                  </a:lnTo>
                  <a:lnTo>
                    <a:pt x="1082" y="391"/>
                  </a:lnTo>
                  <a:lnTo>
                    <a:pt x="1079" y="396"/>
                  </a:lnTo>
                  <a:lnTo>
                    <a:pt x="1079" y="398"/>
                  </a:lnTo>
                  <a:lnTo>
                    <a:pt x="1077" y="398"/>
                  </a:lnTo>
                  <a:lnTo>
                    <a:pt x="1071" y="396"/>
                  </a:lnTo>
                  <a:lnTo>
                    <a:pt x="1066" y="396"/>
                  </a:lnTo>
                  <a:lnTo>
                    <a:pt x="1059" y="393"/>
                  </a:lnTo>
                  <a:lnTo>
                    <a:pt x="1054" y="388"/>
                  </a:lnTo>
                  <a:lnTo>
                    <a:pt x="1049" y="388"/>
                  </a:lnTo>
                  <a:lnTo>
                    <a:pt x="1044" y="386"/>
                  </a:lnTo>
                  <a:lnTo>
                    <a:pt x="1039" y="383"/>
                  </a:lnTo>
                  <a:lnTo>
                    <a:pt x="1034" y="383"/>
                  </a:lnTo>
                  <a:lnTo>
                    <a:pt x="1026" y="383"/>
                  </a:lnTo>
                  <a:lnTo>
                    <a:pt x="1021" y="383"/>
                  </a:lnTo>
                  <a:lnTo>
                    <a:pt x="1019" y="383"/>
                  </a:lnTo>
                  <a:lnTo>
                    <a:pt x="1019" y="388"/>
                  </a:lnTo>
                  <a:lnTo>
                    <a:pt x="1019" y="393"/>
                  </a:lnTo>
                  <a:lnTo>
                    <a:pt x="1019" y="398"/>
                  </a:lnTo>
                  <a:lnTo>
                    <a:pt x="1019" y="403"/>
                  </a:lnTo>
                  <a:lnTo>
                    <a:pt x="1021" y="406"/>
                  </a:lnTo>
                  <a:lnTo>
                    <a:pt x="1026" y="406"/>
                  </a:lnTo>
                  <a:lnTo>
                    <a:pt x="1031" y="408"/>
                  </a:lnTo>
                  <a:lnTo>
                    <a:pt x="1036" y="413"/>
                  </a:lnTo>
                  <a:lnTo>
                    <a:pt x="1044" y="419"/>
                  </a:lnTo>
                  <a:lnTo>
                    <a:pt x="1049" y="424"/>
                  </a:lnTo>
                  <a:lnTo>
                    <a:pt x="1049" y="429"/>
                  </a:lnTo>
                  <a:lnTo>
                    <a:pt x="1051" y="434"/>
                  </a:lnTo>
                  <a:lnTo>
                    <a:pt x="1051" y="439"/>
                  </a:lnTo>
                  <a:lnTo>
                    <a:pt x="1054" y="441"/>
                  </a:lnTo>
                  <a:lnTo>
                    <a:pt x="1056" y="441"/>
                  </a:lnTo>
                  <a:lnTo>
                    <a:pt x="1059" y="441"/>
                  </a:lnTo>
                  <a:lnTo>
                    <a:pt x="1064" y="444"/>
                  </a:lnTo>
                  <a:lnTo>
                    <a:pt x="1066" y="444"/>
                  </a:lnTo>
                  <a:lnTo>
                    <a:pt x="1071" y="446"/>
                  </a:lnTo>
                  <a:lnTo>
                    <a:pt x="1074" y="446"/>
                  </a:lnTo>
                  <a:lnTo>
                    <a:pt x="1077" y="446"/>
                  </a:lnTo>
                  <a:lnTo>
                    <a:pt x="1079" y="446"/>
                  </a:lnTo>
                  <a:lnTo>
                    <a:pt x="1084" y="446"/>
                  </a:lnTo>
                  <a:lnTo>
                    <a:pt x="1087" y="444"/>
                  </a:lnTo>
                  <a:lnTo>
                    <a:pt x="1094" y="444"/>
                  </a:lnTo>
                  <a:lnTo>
                    <a:pt x="1102" y="441"/>
                  </a:lnTo>
                  <a:lnTo>
                    <a:pt x="1107" y="439"/>
                  </a:lnTo>
                  <a:lnTo>
                    <a:pt x="1114" y="439"/>
                  </a:lnTo>
                  <a:lnTo>
                    <a:pt x="1119" y="436"/>
                  </a:lnTo>
                  <a:lnTo>
                    <a:pt x="1124" y="434"/>
                  </a:lnTo>
                  <a:lnTo>
                    <a:pt x="1129" y="429"/>
                  </a:lnTo>
                  <a:lnTo>
                    <a:pt x="1132" y="426"/>
                  </a:lnTo>
                  <a:lnTo>
                    <a:pt x="1134" y="429"/>
                  </a:lnTo>
                  <a:lnTo>
                    <a:pt x="1137" y="429"/>
                  </a:lnTo>
                  <a:lnTo>
                    <a:pt x="1142" y="434"/>
                  </a:lnTo>
                  <a:lnTo>
                    <a:pt x="1145" y="434"/>
                  </a:lnTo>
                  <a:lnTo>
                    <a:pt x="1147" y="439"/>
                  </a:lnTo>
                  <a:lnTo>
                    <a:pt x="1152" y="441"/>
                  </a:lnTo>
                  <a:lnTo>
                    <a:pt x="1157" y="444"/>
                  </a:lnTo>
                  <a:lnTo>
                    <a:pt x="1160" y="449"/>
                  </a:lnTo>
                  <a:lnTo>
                    <a:pt x="1167" y="451"/>
                  </a:lnTo>
                  <a:lnTo>
                    <a:pt x="1157" y="471"/>
                  </a:lnTo>
                  <a:lnTo>
                    <a:pt x="1122" y="461"/>
                  </a:lnTo>
                  <a:lnTo>
                    <a:pt x="1069" y="461"/>
                  </a:lnTo>
                  <a:lnTo>
                    <a:pt x="1039" y="441"/>
                  </a:lnTo>
                  <a:lnTo>
                    <a:pt x="991" y="451"/>
                  </a:lnTo>
                  <a:lnTo>
                    <a:pt x="996" y="466"/>
                  </a:lnTo>
                  <a:lnTo>
                    <a:pt x="1001" y="497"/>
                  </a:lnTo>
                  <a:lnTo>
                    <a:pt x="986" y="492"/>
                  </a:lnTo>
                  <a:lnTo>
                    <a:pt x="958" y="461"/>
                  </a:lnTo>
                  <a:lnTo>
                    <a:pt x="903" y="471"/>
                  </a:lnTo>
                  <a:lnTo>
                    <a:pt x="875" y="451"/>
                  </a:lnTo>
                  <a:lnTo>
                    <a:pt x="885" y="431"/>
                  </a:lnTo>
                  <a:lnTo>
                    <a:pt x="850" y="421"/>
                  </a:lnTo>
                  <a:lnTo>
                    <a:pt x="807" y="398"/>
                  </a:lnTo>
                  <a:lnTo>
                    <a:pt x="749" y="383"/>
                  </a:lnTo>
                  <a:lnTo>
                    <a:pt x="713" y="393"/>
                  </a:lnTo>
                  <a:lnTo>
                    <a:pt x="676" y="353"/>
                  </a:lnTo>
                  <a:lnTo>
                    <a:pt x="577" y="398"/>
                  </a:lnTo>
                  <a:lnTo>
                    <a:pt x="550" y="426"/>
                  </a:lnTo>
                  <a:lnTo>
                    <a:pt x="509" y="416"/>
                  </a:lnTo>
                  <a:lnTo>
                    <a:pt x="482" y="388"/>
                  </a:lnTo>
                  <a:lnTo>
                    <a:pt x="451" y="378"/>
                  </a:lnTo>
                  <a:lnTo>
                    <a:pt x="439" y="378"/>
                  </a:lnTo>
                  <a:lnTo>
                    <a:pt x="424" y="363"/>
                  </a:lnTo>
                  <a:lnTo>
                    <a:pt x="376" y="368"/>
                  </a:lnTo>
                  <a:lnTo>
                    <a:pt x="308" y="338"/>
                  </a:lnTo>
                  <a:lnTo>
                    <a:pt x="277" y="343"/>
                  </a:lnTo>
                  <a:lnTo>
                    <a:pt x="252" y="328"/>
                  </a:lnTo>
                  <a:lnTo>
                    <a:pt x="245" y="310"/>
                  </a:lnTo>
                  <a:lnTo>
                    <a:pt x="199" y="295"/>
                  </a:lnTo>
                  <a:lnTo>
                    <a:pt x="171" y="315"/>
                  </a:lnTo>
                  <a:lnTo>
                    <a:pt x="131" y="333"/>
                  </a:lnTo>
                  <a:lnTo>
                    <a:pt x="98" y="353"/>
                  </a:lnTo>
                  <a:lnTo>
                    <a:pt x="78" y="403"/>
                  </a:lnTo>
                  <a:lnTo>
                    <a:pt x="35" y="413"/>
                  </a:lnTo>
                  <a:lnTo>
                    <a:pt x="35" y="446"/>
                  </a:lnTo>
                  <a:lnTo>
                    <a:pt x="68" y="487"/>
                  </a:lnTo>
                  <a:lnTo>
                    <a:pt x="98" y="502"/>
                  </a:lnTo>
                  <a:lnTo>
                    <a:pt x="98" y="522"/>
                  </a:lnTo>
                  <a:lnTo>
                    <a:pt x="78" y="532"/>
                  </a:lnTo>
                  <a:lnTo>
                    <a:pt x="50" y="522"/>
                  </a:lnTo>
                  <a:lnTo>
                    <a:pt x="0" y="560"/>
                  </a:lnTo>
                  <a:lnTo>
                    <a:pt x="15" y="575"/>
                  </a:lnTo>
                  <a:lnTo>
                    <a:pt x="35" y="595"/>
                  </a:lnTo>
                  <a:lnTo>
                    <a:pt x="83" y="595"/>
                  </a:lnTo>
                  <a:lnTo>
                    <a:pt x="118" y="600"/>
                  </a:lnTo>
                  <a:lnTo>
                    <a:pt x="103" y="635"/>
                  </a:lnTo>
                  <a:lnTo>
                    <a:pt x="63" y="653"/>
                  </a:lnTo>
                  <a:lnTo>
                    <a:pt x="30" y="673"/>
                  </a:lnTo>
                  <a:lnTo>
                    <a:pt x="25" y="698"/>
                  </a:lnTo>
                  <a:lnTo>
                    <a:pt x="63" y="724"/>
                  </a:lnTo>
                  <a:lnTo>
                    <a:pt x="68" y="751"/>
                  </a:lnTo>
                  <a:lnTo>
                    <a:pt x="93" y="761"/>
                  </a:lnTo>
                  <a:lnTo>
                    <a:pt x="98" y="797"/>
                  </a:lnTo>
                  <a:lnTo>
                    <a:pt x="136" y="792"/>
                  </a:lnTo>
                  <a:lnTo>
                    <a:pt x="182" y="792"/>
                  </a:lnTo>
                  <a:lnTo>
                    <a:pt x="156" y="840"/>
                  </a:lnTo>
                  <a:lnTo>
                    <a:pt x="78" y="905"/>
                  </a:lnTo>
                  <a:lnTo>
                    <a:pt x="166" y="860"/>
                  </a:lnTo>
                  <a:lnTo>
                    <a:pt x="234" y="787"/>
                  </a:lnTo>
                  <a:lnTo>
                    <a:pt x="229" y="772"/>
                  </a:lnTo>
                  <a:lnTo>
                    <a:pt x="272" y="719"/>
                  </a:lnTo>
                  <a:lnTo>
                    <a:pt x="282" y="741"/>
                  </a:lnTo>
                  <a:lnTo>
                    <a:pt x="287" y="766"/>
                  </a:lnTo>
                  <a:lnTo>
                    <a:pt x="320" y="741"/>
                  </a:lnTo>
                  <a:lnTo>
                    <a:pt x="355" y="719"/>
                  </a:lnTo>
                  <a:lnTo>
                    <a:pt x="371" y="731"/>
                  </a:lnTo>
                  <a:lnTo>
                    <a:pt x="451" y="746"/>
                  </a:lnTo>
                  <a:lnTo>
                    <a:pt x="504" y="772"/>
                  </a:lnTo>
                  <a:lnTo>
                    <a:pt x="545" y="751"/>
                  </a:lnTo>
                  <a:lnTo>
                    <a:pt x="603" y="855"/>
                  </a:lnTo>
                  <a:lnTo>
                    <a:pt x="640" y="880"/>
                  </a:lnTo>
                  <a:lnTo>
                    <a:pt x="635" y="920"/>
                  </a:lnTo>
                  <a:lnTo>
                    <a:pt x="650" y="953"/>
                  </a:lnTo>
                  <a:lnTo>
                    <a:pt x="691" y="1009"/>
                  </a:lnTo>
                  <a:lnTo>
                    <a:pt x="749" y="1046"/>
                  </a:lnTo>
                  <a:lnTo>
                    <a:pt x="754" y="1072"/>
                  </a:lnTo>
                  <a:lnTo>
                    <a:pt x="759" y="1102"/>
                  </a:lnTo>
                  <a:lnTo>
                    <a:pt x="744" y="1112"/>
                  </a:lnTo>
                  <a:lnTo>
                    <a:pt x="749" y="1092"/>
                  </a:lnTo>
                  <a:lnTo>
                    <a:pt x="719" y="1082"/>
                  </a:lnTo>
                  <a:lnTo>
                    <a:pt x="734" y="1137"/>
                  </a:lnTo>
                  <a:lnTo>
                    <a:pt x="729" y="1180"/>
                  </a:lnTo>
                  <a:lnTo>
                    <a:pt x="719" y="1220"/>
                  </a:lnTo>
                  <a:lnTo>
                    <a:pt x="729" y="1253"/>
                  </a:lnTo>
                  <a:lnTo>
                    <a:pt x="729" y="1273"/>
                  </a:lnTo>
                  <a:lnTo>
                    <a:pt x="754" y="1324"/>
                  </a:lnTo>
                  <a:lnTo>
                    <a:pt x="774" y="1359"/>
                  </a:lnTo>
                  <a:lnTo>
                    <a:pt x="792" y="1387"/>
                  </a:lnTo>
                  <a:lnTo>
                    <a:pt x="837" y="1417"/>
                  </a:lnTo>
                  <a:lnTo>
                    <a:pt x="842" y="1427"/>
                  </a:lnTo>
                  <a:lnTo>
                    <a:pt x="845" y="1427"/>
                  </a:lnTo>
                  <a:lnTo>
                    <a:pt x="875" y="1483"/>
                  </a:lnTo>
                  <a:lnTo>
                    <a:pt x="895" y="1515"/>
                  </a:lnTo>
                  <a:lnTo>
                    <a:pt x="890" y="1525"/>
                  </a:lnTo>
                  <a:lnTo>
                    <a:pt x="928" y="1551"/>
                  </a:lnTo>
                  <a:lnTo>
                    <a:pt x="933" y="1576"/>
                  </a:lnTo>
                  <a:lnTo>
                    <a:pt x="948" y="1586"/>
                  </a:lnTo>
                  <a:lnTo>
                    <a:pt x="968" y="1606"/>
                  </a:lnTo>
                  <a:lnTo>
                    <a:pt x="976" y="1591"/>
                  </a:lnTo>
                  <a:lnTo>
                    <a:pt x="953" y="1576"/>
                  </a:lnTo>
                  <a:lnTo>
                    <a:pt x="933" y="1530"/>
                  </a:lnTo>
                  <a:lnTo>
                    <a:pt x="895" y="1477"/>
                  </a:lnTo>
                  <a:lnTo>
                    <a:pt x="885" y="1447"/>
                  </a:lnTo>
                  <a:lnTo>
                    <a:pt x="913" y="1457"/>
                  </a:lnTo>
                  <a:lnTo>
                    <a:pt x="938" y="1510"/>
                  </a:lnTo>
                  <a:lnTo>
                    <a:pt x="948" y="1525"/>
                  </a:lnTo>
                  <a:lnTo>
                    <a:pt x="976" y="1541"/>
                  </a:lnTo>
                  <a:lnTo>
                    <a:pt x="976" y="1556"/>
                  </a:lnTo>
                  <a:lnTo>
                    <a:pt x="996" y="1566"/>
                  </a:lnTo>
                  <a:lnTo>
                    <a:pt x="1006" y="1581"/>
                  </a:lnTo>
                  <a:lnTo>
                    <a:pt x="1031" y="1606"/>
                  </a:lnTo>
                  <a:lnTo>
                    <a:pt x="1036" y="1644"/>
                  </a:lnTo>
                  <a:lnTo>
                    <a:pt x="1036" y="1659"/>
                  </a:lnTo>
                  <a:lnTo>
                    <a:pt x="1104" y="1699"/>
                  </a:lnTo>
                  <a:lnTo>
                    <a:pt x="1137" y="1717"/>
                  </a:lnTo>
                  <a:lnTo>
                    <a:pt x="1195" y="1732"/>
                  </a:lnTo>
                  <a:lnTo>
                    <a:pt x="1210" y="1727"/>
                  </a:lnTo>
                  <a:lnTo>
                    <a:pt x="1225" y="1727"/>
                  </a:lnTo>
                  <a:lnTo>
                    <a:pt x="1250" y="1747"/>
                  </a:lnTo>
                  <a:lnTo>
                    <a:pt x="1256" y="1755"/>
                  </a:lnTo>
                  <a:lnTo>
                    <a:pt x="1288" y="1760"/>
                  </a:lnTo>
                  <a:lnTo>
                    <a:pt x="1303" y="1755"/>
                  </a:lnTo>
                  <a:lnTo>
                    <a:pt x="1303" y="1752"/>
                  </a:lnTo>
                  <a:lnTo>
                    <a:pt x="1331" y="1767"/>
                  </a:lnTo>
                  <a:lnTo>
                    <a:pt x="1361" y="1755"/>
                  </a:lnTo>
                  <a:lnTo>
                    <a:pt x="1329" y="1767"/>
                  </a:lnTo>
                  <a:lnTo>
                    <a:pt x="1356" y="1810"/>
                  </a:lnTo>
                  <a:lnTo>
                    <a:pt x="1366" y="1820"/>
                  </a:lnTo>
                  <a:lnTo>
                    <a:pt x="1414" y="1851"/>
                  </a:lnTo>
                  <a:lnTo>
                    <a:pt x="1419" y="1830"/>
                  </a:lnTo>
                  <a:lnTo>
                    <a:pt x="1404" y="1810"/>
                  </a:lnTo>
                  <a:close/>
                  <a:moveTo>
                    <a:pt x="1268" y="1722"/>
                  </a:moveTo>
                  <a:lnTo>
                    <a:pt x="1268" y="1722"/>
                  </a:lnTo>
                  <a:lnTo>
                    <a:pt x="1281" y="1722"/>
                  </a:lnTo>
                  <a:lnTo>
                    <a:pt x="1283" y="1722"/>
                  </a:lnTo>
                  <a:lnTo>
                    <a:pt x="1268" y="1722"/>
                  </a:lnTo>
                  <a:close/>
                  <a:moveTo>
                    <a:pt x="1593" y="1692"/>
                  </a:moveTo>
                  <a:lnTo>
                    <a:pt x="1614" y="1692"/>
                  </a:lnTo>
                  <a:lnTo>
                    <a:pt x="1629" y="1679"/>
                  </a:lnTo>
                  <a:lnTo>
                    <a:pt x="1671" y="1687"/>
                  </a:lnTo>
                  <a:lnTo>
                    <a:pt x="1651" y="1674"/>
                  </a:lnTo>
                  <a:lnTo>
                    <a:pt x="1619" y="1659"/>
                  </a:lnTo>
                  <a:lnTo>
                    <a:pt x="1578" y="1659"/>
                  </a:lnTo>
                  <a:lnTo>
                    <a:pt x="1578" y="1669"/>
                  </a:lnTo>
                  <a:lnTo>
                    <a:pt x="1556" y="1674"/>
                  </a:lnTo>
                  <a:lnTo>
                    <a:pt x="1583" y="1687"/>
                  </a:lnTo>
                  <a:lnTo>
                    <a:pt x="1593" y="1692"/>
                  </a:lnTo>
                  <a:close/>
                  <a:moveTo>
                    <a:pt x="1520" y="1634"/>
                  </a:moveTo>
                  <a:lnTo>
                    <a:pt x="1520" y="1634"/>
                  </a:lnTo>
                  <a:lnTo>
                    <a:pt x="1513" y="1624"/>
                  </a:lnTo>
                  <a:lnTo>
                    <a:pt x="1510" y="1619"/>
                  </a:lnTo>
                  <a:lnTo>
                    <a:pt x="1472" y="1604"/>
                  </a:lnTo>
                  <a:lnTo>
                    <a:pt x="1414" y="1604"/>
                  </a:lnTo>
                  <a:lnTo>
                    <a:pt x="1382" y="1609"/>
                  </a:lnTo>
                  <a:lnTo>
                    <a:pt x="1371" y="1619"/>
                  </a:lnTo>
                  <a:lnTo>
                    <a:pt x="1397" y="1624"/>
                  </a:lnTo>
                  <a:lnTo>
                    <a:pt x="1419" y="1624"/>
                  </a:lnTo>
                  <a:lnTo>
                    <a:pt x="1450" y="1624"/>
                  </a:lnTo>
                  <a:lnTo>
                    <a:pt x="1482" y="1629"/>
                  </a:lnTo>
                  <a:lnTo>
                    <a:pt x="1492" y="1644"/>
                  </a:lnTo>
                  <a:lnTo>
                    <a:pt x="1503" y="1654"/>
                  </a:lnTo>
                  <a:lnTo>
                    <a:pt x="1545" y="1654"/>
                  </a:lnTo>
                  <a:lnTo>
                    <a:pt x="1553" y="1654"/>
                  </a:lnTo>
                  <a:lnTo>
                    <a:pt x="1556" y="1651"/>
                  </a:lnTo>
                  <a:lnTo>
                    <a:pt x="1556" y="1649"/>
                  </a:lnTo>
                  <a:lnTo>
                    <a:pt x="1545" y="1639"/>
                  </a:lnTo>
                  <a:lnTo>
                    <a:pt x="1538" y="1639"/>
                  </a:lnTo>
                  <a:lnTo>
                    <a:pt x="1528" y="1636"/>
                  </a:lnTo>
                  <a:lnTo>
                    <a:pt x="1520" y="1634"/>
                  </a:lnTo>
                  <a:close/>
                  <a:moveTo>
                    <a:pt x="1704" y="1717"/>
                  </a:moveTo>
                  <a:lnTo>
                    <a:pt x="1729" y="1722"/>
                  </a:lnTo>
                  <a:lnTo>
                    <a:pt x="1729" y="1709"/>
                  </a:lnTo>
                  <a:lnTo>
                    <a:pt x="1707" y="1709"/>
                  </a:lnTo>
                  <a:lnTo>
                    <a:pt x="1704" y="1717"/>
                  </a:lnTo>
                  <a:close/>
                  <a:moveTo>
                    <a:pt x="1452" y="1861"/>
                  </a:moveTo>
                  <a:lnTo>
                    <a:pt x="1452" y="1861"/>
                  </a:lnTo>
                  <a:lnTo>
                    <a:pt x="1467" y="1846"/>
                  </a:lnTo>
                  <a:lnTo>
                    <a:pt x="1487" y="1851"/>
                  </a:lnTo>
                  <a:lnTo>
                    <a:pt x="1492" y="1866"/>
                  </a:lnTo>
                  <a:lnTo>
                    <a:pt x="1508" y="1851"/>
                  </a:lnTo>
                  <a:lnTo>
                    <a:pt x="1487" y="1836"/>
                  </a:lnTo>
                  <a:lnTo>
                    <a:pt x="1462" y="1836"/>
                  </a:lnTo>
                  <a:lnTo>
                    <a:pt x="1445" y="1838"/>
                  </a:lnTo>
                  <a:lnTo>
                    <a:pt x="1432" y="1838"/>
                  </a:lnTo>
                  <a:lnTo>
                    <a:pt x="1424" y="1836"/>
                  </a:lnTo>
                  <a:lnTo>
                    <a:pt x="1419" y="1836"/>
                  </a:lnTo>
                  <a:lnTo>
                    <a:pt x="1419" y="1830"/>
                  </a:lnTo>
                  <a:lnTo>
                    <a:pt x="1414" y="1851"/>
                  </a:lnTo>
                  <a:lnTo>
                    <a:pt x="1435" y="1871"/>
                  </a:lnTo>
                  <a:lnTo>
                    <a:pt x="1445" y="1871"/>
                  </a:lnTo>
                  <a:lnTo>
                    <a:pt x="1452" y="1861"/>
                  </a:lnTo>
                  <a:close/>
                  <a:moveTo>
                    <a:pt x="2201" y="2073"/>
                  </a:moveTo>
                  <a:lnTo>
                    <a:pt x="2201" y="2073"/>
                  </a:lnTo>
                  <a:lnTo>
                    <a:pt x="2168" y="2062"/>
                  </a:lnTo>
                  <a:lnTo>
                    <a:pt x="2123" y="2037"/>
                  </a:lnTo>
                  <a:lnTo>
                    <a:pt x="2070" y="2032"/>
                  </a:lnTo>
                  <a:lnTo>
                    <a:pt x="2055" y="2027"/>
                  </a:lnTo>
                  <a:lnTo>
                    <a:pt x="2042" y="2012"/>
                  </a:lnTo>
                  <a:lnTo>
                    <a:pt x="2002" y="1997"/>
                  </a:lnTo>
                  <a:lnTo>
                    <a:pt x="1964" y="1974"/>
                  </a:lnTo>
                  <a:lnTo>
                    <a:pt x="1959" y="1954"/>
                  </a:lnTo>
                  <a:lnTo>
                    <a:pt x="1944" y="1914"/>
                  </a:lnTo>
                  <a:lnTo>
                    <a:pt x="1939" y="1914"/>
                  </a:lnTo>
                  <a:lnTo>
                    <a:pt x="1903" y="1893"/>
                  </a:lnTo>
                  <a:lnTo>
                    <a:pt x="1891" y="1893"/>
                  </a:lnTo>
                  <a:lnTo>
                    <a:pt x="1891" y="1896"/>
                  </a:lnTo>
                  <a:lnTo>
                    <a:pt x="1891" y="1893"/>
                  </a:lnTo>
                  <a:lnTo>
                    <a:pt x="1848" y="1888"/>
                  </a:lnTo>
                  <a:lnTo>
                    <a:pt x="1848" y="1883"/>
                  </a:lnTo>
                  <a:lnTo>
                    <a:pt x="1848" y="1888"/>
                  </a:lnTo>
                  <a:lnTo>
                    <a:pt x="1848" y="1881"/>
                  </a:lnTo>
                  <a:lnTo>
                    <a:pt x="1828" y="1876"/>
                  </a:lnTo>
                  <a:lnTo>
                    <a:pt x="1823" y="1861"/>
                  </a:lnTo>
                  <a:lnTo>
                    <a:pt x="1803" y="1846"/>
                  </a:lnTo>
                  <a:lnTo>
                    <a:pt x="1798" y="1846"/>
                  </a:lnTo>
                  <a:lnTo>
                    <a:pt x="1782" y="1841"/>
                  </a:lnTo>
                  <a:lnTo>
                    <a:pt x="1777" y="1830"/>
                  </a:lnTo>
                  <a:lnTo>
                    <a:pt x="1745" y="1815"/>
                  </a:lnTo>
                  <a:lnTo>
                    <a:pt x="1694" y="1820"/>
                  </a:lnTo>
                  <a:lnTo>
                    <a:pt x="1666" y="1815"/>
                  </a:lnTo>
                  <a:lnTo>
                    <a:pt x="1661" y="1805"/>
                  </a:lnTo>
                  <a:lnTo>
                    <a:pt x="1636" y="1800"/>
                  </a:lnTo>
                  <a:lnTo>
                    <a:pt x="1608" y="1805"/>
                  </a:lnTo>
                  <a:lnTo>
                    <a:pt x="1606" y="1803"/>
                  </a:lnTo>
                  <a:lnTo>
                    <a:pt x="1606" y="1798"/>
                  </a:lnTo>
                  <a:lnTo>
                    <a:pt x="1603" y="1790"/>
                  </a:lnTo>
                  <a:lnTo>
                    <a:pt x="1591" y="1795"/>
                  </a:lnTo>
                  <a:lnTo>
                    <a:pt x="1603" y="1790"/>
                  </a:lnTo>
                  <a:lnTo>
                    <a:pt x="1603" y="1785"/>
                  </a:lnTo>
                  <a:lnTo>
                    <a:pt x="1566" y="1795"/>
                  </a:lnTo>
                  <a:lnTo>
                    <a:pt x="1545" y="1805"/>
                  </a:lnTo>
                  <a:lnTo>
                    <a:pt x="1535" y="1830"/>
                  </a:lnTo>
                  <a:lnTo>
                    <a:pt x="1525" y="1836"/>
                  </a:lnTo>
                  <a:lnTo>
                    <a:pt x="1508" y="1851"/>
                  </a:lnTo>
                  <a:lnTo>
                    <a:pt x="1492" y="1866"/>
                  </a:lnTo>
                  <a:lnTo>
                    <a:pt x="1498" y="1878"/>
                  </a:lnTo>
                  <a:lnTo>
                    <a:pt x="1503" y="1904"/>
                  </a:lnTo>
                  <a:lnTo>
                    <a:pt x="1503" y="1919"/>
                  </a:lnTo>
                  <a:lnTo>
                    <a:pt x="1508" y="1939"/>
                  </a:lnTo>
                  <a:lnTo>
                    <a:pt x="1487" y="1954"/>
                  </a:lnTo>
                  <a:lnTo>
                    <a:pt x="1477" y="1964"/>
                  </a:lnTo>
                  <a:lnTo>
                    <a:pt x="1472" y="1974"/>
                  </a:lnTo>
                  <a:lnTo>
                    <a:pt x="1450" y="2022"/>
                  </a:lnTo>
                  <a:lnTo>
                    <a:pt x="1462" y="2042"/>
                  </a:lnTo>
                  <a:lnTo>
                    <a:pt x="1450" y="2047"/>
                  </a:lnTo>
                  <a:lnTo>
                    <a:pt x="1452" y="2047"/>
                  </a:lnTo>
                  <a:lnTo>
                    <a:pt x="1435" y="2057"/>
                  </a:lnTo>
                  <a:lnTo>
                    <a:pt x="1452" y="2093"/>
                  </a:lnTo>
                  <a:lnTo>
                    <a:pt x="1482" y="2146"/>
                  </a:lnTo>
                  <a:lnTo>
                    <a:pt x="1515" y="2211"/>
                  </a:lnTo>
                  <a:lnTo>
                    <a:pt x="1515" y="2221"/>
                  </a:lnTo>
                  <a:lnTo>
                    <a:pt x="1626" y="2284"/>
                  </a:lnTo>
                  <a:lnTo>
                    <a:pt x="1631" y="2284"/>
                  </a:lnTo>
                  <a:lnTo>
                    <a:pt x="1631" y="2282"/>
                  </a:lnTo>
                  <a:lnTo>
                    <a:pt x="1634" y="2279"/>
                  </a:lnTo>
                  <a:lnTo>
                    <a:pt x="1649" y="2294"/>
                  </a:lnTo>
                  <a:lnTo>
                    <a:pt x="1649" y="2297"/>
                  </a:lnTo>
                  <a:lnTo>
                    <a:pt x="1644" y="2315"/>
                  </a:lnTo>
                  <a:lnTo>
                    <a:pt x="1666" y="2352"/>
                  </a:lnTo>
                  <a:lnTo>
                    <a:pt x="1671" y="2362"/>
                  </a:lnTo>
                  <a:lnTo>
                    <a:pt x="1677" y="2357"/>
                  </a:lnTo>
                  <a:lnTo>
                    <a:pt x="1677" y="2360"/>
                  </a:lnTo>
                  <a:lnTo>
                    <a:pt x="1671" y="2362"/>
                  </a:lnTo>
                  <a:lnTo>
                    <a:pt x="1677" y="2368"/>
                  </a:lnTo>
                  <a:lnTo>
                    <a:pt x="1671" y="2388"/>
                  </a:lnTo>
                  <a:lnTo>
                    <a:pt x="1656" y="2405"/>
                  </a:lnTo>
                  <a:lnTo>
                    <a:pt x="1656" y="2436"/>
                  </a:lnTo>
                  <a:lnTo>
                    <a:pt x="1646" y="2456"/>
                  </a:lnTo>
                  <a:lnTo>
                    <a:pt x="1629" y="2524"/>
                  </a:lnTo>
                  <a:lnTo>
                    <a:pt x="1634" y="2574"/>
                  </a:lnTo>
                  <a:lnTo>
                    <a:pt x="1603" y="2642"/>
                  </a:lnTo>
                  <a:lnTo>
                    <a:pt x="1598" y="2713"/>
                  </a:lnTo>
                  <a:lnTo>
                    <a:pt x="1598" y="2751"/>
                  </a:lnTo>
                  <a:lnTo>
                    <a:pt x="1593" y="2786"/>
                  </a:lnTo>
                  <a:lnTo>
                    <a:pt x="1603" y="2806"/>
                  </a:lnTo>
                  <a:lnTo>
                    <a:pt x="1588" y="2889"/>
                  </a:lnTo>
                  <a:lnTo>
                    <a:pt x="1571" y="2925"/>
                  </a:lnTo>
                  <a:lnTo>
                    <a:pt x="1578" y="2950"/>
                  </a:lnTo>
                  <a:lnTo>
                    <a:pt x="1593" y="2983"/>
                  </a:lnTo>
                  <a:lnTo>
                    <a:pt x="1677" y="3018"/>
                  </a:lnTo>
                  <a:lnTo>
                    <a:pt x="1656" y="2998"/>
                  </a:lnTo>
                  <a:lnTo>
                    <a:pt x="1654" y="2993"/>
                  </a:lnTo>
                  <a:lnTo>
                    <a:pt x="1679" y="3018"/>
                  </a:lnTo>
                  <a:lnTo>
                    <a:pt x="1651" y="2960"/>
                  </a:lnTo>
                  <a:lnTo>
                    <a:pt x="1671" y="2927"/>
                  </a:lnTo>
                  <a:lnTo>
                    <a:pt x="1694" y="2894"/>
                  </a:lnTo>
                  <a:lnTo>
                    <a:pt x="1702" y="2862"/>
                  </a:lnTo>
                  <a:lnTo>
                    <a:pt x="1689" y="2847"/>
                  </a:lnTo>
                  <a:lnTo>
                    <a:pt x="1687" y="2824"/>
                  </a:lnTo>
                  <a:lnTo>
                    <a:pt x="1722" y="2781"/>
                  </a:lnTo>
                  <a:lnTo>
                    <a:pt x="1740" y="2741"/>
                  </a:lnTo>
                  <a:lnTo>
                    <a:pt x="1727" y="2726"/>
                  </a:lnTo>
                  <a:lnTo>
                    <a:pt x="1752" y="2715"/>
                  </a:lnTo>
                  <a:lnTo>
                    <a:pt x="1780" y="2673"/>
                  </a:lnTo>
                  <a:lnTo>
                    <a:pt x="1828" y="2655"/>
                  </a:lnTo>
                  <a:lnTo>
                    <a:pt x="1848" y="2642"/>
                  </a:lnTo>
                  <a:lnTo>
                    <a:pt x="1856" y="2605"/>
                  </a:lnTo>
                  <a:lnTo>
                    <a:pt x="1840" y="2594"/>
                  </a:lnTo>
                  <a:lnTo>
                    <a:pt x="1840" y="2584"/>
                  </a:lnTo>
                  <a:lnTo>
                    <a:pt x="1850" y="2594"/>
                  </a:lnTo>
                  <a:lnTo>
                    <a:pt x="1876" y="2599"/>
                  </a:lnTo>
                  <a:lnTo>
                    <a:pt x="1901" y="2579"/>
                  </a:lnTo>
                  <a:lnTo>
                    <a:pt x="1906" y="2569"/>
                  </a:lnTo>
                  <a:lnTo>
                    <a:pt x="1903" y="2559"/>
                  </a:lnTo>
                  <a:lnTo>
                    <a:pt x="1906" y="2569"/>
                  </a:lnTo>
                  <a:lnTo>
                    <a:pt x="1914" y="2552"/>
                  </a:lnTo>
                  <a:lnTo>
                    <a:pt x="1934" y="2531"/>
                  </a:lnTo>
                  <a:lnTo>
                    <a:pt x="1959" y="2506"/>
                  </a:lnTo>
                  <a:lnTo>
                    <a:pt x="1982" y="2438"/>
                  </a:lnTo>
                  <a:lnTo>
                    <a:pt x="1997" y="2408"/>
                  </a:lnTo>
                  <a:lnTo>
                    <a:pt x="2055" y="2373"/>
                  </a:lnTo>
                  <a:lnTo>
                    <a:pt x="2090" y="2368"/>
                  </a:lnTo>
                  <a:lnTo>
                    <a:pt x="2100" y="2362"/>
                  </a:lnTo>
                  <a:lnTo>
                    <a:pt x="2110" y="2342"/>
                  </a:lnTo>
                  <a:lnTo>
                    <a:pt x="2118" y="2320"/>
                  </a:lnTo>
                  <a:lnTo>
                    <a:pt x="2133" y="2294"/>
                  </a:lnTo>
                  <a:lnTo>
                    <a:pt x="2138" y="2284"/>
                  </a:lnTo>
                  <a:lnTo>
                    <a:pt x="2143" y="2196"/>
                  </a:lnTo>
                  <a:lnTo>
                    <a:pt x="2158" y="2191"/>
                  </a:lnTo>
                  <a:lnTo>
                    <a:pt x="2211" y="2125"/>
                  </a:lnTo>
                  <a:lnTo>
                    <a:pt x="2211" y="2110"/>
                  </a:lnTo>
                  <a:lnTo>
                    <a:pt x="2201" y="2073"/>
                  </a:lnTo>
                  <a:close/>
                  <a:moveTo>
                    <a:pt x="1440" y="567"/>
                  </a:moveTo>
                  <a:lnTo>
                    <a:pt x="1445" y="570"/>
                  </a:lnTo>
                  <a:lnTo>
                    <a:pt x="1447" y="570"/>
                  </a:lnTo>
                  <a:lnTo>
                    <a:pt x="1450" y="572"/>
                  </a:lnTo>
                  <a:lnTo>
                    <a:pt x="1455" y="575"/>
                  </a:lnTo>
                  <a:lnTo>
                    <a:pt x="1457" y="575"/>
                  </a:lnTo>
                  <a:lnTo>
                    <a:pt x="1462" y="577"/>
                  </a:lnTo>
                  <a:lnTo>
                    <a:pt x="1467" y="577"/>
                  </a:lnTo>
                  <a:lnTo>
                    <a:pt x="1470" y="580"/>
                  </a:lnTo>
                  <a:lnTo>
                    <a:pt x="1472" y="580"/>
                  </a:lnTo>
                  <a:lnTo>
                    <a:pt x="1475" y="577"/>
                  </a:lnTo>
                  <a:lnTo>
                    <a:pt x="1475" y="575"/>
                  </a:lnTo>
                  <a:lnTo>
                    <a:pt x="1477" y="575"/>
                  </a:lnTo>
                  <a:lnTo>
                    <a:pt x="1480" y="570"/>
                  </a:lnTo>
                  <a:lnTo>
                    <a:pt x="1482" y="567"/>
                  </a:lnTo>
                  <a:lnTo>
                    <a:pt x="1480" y="565"/>
                  </a:lnTo>
                  <a:lnTo>
                    <a:pt x="1475" y="565"/>
                  </a:lnTo>
                  <a:lnTo>
                    <a:pt x="1472" y="562"/>
                  </a:lnTo>
                  <a:lnTo>
                    <a:pt x="1457" y="562"/>
                  </a:lnTo>
                  <a:lnTo>
                    <a:pt x="1455" y="560"/>
                  </a:lnTo>
                  <a:lnTo>
                    <a:pt x="1452" y="555"/>
                  </a:lnTo>
                  <a:lnTo>
                    <a:pt x="1450" y="550"/>
                  </a:lnTo>
                  <a:lnTo>
                    <a:pt x="1447" y="545"/>
                  </a:lnTo>
                  <a:lnTo>
                    <a:pt x="1442" y="545"/>
                  </a:lnTo>
                  <a:lnTo>
                    <a:pt x="1435" y="542"/>
                  </a:lnTo>
                  <a:lnTo>
                    <a:pt x="1429" y="540"/>
                  </a:lnTo>
                  <a:lnTo>
                    <a:pt x="1424" y="540"/>
                  </a:lnTo>
                  <a:lnTo>
                    <a:pt x="1419" y="540"/>
                  </a:lnTo>
                  <a:lnTo>
                    <a:pt x="1417" y="540"/>
                  </a:lnTo>
                  <a:lnTo>
                    <a:pt x="1414" y="542"/>
                  </a:lnTo>
                  <a:lnTo>
                    <a:pt x="1412" y="545"/>
                  </a:lnTo>
                  <a:lnTo>
                    <a:pt x="1409" y="545"/>
                  </a:lnTo>
                  <a:lnTo>
                    <a:pt x="1409" y="542"/>
                  </a:lnTo>
                  <a:lnTo>
                    <a:pt x="1407" y="535"/>
                  </a:lnTo>
                  <a:lnTo>
                    <a:pt x="1404" y="529"/>
                  </a:lnTo>
                  <a:lnTo>
                    <a:pt x="1402" y="527"/>
                  </a:lnTo>
                  <a:lnTo>
                    <a:pt x="1399" y="524"/>
                  </a:lnTo>
                  <a:lnTo>
                    <a:pt x="1394" y="524"/>
                  </a:lnTo>
                  <a:lnTo>
                    <a:pt x="1392" y="524"/>
                  </a:lnTo>
                  <a:lnTo>
                    <a:pt x="1392" y="529"/>
                  </a:lnTo>
                  <a:lnTo>
                    <a:pt x="1392" y="535"/>
                  </a:lnTo>
                  <a:lnTo>
                    <a:pt x="1392" y="542"/>
                  </a:lnTo>
                  <a:lnTo>
                    <a:pt x="1392" y="547"/>
                  </a:lnTo>
                  <a:lnTo>
                    <a:pt x="1392" y="550"/>
                  </a:lnTo>
                  <a:lnTo>
                    <a:pt x="1394" y="552"/>
                  </a:lnTo>
                  <a:lnTo>
                    <a:pt x="1394" y="555"/>
                  </a:lnTo>
                  <a:lnTo>
                    <a:pt x="1394" y="560"/>
                  </a:lnTo>
                  <a:lnTo>
                    <a:pt x="1394" y="565"/>
                  </a:lnTo>
                  <a:lnTo>
                    <a:pt x="1394" y="570"/>
                  </a:lnTo>
                  <a:lnTo>
                    <a:pt x="1397" y="575"/>
                  </a:lnTo>
                  <a:lnTo>
                    <a:pt x="1397" y="577"/>
                  </a:lnTo>
                  <a:lnTo>
                    <a:pt x="1394" y="577"/>
                  </a:lnTo>
                  <a:lnTo>
                    <a:pt x="1392" y="580"/>
                  </a:lnTo>
                  <a:lnTo>
                    <a:pt x="1389" y="585"/>
                  </a:lnTo>
                  <a:lnTo>
                    <a:pt x="1387" y="587"/>
                  </a:lnTo>
                  <a:lnTo>
                    <a:pt x="1384" y="590"/>
                  </a:lnTo>
                  <a:lnTo>
                    <a:pt x="1387" y="593"/>
                  </a:lnTo>
                  <a:lnTo>
                    <a:pt x="1392" y="593"/>
                  </a:lnTo>
                  <a:lnTo>
                    <a:pt x="1397" y="590"/>
                  </a:lnTo>
                  <a:lnTo>
                    <a:pt x="1399" y="590"/>
                  </a:lnTo>
                  <a:lnTo>
                    <a:pt x="1402" y="590"/>
                  </a:lnTo>
                  <a:lnTo>
                    <a:pt x="1407" y="590"/>
                  </a:lnTo>
                  <a:lnTo>
                    <a:pt x="1409" y="590"/>
                  </a:lnTo>
                  <a:lnTo>
                    <a:pt x="1412" y="593"/>
                  </a:lnTo>
                  <a:lnTo>
                    <a:pt x="1414" y="598"/>
                  </a:lnTo>
                  <a:lnTo>
                    <a:pt x="1414" y="600"/>
                  </a:lnTo>
                  <a:lnTo>
                    <a:pt x="1417" y="603"/>
                  </a:lnTo>
                  <a:lnTo>
                    <a:pt x="1419" y="603"/>
                  </a:lnTo>
                  <a:lnTo>
                    <a:pt x="1424" y="600"/>
                  </a:lnTo>
                  <a:lnTo>
                    <a:pt x="1424" y="598"/>
                  </a:lnTo>
                  <a:lnTo>
                    <a:pt x="1427" y="595"/>
                  </a:lnTo>
                  <a:lnTo>
                    <a:pt x="1427" y="593"/>
                  </a:lnTo>
                  <a:lnTo>
                    <a:pt x="1429" y="590"/>
                  </a:lnTo>
                  <a:lnTo>
                    <a:pt x="1435" y="587"/>
                  </a:lnTo>
                  <a:lnTo>
                    <a:pt x="1437" y="585"/>
                  </a:lnTo>
                  <a:lnTo>
                    <a:pt x="1437" y="580"/>
                  </a:lnTo>
                  <a:lnTo>
                    <a:pt x="1437" y="575"/>
                  </a:lnTo>
                  <a:lnTo>
                    <a:pt x="1435" y="570"/>
                  </a:lnTo>
                  <a:lnTo>
                    <a:pt x="1437" y="567"/>
                  </a:lnTo>
                  <a:lnTo>
                    <a:pt x="1440" y="567"/>
                  </a:lnTo>
                  <a:close/>
                  <a:moveTo>
                    <a:pt x="966" y="300"/>
                  </a:moveTo>
                  <a:lnTo>
                    <a:pt x="968" y="303"/>
                  </a:lnTo>
                  <a:lnTo>
                    <a:pt x="971" y="310"/>
                  </a:lnTo>
                  <a:lnTo>
                    <a:pt x="973" y="323"/>
                  </a:lnTo>
                  <a:lnTo>
                    <a:pt x="973" y="330"/>
                  </a:lnTo>
                  <a:lnTo>
                    <a:pt x="973" y="335"/>
                  </a:lnTo>
                  <a:lnTo>
                    <a:pt x="978" y="338"/>
                  </a:lnTo>
                  <a:lnTo>
                    <a:pt x="983" y="335"/>
                  </a:lnTo>
                  <a:lnTo>
                    <a:pt x="986" y="333"/>
                  </a:lnTo>
                  <a:lnTo>
                    <a:pt x="988" y="330"/>
                  </a:lnTo>
                  <a:lnTo>
                    <a:pt x="991" y="333"/>
                  </a:lnTo>
                  <a:lnTo>
                    <a:pt x="996" y="335"/>
                  </a:lnTo>
                  <a:lnTo>
                    <a:pt x="998" y="338"/>
                  </a:lnTo>
                  <a:lnTo>
                    <a:pt x="1003" y="335"/>
                  </a:lnTo>
                  <a:lnTo>
                    <a:pt x="1006" y="330"/>
                  </a:lnTo>
                  <a:lnTo>
                    <a:pt x="1011" y="323"/>
                  </a:lnTo>
                  <a:lnTo>
                    <a:pt x="1016" y="320"/>
                  </a:lnTo>
                  <a:lnTo>
                    <a:pt x="1024" y="318"/>
                  </a:lnTo>
                  <a:lnTo>
                    <a:pt x="1026" y="315"/>
                  </a:lnTo>
                  <a:lnTo>
                    <a:pt x="1026" y="310"/>
                  </a:lnTo>
                  <a:lnTo>
                    <a:pt x="1026" y="305"/>
                  </a:lnTo>
                  <a:lnTo>
                    <a:pt x="1029" y="305"/>
                  </a:lnTo>
                  <a:lnTo>
                    <a:pt x="1039" y="303"/>
                  </a:lnTo>
                  <a:lnTo>
                    <a:pt x="1044" y="300"/>
                  </a:lnTo>
                  <a:lnTo>
                    <a:pt x="1049" y="300"/>
                  </a:lnTo>
                  <a:lnTo>
                    <a:pt x="1054" y="298"/>
                  </a:lnTo>
                  <a:lnTo>
                    <a:pt x="1059" y="295"/>
                  </a:lnTo>
                  <a:lnTo>
                    <a:pt x="1064" y="295"/>
                  </a:lnTo>
                  <a:lnTo>
                    <a:pt x="1066" y="292"/>
                  </a:lnTo>
                  <a:lnTo>
                    <a:pt x="1066" y="290"/>
                  </a:lnTo>
                  <a:lnTo>
                    <a:pt x="1069" y="287"/>
                  </a:lnTo>
                  <a:lnTo>
                    <a:pt x="1066" y="285"/>
                  </a:lnTo>
                  <a:lnTo>
                    <a:pt x="1066" y="277"/>
                  </a:lnTo>
                  <a:lnTo>
                    <a:pt x="1064" y="270"/>
                  </a:lnTo>
                  <a:lnTo>
                    <a:pt x="1059" y="265"/>
                  </a:lnTo>
                  <a:lnTo>
                    <a:pt x="1056" y="262"/>
                  </a:lnTo>
                  <a:lnTo>
                    <a:pt x="1054" y="262"/>
                  </a:lnTo>
                  <a:lnTo>
                    <a:pt x="1049" y="262"/>
                  </a:lnTo>
                  <a:lnTo>
                    <a:pt x="1046" y="262"/>
                  </a:lnTo>
                  <a:lnTo>
                    <a:pt x="1044" y="257"/>
                  </a:lnTo>
                  <a:lnTo>
                    <a:pt x="1041" y="255"/>
                  </a:lnTo>
                  <a:lnTo>
                    <a:pt x="1039" y="250"/>
                  </a:lnTo>
                  <a:lnTo>
                    <a:pt x="1031" y="247"/>
                  </a:lnTo>
                  <a:lnTo>
                    <a:pt x="1026" y="247"/>
                  </a:lnTo>
                  <a:lnTo>
                    <a:pt x="1021" y="247"/>
                  </a:lnTo>
                  <a:lnTo>
                    <a:pt x="1019" y="245"/>
                  </a:lnTo>
                  <a:lnTo>
                    <a:pt x="1016" y="242"/>
                  </a:lnTo>
                  <a:lnTo>
                    <a:pt x="1011" y="242"/>
                  </a:lnTo>
                  <a:lnTo>
                    <a:pt x="1008" y="240"/>
                  </a:lnTo>
                  <a:lnTo>
                    <a:pt x="1006" y="242"/>
                  </a:lnTo>
                  <a:lnTo>
                    <a:pt x="1006" y="245"/>
                  </a:lnTo>
                  <a:lnTo>
                    <a:pt x="1006" y="250"/>
                  </a:lnTo>
                  <a:lnTo>
                    <a:pt x="1003" y="255"/>
                  </a:lnTo>
                  <a:lnTo>
                    <a:pt x="1003" y="257"/>
                  </a:lnTo>
                  <a:lnTo>
                    <a:pt x="998" y="260"/>
                  </a:lnTo>
                  <a:lnTo>
                    <a:pt x="993" y="267"/>
                  </a:lnTo>
                  <a:lnTo>
                    <a:pt x="986" y="272"/>
                  </a:lnTo>
                  <a:lnTo>
                    <a:pt x="983" y="277"/>
                  </a:lnTo>
                  <a:lnTo>
                    <a:pt x="978" y="282"/>
                  </a:lnTo>
                  <a:lnTo>
                    <a:pt x="971" y="287"/>
                  </a:lnTo>
                  <a:lnTo>
                    <a:pt x="966" y="295"/>
                  </a:lnTo>
                  <a:lnTo>
                    <a:pt x="963" y="300"/>
                  </a:lnTo>
                  <a:lnTo>
                    <a:pt x="966" y="300"/>
                  </a:lnTo>
                  <a:close/>
                  <a:moveTo>
                    <a:pt x="1498" y="494"/>
                  </a:moveTo>
                  <a:lnTo>
                    <a:pt x="1498" y="494"/>
                  </a:lnTo>
                  <a:lnTo>
                    <a:pt x="1498" y="492"/>
                  </a:lnTo>
                  <a:lnTo>
                    <a:pt x="1498" y="489"/>
                  </a:lnTo>
                  <a:lnTo>
                    <a:pt x="1495" y="489"/>
                  </a:lnTo>
                  <a:lnTo>
                    <a:pt x="1495" y="492"/>
                  </a:lnTo>
                  <a:lnTo>
                    <a:pt x="1498" y="494"/>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defTabSz="912768" eaLnBrk="0" fontAlgn="auto" hangingPunct="0">
                <a:spcBef>
                  <a:spcPts val="600"/>
                </a:spcBef>
                <a:spcAft>
                  <a:spcPts val="600"/>
                </a:spcAft>
                <a:defRPr/>
              </a:pPr>
              <a:endParaRPr lang="en-GB" sz="1500" kern="0" dirty="0">
                <a:solidFill>
                  <a:srgbClr val="FFFFFF"/>
                </a:solidFill>
                <a:latin typeface="Arial" panose="020B0604020202020204" pitchFamily="34" charset="0"/>
                <a:ea typeface="MS PGothic" panose="020B0600070205080204" pitchFamily="34" charset="-128"/>
                <a:cs typeface="Arial" pitchFamily="34" charset="0"/>
              </a:endParaRPr>
            </a:p>
          </p:txBody>
        </p:sp>
        <p:sp>
          <p:nvSpPr>
            <p:cNvPr id="8" name="Freeform 43"/>
            <p:cNvSpPr>
              <a:spLocks/>
            </p:cNvSpPr>
            <p:nvPr/>
          </p:nvSpPr>
          <p:spPr bwMode="auto">
            <a:xfrm>
              <a:off x="3277" y="2412"/>
              <a:ext cx="46" cy="28"/>
            </a:xfrm>
            <a:custGeom>
              <a:avLst/>
              <a:gdLst>
                <a:gd name="T0" fmla="*/ 0 w 46"/>
                <a:gd name="T1" fmla="*/ 15 h 28"/>
                <a:gd name="T2" fmla="*/ 3 w 46"/>
                <a:gd name="T3" fmla="*/ 17 h 28"/>
                <a:gd name="T4" fmla="*/ 12 w 46"/>
                <a:gd name="T5" fmla="*/ 14 h 28"/>
                <a:gd name="T6" fmla="*/ 13 w 46"/>
                <a:gd name="T7" fmla="*/ 8 h 28"/>
                <a:gd name="T8" fmla="*/ 27 w 46"/>
                <a:gd name="T9" fmla="*/ 9 h 28"/>
                <a:gd name="T10" fmla="*/ 46 w 46"/>
                <a:gd name="T11" fmla="*/ 0 h 28"/>
                <a:gd name="T12" fmla="*/ 46 w 46"/>
                <a:gd name="T13" fmla="*/ 1 h 28"/>
                <a:gd name="T14" fmla="*/ 33 w 46"/>
                <a:gd name="T15" fmla="*/ 11 h 28"/>
                <a:gd name="T16" fmla="*/ 36 w 46"/>
                <a:gd name="T17" fmla="*/ 18 h 28"/>
                <a:gd name="T18" fmla="*/ 27 w 46"/>
                <a:gd name="T19" fmla="*/ 21 h 28"/>
                <a:gd name="T20" fmla="*/ 15 w 46"/>
                <a:gd name="T21" fmla="*/ 28 h 28"/>
                <a:gd name="T22" fmla="*/ 13 w 46"/>
                <a:gd name="T23" fmla="*/ 28 h 28"/>
                <a:gd name="T24" fmla="*/ 8 w 46"/>
                <a:gd name="T25" fmla="*/ 26 h 28"/>
                <a:gd name="T26" fmla="*/ 2 w 46"/>
                <a:gd name="T27" fmla="*/ 23 h 28"/>
                <a:gd name="T28" fmla="*/ 0 w 46"/>
                <a:gd name="T29" fmla="*/ 15 h 2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46" h="28">
                  <a:moveTo>
                    <a:pt x="0" y="15"/>
                  </a:moveTo>
                  <a:lnTo>
                    <a:pt x="3" y="17"/>
                  </a:lnTo>
                  <a:lnTo>
                    <a:pt x="12" y="14"/>
                  </a:lnTo>
                  <a:lnTo>
                    <a:pt x="13" y="8"/>
                  </a:lnTo>
                  <a:lnTo>
                    <a:pt x="27" y="9"/>
                  </a:lnTo>
                  <a:lnTo>
                    <a:pt x="46" y="0"/>
                  </a:lnTo>
                  <a:lnTo>
                    <a:pt x="46" y="1"/>
                  </a:lnTo>
                  <a:lnTo>
                    <a:pt x="33" y="11"/>
                  </a:lnTo>
                  <a:lnTo>
                    <a:pt x="36" y="18"/>
                  </a:lnTo>
                  <a:lnTo>
                    <a:pt x="27" y="21"/>
                  </a:lnTo>
                  <a:lnTo>
                    <a:pt x="15" y="28"/>
                  </a:lnTo>
                  <a:lnTo>
                    <a:pt x="13" y="28"/>
                  </a:lnTo>
                  <a:lnTo>
                    <a:pt x="8" y="26"/>
                  </a:lnTo>
                  <a:lnTo>
                    <a:pt x="2" y="23"/>
                  </a:lnTo>
                  <a:lnTo>
                    <a:pt x="0" y="15"/>
                  </a:lnTo>
                  <a:close/>
                </a:path>
              </a:pathLst>
            </a:custGeom>
            <a:grpFill/>
            <a:ln>
              <a:noFill/>
            </a:ln>
            <a:effectLst/>
            <a:extLst>
              <a:ext uri="{91240B29-F687-4F45-9708-019B960494DF}">
                <a14:hiddenLine xmlns:a14="http://schemas.microsoft.com/office/drawing/2010/main" w="9525" cap="flat" cmpd="sng">
                  <a:solidFill>
                    <a:srgbClr val="000000"/>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lstStyle/>
            <a:p>
              <a:pPr defTabSz="912768" eaLnBrk="0" fontAlgn="auto" hangingPunct="0">
                <a:spcBef>
                  <a:spcPts val="600"/>
                </a:spcBef>
                <a:spcAft>
                  <a:spcPts val="600"/>
                </a:spcAft>
                <a:defRPr/>
              </a:pPr>
              <a:endParaRPr lang="en-GB" sz="1500" kern="0" dirty="0">
                <a:solidFill>
                  <a:srgbClr val="FFFFFF"/>
                </a:solidFill>
                <a:latin typeface="Arial" panose="020B0604020202020204" pitchFamily="34" charset="0"/>
                <a:ea typeface="MS PGothic" panose="020B0600070205080204" pitchFamily="34" charset="-128"/>
                <a:cs typeface="Arial" pitchFamily="34" charset="0"/>
              </a:endParaRPr>
            </a:p>
          </p:txBody>
        </p:sp>
      </p:grpSp>
    </p:spTree>
    <p:extLst>
      <p:ext uri="{BB962C8B-B14F-4D97-AF65-F5344CB8AC3E}">
        <p14:creationId xmlns:p14="http://schemas.microsoft.com/office/powerpoint/2010/main" val="140184698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descr="Transport-Airplane-Takeoff-icon.png"/>
          <p:cNvPicPr>
            <a:picLocks noChangeAspect="1"/>
          </p:cNvPicPr>
          <p:nvPr/>
        </p:nvPicPr>
        <p:blipFill>
          <a:blip r:embed="rId3" cstate="print">
            <a:duotone>
              <a:schemeClr val="accent2">
                <a:shade val="45000"/>
                <a:satMod val="135000"/>
              </a:schemeClr>
              <a:prstClr val="white"/>
            </a:duotone>
            <a:extLst>
              <a:ext uri="{28A0092B-C50C-407E-A947-70E740481C1C}">
                <a14:useLocalDpi xmlns:a14="http://schemas.microsoft.com/office/drawing/2010/main" val="0"/>
              </a:ext>
            </a:extLst>
          </a:blip>
          <a:stretch>
            <a:fillRect/>
          </a:stretch>
        </p:blipFill>
        <p:spPr>
          <a:xfrm>
            <a:off x="1847528" y="4653136"/>
            <a:ext cx="2016224" cy="2016224"/>
          </a:xfrm>
          <a:prstGeom prst="rect">
            <a:avLst/>
          </a:prstGeom>
        </p:spPr>
      </p:pic>
      <p:pic>
        <p:nvPicPr>
          <p:cNvPr id="3" name="Picture 2" descr="comm_ser_logo_2.png"/>
          <p:cNvPicPr>
            <a:picLocks noChangeAspect="1"/>
          </p:cNvPicPr>
          <p:nvPr/>
        </p:nvPicPr>
        <p:blipFill>
          <a:blip r:embed="rId4" cstate="print">
            <a:duotone>
              <a:schemeClr val="accent2">
                <a:shade val="45000"/>
                <a:satMod val="135000"/>
              </a:schemeClr>
              <a:prstClr val="white"/>
            </a:duotone>
            <a:extLst>
              <a:ext uri="{28A0092B-C50C-407E-A947-70E740481C1C}">
                <a14:useLocalDpi xmlns:a14="http://schemas.microsoft.com/office/drawing/2010/main" val="0"/>
              </a:ext>
            </a:extLst>
          </a:blip>
          <a:stretch>
            <a:fillRect/>
          </a:stretch>
        </p:blipFill>
        <p:spPr>
          <a:xfrm>
            <a:off x="1703512" y="2348880"/>
            <a:ext cx="2276872" cy="2276872"/>
          </a:xfrm>
          <a:prstGeom prst="rect">
            <a:avLst/>
          </a:prstGeom>
        </p:spPr>
      </p:pic>
      <p:pic>
        <p:nvPicPr>
          <p:cNvPr id="4" name="Picture 3" descr="government-building-icon-hi.png"/>
          <p:cNvPicPr>
            <a:picLocks noChangeAspect="1"/>
          </p:cNvPicPr>
          <p:nvPr/>
        </p:nvPicPr>
        <p:blipFill>
          <a:blip r:embed="rId5" cstate="print">
            <a:duotone>
              <a:schemeClr val="accent2">
                <a:shade val="45000"/>
                <a:satMod val="135000"/>
              </a:schemeClr>
              <a:prstClr val="white"/>
            </a:duotone>
            <a:extLst>
              <a:ext uri="{28A0092B-C50C-407E-A947-70E740481C1C}">
                <a14:useLocalDpi xmlns:a14="http://schemas.microsoft.com/office/drawing/2010/main" val="0"/>
              </a:ext>
            </a:extLst>
          </a:blip>
          <a:stretch>
            <a:fillRect/>
          </a:stretch>
        </p:blipFill>
        <p:spPr>
          <a:xfrm>
            <a:off x="2063553" y="332656"/>
            <a:ext cx="1731203" cy="1656184"/>
          </a:xfrm>
          <a:prstGeom prst="rect">
            <a:avLst/>
          </a:prstGeom>
        </p:spPr>
      </p:pic>
      <p:sp>
        <p:nvSpPr>
          <p:cNvPr id="5" name="Rectangle 4"/>
          <p:cNvSpPr/>
          <p:nvPr/>
        </p:nvSpPr>
        <p:spPr>
          <a:xfrm>
            <a:off x="4367808" y="476673"/>
            <a:ext cx="5832648" cy="1040283"/>
          </a:xfrm>
          <a:prstGeom prst="rect">
            <a:avLst/>
          </a:prstGeom>
        </p:spPr>
        <p:txBody>
          <a:bodyPr wrap="square" lIns="91438" tIns="45719" rIns="91438" bIns="45719">
            <a:spAutoFit/>
          </a:bodyPr>
          <a:lstStyle/>
          <a:p>
            <a:pPr marL="0" lvl="1" algn="ctr" defTabSz="457189">
              <a:lnSpc>
                <a:spcPct val="80000"/>
              </a:lnSpc>
              <a:spcBef>
                <a:spcPts val="1200"/>
              </a:spcBef>
              <a:spcAft>
                <a:spcPts val="1200"/>
              </a:spcAft>
              <a:buClr>
                <a:srgbClr val="F8C897">
                  <a:lumMod val="75000"/>
                </a:srgbClr>
              </a:buClr>
              <a:defRPr/>
            </a:pPr>
            <a:r>
              <a:rPr lang="de-DE" sz="2800" b="1" dirty="0">
                <a:latin typeface="EC Square Sans Cond Pro" panose="020B0506040000020004" pitchFamily="34" charset="0"/>
              </a:rPr>
              <a:t>Organisational </a:t>
            </a:r>
            <a:r>
              <a:rPr lang="de-DE" sz="2800" b="1" dirty="0" err="1">
                <a:latin typeface="EC Square Sans Cond Pro" panose="020B0506040000020004" pitchFamily="34" charset="0"/>
              </a:rPr>
              <a:t>support</a:t>
            </a:r>
            <a:endParaRPr lang="de-DE" sz="2800" dirty="0">
              <a:latin typeface="EC Square Sans Cond Pro" panose="020B0506040000020004" pitchFamily="34" charset="0"/>
            </a:endParaRPr>
          </a:p>
          <a:p>
            <a:pPr marL="0" lvl="1" algn="ctr" defTabSz="457189">
              <a:lnSpc>
                <a:spcPct val="80000"/>
              </a:lnSpc>
              <a:spcBef>
                <a:spcPts val="1200"/>
              </a:spcBef>
              <a:spcAft>
                <a:spcPts val="1200"/>
              </a:spcAft>
              <a:buClr>
                <a:srgbClr val="F8C897">
                  <a:lumMod val="75000"/>
                </a:srgbClr>
              </a:buClr>
              <a:defRPr/>
            </a:pPr>
            <a:r>
              <a:rPr lang="de-DE" sz="2400" dirty="0">
                <a:latin typeface="EC Square Sans Cond Pro" panose="020B0506040000020004" pitchFamily="34" charset="0"/>
              </a:rPr>
              <a:t>EUR 500/</a:t>
            </a:r>
            <a:r>
              <a:rPr lang="de-DE" sz="2400" dirty="0" err="1">
                <a:latin typeface="EC Square Sans Cond Pro" panose="020B0506040000020004" pitchFamily="34" charset="0"/>
              </a:rPr>
              <a:t>participant</a:t>
            </a:r>
            <a:endParaRPr lang="de-DE" sz="2400" dirty="0">
              <a:latin typeface="EC Square Sans Cond Pro" panose="020B0506040000020004" pitchFamily="34" charset="0"/>
            </a:endParaRPr>
          </a:p>
        </p:txBody>
      </p:sp>
      <p:sp>
        <p:nvSpPr>
          <p:cNvPr id="6" name="Rectangle 5"/>
          <p:cNvSpPr/>
          <p:nvPr/>
        </p:nvSpPr>
        <p:spPr>
          <a:xfrm>
            <a:off x="4367808" y="2219394"/>
            <a:ext cx="5832648" cy="3674850"/>
          </a:xfrm>
          <a:prstGeom prst="rect">
            <a:avLst/>
          </a:prstGeom>
        </p:spPr>
        <p:txBody>
          <a:bodyPr wrap="square" lIns="91438" tIns="45719" rIns="91438" bIns="45719">
            <a:spAutoFit/>
          </a:bodyPr>
          <a:lstStyle/>
          <a:p>
            <a:pPr marL="0" lvl="1" algn="ctr" defTabSz="457189">
              <a:lnSpc>
                <a:spcPct val="80000"/>
              </a:lnSpc>
              <a:spcBef>
                <a:spcPts val="1200"/>
              </a:spcBef>
              <a:spcAft>
                <a:spcPts val="1200"/>
              </a:spcAft>
              <a:buClr>
                <a:srgbClr val="F8C897">
                  <a:lumMod val="75000"/>
                </a:srgbClr>
              </a:buClr>
              <a:defRPr/>
            </a:pPr>
            <a:r>
              <a:rPr lang="de-DE" sz="2800" b="1" dirty="0">
                <a:latin typeface="EC Square Sans Cond Pro" panose="020B0506040000020004" pitchFamily="34" charset="0"/>
              </a:rPr>
              <a:t>Individual </a:t>
            </a:r>
            <a:r>
              <a:rPr lang="de-DE" sz="2800" b="1" dirty="0" err="1">
                <a:latin typeface="EC Square Sans Cond Pro" panose="020B0506040000020004" pitchFamily="34" charset="0"/>
              </a:rPr>
              <a:t>support</a:t>
            </a:r>
            <a:r>
              <a:rPr lang="de-DE" sz="2800" b="1" dirty="0">
                <a:latin typeface="EC Square Sans Cond Pro" panose="020B0506040000020004" pitchFamily="34" charset="0"/>
              </a:rPr>
              <a:t> </a:t>
            </a:r>
          </a:p>
          <a:p>
            <a:pPr marL="0" lvl="1" algn="ctr" defTabSz="457189">
              <a:buClr>
                <a:srgbClr val="F8C897">
                  <a:lumMod val="75000"/>
                </a:srgbClr>
              </a:buClr>
              <a:defRPr/>
            </a:pPr>
            <a:r>
              <a:rPr lang="de-DE" sz="2400" dirty="0">
                <a:latin typeface="EC Square Sans Cond Pro" panose="020B0506040000020004" pitchFamily="34" charset="0"/>
              </a:rPr>
              <a:t>EUR 700-900/month for students and </a:t>
            </a:r>
          </a:p>
          <a:p>
            <a:pPr marL="0" lvl="1" algn="ctr" defTabSz="457189">
              <a:buClr>
                <a:srgbClr val="F8C897">
                  <a:lumMod val="75000"/>
                </a:srgbClr>
              </a:buClr>
              <a:defRPr/>
            </a:pPr>
            <a:r>
              <a:rPr lang="de-DE" sz="2400" dirty="0">
                <a:latin typeface="EC Square Sans Cond Pro" panose="020B0506040000020004" pitchFamily="34" charset="0"/>
              </a:rPr>
              <a:t>EUR 140-180/</a:t>
            </a:r>
            <a:r>
              <a:rPr lang="de-DE" sz="2400" dirty="0" err="1">
                <a:latin typeface="EC Square Sans Cond Pro" panose="020B0506040000020004" pitchFamily="34" charset="0"/>
              </a:rPr>
              <a:t>day</a:t>
            </a:r>
            <a:r>
              <a:rPr lang="de-DE" sz="2400" dirty="0">
                <a:latin typeface="EC Square Sans Cond Pro" panose="020B0506040000020004" pitchFamily="34" charset="0"/>
              </a:rPr>
              <a:t> </a:t>
            </a:r>
            <a:r>
              <a:rPr lang="de-DE" sz="2400" dirty="0" err="1">
                <a:latin typeface="EC Square Sans Cond Pro" panose="020B0506040000020004" pitchFamily="34" charset="0"/>
              </a:rPr>
              <a:t>for</a:t>
            </a:r>
            <a:r>
              <a:rPr lang="de-DE" sz="2400" dirty="0">
                <a:latin typeface="EC Square Sans Cond Pro" panose="020B0506040000020004" pitchFamily="34" charset="0"/>
              </a:rPr>
              <a:t> </a:t>
            </a:r>
            <a:r>
              <a:rPr lang="de-DE" sz="2400" dirty="0" err="1">
                <a:latin typeface="EC Square Sans Cond Pro" panose="020B0506040000020004" pitchFamily="34" charset="0"/>
              </a:rPr>
              <a:t>staff</a:t>
            </a:r>
            <a:endParaRPr lang="de-DE" sz="2400" dirty="0">
              <a:latin typeface="EC Square Sans Cond Pro" panose="020B0506040000020004" pitchFamily="34" charset="0"/>
            </a:endParaRPr>
          </a:p>
          <a:p>
            <a:pPr marL="0" lvl="1" algn="ctr" defTabSz="457189">
              <a:lnSpc>
                <a:spcPct val="80000"/>
              </a:lnSpc>
              <a:spcBef>
                <a:spcPts val="1200"/>
              </a:spcBef>
              <a:spcAft>
                <a:spcPts val="1200"/>
              </a:spcAft>
              <a:buClr>
                <a:srgbClr val="F8C897">
                  <a:lumMod val="75000"/>
                </a:srgbClr>
              </a:buClr>
              <a:defRPr/>
            </a:pPr>
            <a:r>
              <a:rPr lang="en-US" sz="2400" dirty="0">
                <a:latin typeface="EC Square Sans Cond Pro" panose="020B0506040000020004" pitchFamily="34" charset="0"/>
              </a:rPr>
              <a:t>EUR 79/day up to the 14th day of activity and EUR 56/day from 15th to the 30th day of activity in case of blended mobility</a:t>
            </a:r>
          </a:p>
          <a:p>
            <a:pPr marL="0" lvl="1" algn="ctr" defTabSz="457189">
              <a:lnSpc>
                <a:spcPct val="80000"/>
              </a:lnSpc>
              <a:spcBef>
                <a:spcPts val="1200"/>
              </a:spcBef>
              <a:spcAft>
                <a:spcPts val="1200"/>
              </a:spcAft>
              <a:buClr>
                <a:srgbClr val="F8C897">
                  <a:lumMod val="75000"/>
                </a:srgbClr>
              </a:buClr>
              <a:defRPr/>
            </a:pPr>
            <a:endParaRPr lang="de-DE" sz="2800" dirty="0">
              <a:solidFill>
                <a:prstClr val="black"/>
              </a:solidFill>
              <a:latin typeface="Calibri" panose="020F0502020204030204" pitchFamily="34" charset="0"/>
            </a:endParaRPr>
          </a:p>
          <a:p>
            <a:pPr marL="0" lvl="1" algn="ctr" defTabSz="457189">
              <a:lnSpc>
                <a:spcPct val="80000"/>
              </a:lnSpc>
              <a:spcBef>
                <a:spcPts val="1200"/>
              </a:spcBef>
              <a:spcAft>
                <a:spcPts val="1200"/>
              </a:spcAft>
              <a:buClr>
                <a:srgbClr val="F8C897">
                  <a:lumMod val="75000"/>
                </a:srgbClr>
              </a:buClr>
              <a:defRPr/>
            </a:pPr>
            <a:endParaRPr lang="de-DE" sz="2800" dirty="0">
              <a:solidFill>
                <a:prstClr val="black"/>
              </a:solidFill>
              <a:latin typeface="Calibri" panose="020F0502020204030204" pitchFamily="34" charset="0"/>
            </a:endParaRPr>
          </a:p>
        </p:txBody>
      </p:sp>
      <p:sp>
        <p:nvSpPr>
          <p:cNvPr id="7" name="Rectangle 6"/>
          <p:cNvSpPr/>
          <p:nvPr/>
        </p:nvSpPr>
        <p:spPr>
          <a:xfrm>
            <a:off x="4367808" y="5085186"/>
            <a:ext cx="5832648" cy="1051248"/>
          </a:xfrm>
          <a:prstGeom prst="rect">
            <a:avLst/>
          </a:prstGeom>
        </p:spPr>
        <p:txBody>
          <a:bodyPr wrap="square" lIns="91438" tIns="45719" rIns="91438" bIns="45719">
            <a:spAutoFit/>
          </a:bodyPr>
          <a:lstStyle/>
          <a:p>
            <a:pPr indent="-457189" algn="ctr" defTabSz="457189">
              <a:lnSpc>
                <a:spcPct val="80000"/>
              </a:lnSpc>
              <a:spcBef>
                <a:spcPts val="1200"/>
              </a:spcBef>
              <a:spcAft>
                <a:spcPts val="1200"/>
              </a:spcAft>
              <a:buClr>
                <a:srgbClr val="F8C897">
                  <a:lumMod val="75000"/>
                </a:srgbClr>
              </a:buClr>
              <a:defRPr/>
            </a:pPr>
            <a:r>
              <a:rPr lang="de-DE" sz="2800" b="1" dirty="0" err="1">
                <a:latin typeface="EC Square Sans Cond Pro" panose="020B0506040000020004" pitchFamily="34" charset="0"/>
              </a:rPr>
              <a:t>Contribution</a:t>
            </a:r>
            <a:r>
              <a:rPr lang="de-DE" sz="2800" b="1" dirty="0">
                <a:latin typeface="EC Square Sans Cond Pro" panose="020B0506040000020004" pitchFamily="34" charset="0"/>
              </a:rPr>
              <a:t> </a:t>
            </a:r>
            <a:r>
              <a:rPr lang="de-DE" sz="2800" b="1" dirty="0" err="1">
                <a:latin typeface="EC Square Sans Cond Pro" panose="020B0506040000020004" pitchFamily="34" charset="0"/>
              </a:rPr>
              <a:t>to</a:t>
            </a:r>
            <a:r>
              <a:rPr lang="de-DE" sz="2800" b="1" dirty="0">
                <a:latin typeface="EC Square Sans Cond Pro" panose="020B0506040000020004" pitchFamily="34" charset="0"/>
              </a:rPr>
              <a:t> </a:t>
            </a:r>
            <a:r>
              <a:rPr lang="de-DE" sz="2800" b="1" dirty="0" err="1">
                <a:latin typeface="EC Square Sans Cond Pro" panose="020B0506040000020004" pitchFamily="34" charset="0"/>
              </a:rPr>
              <a:t>travel</a:t>
            </a:r>
            <a:r>
              <a:rPr lang="de-DE" sz="2800" dirty="0">
                <a:latin typeface="EC Square Sans Cond Pro" panose="020B0506040000020004" pitchFamily="34" charset="0"/>
              </a:rPr>
              <a:t> </a:t>
            </a:r>
            <a:r>
              <a:rPr lang="de-DE" sz="2800" b="1" dirty="0" err="1">
                <a:latin typeface="EC Square Sans Cond Pro" panose="020B0506040000020004" pitchFamily="34" charset="0"/>
              </a:rPr>
              <a:t>costs</a:t>
            </a:r>
            <a:r>
              <a:rPr lang="de-DE" sz="2800" b="1" dirty="0">
                <a:latin typeface="EC Square Sans Cond Pro" panose="020B0506040000020004" pitchFamily="34" charset="0"/>
              </a:rPr>
              <a:t> </a:t>
            </a:r>
            <a:endParaRPr lang="de-DE" sz="2800" dirty="0">
              <a:latin typeface="EC Square Sans Cond Pro" panose="020B0506040000020004" pitchFamily="34" charset="0"/>
            </a:endParaRPr>
          </a:p>
          <a:p>
            <a:pPr indent="-457189" algn="ctr" defTabSz="457189">
              <a:lnSpc>
                <a:spcPct val="80000"/>
              </a:lnSpc>
              <a:spcBef>
                <a:spcPts val="1200"/>
              </a:spcBef>
              <a:spcAft>
                <a:spcPts val="1200"/>
              </a:spcAft>
              <a:buClr>
                <a:srgbClr val="F8C897">
                  <a:lumMod val="75000"/>
                </a:srgbClr>
              </a:buClr>
              <a:defRPr/>
            </a:pPr>
            <a:r>
              <a:rPr lang="de-DE" sz="2400" dirty="0">
                <a:latin typeface="EC Square Sans Cond Pro" panose="020B0506040000020004" pitchFamily="34" charset="0"/>
              </a:rPr>
              <a:t>EUR 20-1500, </a:t>
            </a:r>
            <a:r>
              <a:rPr lang="de-DE" sz="2400" dirty="0" err="1">
                <a:latin typeface="EC Square Sans Cond Pro" panose="020B0506040000020004" pitchFamily="34" charset="0"/>
              </a:rPr>
              <a:t>depending</a:t>
            </a:r>
            <a:r>
              <a:rPr lang="de-DE" sz="2400" dirty="0">
                <a:latin typeface="EC Square Sans Cond Pro" panose="020B0506040000020004" pitchFamily="34" charset="0"/>
              </a:rPr>
              <a:t> on </a:t>
            </a:r>
            <a:r>
              <a:rPr lang="de-DE" sz="2400" dirty="0" err="1">
                <a:latin typeface="EC Square Sans Cond Pro" panose="020B0506040000020004" pitchFamily="34" charset="0"/>
              </a:rPr>
              <a:t>distance</a:t>
            </a:r>
            <a:r>
              <a:rPr lang="de-DE" sz="2400" dirty="0">
                <a:latin typeface="EC Square Sans Cond Pro" panose="020B0506040000020004" pitchFamily="34" charset="0"/>
              </a:rPr>
              <a:t> </a:t>
            </a:r>
            <a:r>
              <a:rPr lang="de-DE" sz="2400" dirty="0" err="1">
                <a:latin typeface="EC Square Sans Cond Pro" panose="020B0506040000020004" pitchFamily="34" charset="0"/>
              </a:rPr>
              <a:t>travelled</a:t>
            </a:r>
            <a:endParaRPr lang="de-DE" sz="4000" dirty="0">
              <a:latin typeface="EC Square Sans Cond Pro" panose="020B0506040000020004" pitchFamily="34" charset="0"/>
            </a:endParaRPr>
          </a:p>
        </p:txBody>
      </p:sp>
    </p:spTree>
    <p:extLst>
      <p:ext uri="{BB962C8B-B14F-4D97-AF65-F5344CB8AC3E}">
        <p14:creationId xmlns:p14="http://schemas.microsoft.com/office/powerpoint/2010/main" val="16206588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2LTA1LTEwVDIzOjU5OjU5Ljk5OVoiLCJFbmREYXRlIjoiMjAxNy0wMS0zMFQyMzo1OTo1OS45OTlaIiwiRm9ybWF0IjoiTU1NIiwiVHlwZSI6MiwiQXV0b0RhdGVSYW5nZSI6dHJ1ZSwiV29ya2luZ0RheXMiOjMxLCJUb2RheU1hcmtlclRleHQiOiJUb2RheSIsIkF1dG9TY2FsZVR5cGUiOnRydWV9LCJNaWxlc3RvbmVzIjpbeyIkaWQiOiIxMjMiLCJEYXRlIjoiMjAxNi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4IiwiTGluZUNvbG9yIjpudWxsLCJMaW5lV2VpZ2h0IjowLjAsIkxpbmVUeXBlIjowLCJQYXJlbnRTdHlsZSI6bnVsbH0sIlBhcmVudFN0eWxlIjp7IiRyZWYiOiI2NSJ9fSwiRGF0ZVN0eWxlIjp7IiRpZCI6IjE1OSIsIkZvbnRTZXR0aW5ncyI6eyIkaWQiOiIxNjAiLCJGb250U2l6ZSI6MTAsIkZvbnROYW1lIjoiQ2FsaWJyaSIsIklzQm9sZCI6ZmFsc2UsIklzSXRhbGljIjpmYWxzZSwiSXNVbmRlcmxpbmVkIjpmYWxzZSwiUGFyZW50U3R5bGUiOnsiJHJlZiI6IjczIn19LCJBdXRvU2l6ZSI6MCwiRm9yZWdyb3VuZCI6eyIkaWQiOiIxNjEiLCJDb2xvciI6eyIkaWQiOiIxNjI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pZCI6IjE4MiIsIkNvbG9yIjp7IiRpZCI6IjE4My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CwiRm9udE5hbWUiOiJDYWxpYnJpIiwiSXNCb2xkIjp0cnVlLCJJc0l0YWxpYyI6ZmFsc2UsIklzVW5kZXJsaW5lZCI6ZmFsc2UsIlBhcmVudFN0eWxlIjp7IiRyZWYiOiI2NiJ9fSwiQXV0b1NpemUiOjAsIkZvcmVncm91bmQiOnsiJGlkIjoiMTk4IiwiQ29sb3IiOnsiJGlkIjoiMTk5IiwiQSI6MjU1LCJSIjoyMTAsIkciOjcxLCJCIjozO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AiLCJMaW5lQ29sb3IiOm51bGwsIkxpbmVXZWlnaHQiOjAuMCwiTGluZVR5cGUiOjAsIlBhcmVudFN0eWxlIjpudWxsfSwiUGFyZW50U3R5bGUiOnsiJHJlZiI6IjY1In19LCJEYXRlU3R5bGUiOnsiJGlkIjoiMjAxIiwiRm9udFNldHRpbmdzIjp7IiRpZCI6IjIwMiIsIkZvbnRTaXplIjoxMCwiRm9udE5hbWUiOiJDYWxpYnJpIiwiSXNCb2xkIjpmYWxzZSwiSXNJdGFsaWMiOmZhbHNlLCJJc1VuZGVybGluZWQiOmZhbHNlLCJQYXJlbnRTdHlsZSI6eyIkcmVmIjoiNzMifX0sIkF1dG9TaXplIjowLCJGb3JlZ3JvdW5kIjp7IiRpZCI6IjIwMyIsIkNvbG9yIjp7IiRpZCI6IjIwNC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EiLCJMaW5lQ29sb3IiOm51bGwsIkxpbmVXZWlnaHQiOjAuMCwiTGluZVR5cGUiOjAsIlBhcmVudFN0eWxlIjpudWxsfSwiUGFyZW50U3R5bGUiOnsiJHJlZiI6IjY1In19LCJEYXRlU3R5bGUiOnsiJGlkIjoiMjIyIiwiRm9udFNldHRpbmdzIjp7IiRpZCI6IjIyMy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QwIiwiTGluZUNvbG9yIjpudWxsLCJMaW5lV2VpZ2h0IjowLjAsIkxpbmVUeXBlIjowLCJQYXJlbnRTdHlsZSI6bnVsbH0sIlBhcmVudFN0eWxlIjp7IiRyZWYiOiI2NSJ9fSwiRGF0ZVN0eWxlIjp7IiRpZCI6IjI0MSIsIkZvbnRTZXR0aW5ncyI6eyIkaWQiOiIyNDI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5IiwiTGluZUNvbG9yIjpudWxsLCJMaW5lV2VpZ2h0IjowLjAsIkxpbmVUeXBlIjowLCJQYXJlbnRTdHlsZSI6bnVsbH0sIlBhcmVudFN0eWxlIjp7IiRyZWYiOiI2NSJ9fSwiRGF0ZVN0eWxlIjp7IiRpZCI6IjI2MCIsIkZvbnRTZXR0aW5ncyI6eyIkaWQiOiIyNjEiLCJGb250U2l6ZSI6MTAsIkZvbnROYW1lIjoiQ2FsaWJyaSIsIklzQm9sZCI6ZmFsc2UsIklzSXRhbGljIjpmYWxzZSwiSXNVbmRlcmxpbmVkIjpmYWxzZSwiUGFyZW50U3R5bGUiOnsiJHJlZiI6IjczIn19LCJBdXRvU2l6ZSI6MCwiRm9yZWdyb3VuZCI6eyIkaWQiOiIyNjIiLCJDb2xvciI6eyIkaWQiOiIyNjM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wIiwiTGluZUNvbG9yIjpudWxsLCJMaW5lV2VpZ2h0IjowLjAsIkxpbmVUeXBlIjowLCJQYXJlbnRTdHlsZSI6bnVsbH0sIlBhcmVudFN0eWxlIjp7IiRyZWYiOiI4MSJ9fSwiRHVyYXRpb25TdHlsZSI6eyIkaWQiOiIyNzEiLCJGb250U2V0dGluZ3MiOnsiJGlkIjoiMjcyIiwiRm9udFNpemUiOjEwLCJGb250TmFtZSI6IkNhbGlicmkiLCJJc0JvbGQiOmZhbHNlLCJJc0l0YWxpYyI6ZmFsc2UsIklzVW5kZXJsaW5lZCI6ZmFsc2UsIlBhcmVudFN0eWxlIjp7IiRyZWYiOiI4OSJ9fSwiQXV0b1NpemUiOjAsIkZvcmVncm91bmQiOnsiJGlkIjoiMjczIiwiQ29sb3IiOnsiJGlkIjoiMjc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NSIsIkxpbmVDb2xvciI6bnVsbCwiTGluZVdlaWdodCI6MC4wLCJMaW5lVHlwZSI6MCwiUGFyZW50U3R5bGUiOm51bGx9LCJQYXJlbnRTdHlsZSI6eyIkcmVmIjoiODgifX0sIkhvcml6b250YWxDb25uZWN0b3JTdHlsZSI6eyIkaWQiOiIyNzYiLCJMaW5lQ29sb3IiOnsiJHJlZiI6Ijk2In0sIkxpbmVXZWlnaHQiOjAuMCwiTGluZVR5cGUiOjAsIlBhcmVudFN0eWxlIjp7IiRyZWYiOiI5NSJ9fSwiVmVydGljYWxDb25uZWN0b3JTdHlsZSI6eyIkaWQiOiIyNz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AsIkZvbnROYW1lIjoiQ2FsaWJyaSIsIklzQm9sZCI6ZmFsc2UsIklzSXRhbGljIjpmYWxzZSwiSXNVbmRlcmxpbmVkIjpmYWxzZSwiUGFyZW50U3R5bGUiOnsiJHJlZiI6IjExNSJ9fSwiQXV0b1NpemUiOjAsIkZvcmVncm91bmQiOnsiJGlkIjoiMjkxIiwiQ29sb3IiOnsiJGlkIjoiMjky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zIiwiTGluZUNvbG9yIjpudWxsLCJMaW5lV2VpZ2h0IjowLjAsIkxpbmVUeXBlIjowLCJQYXJlbnRTdHlsZSI6bnVsbH0sIlBhcmVudFN0eWxlIjp7IiRyZWYiOiIxMTQifX0sIkRhdGVGb3JtYXQiOnsiJGlkIjoiMjk0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TUiLCJHcm91cE5hbWUiOm51bGwsIlN0YXJ0RGF0ZSI6IjIwMTYtMDgtMTVUMDA6MDA6MDBaIiwiRW5kRGF0ZSI6IjIwMTYtMDktMDdUMjM6NTk6NTkuOTk5WiIsIlBlcmNlbnRhZ2VDb21wbGV0ZSI6bnVsbCwiU3R5bGUiOnsiJGlkIjoiMjk2IiwiU2hhcGUiOjIsIlNoYXBlVGhpY2tuZXNzIjoxLCJEdXJhdGlvbkZvcm1hdCI6MCwiSW5jbHVkZU5vbldvcmtpbmdEYXlzSW5EdXJhdGlvbiI6ZmFsc2UsIlBlcmNlbnRhZ2VDb21wbGV0ZVN0eWxlIjp7IiRpZCI6IjI5NyIsIkZvbnRTZXR0aW5ncyI6eyIkaWQiOiIyO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kiLCJMaW5lQ29sb3IiOm51bGwsIkxpbmVXZWlnaHQiOjAuMCwiTGluZVR5cGUiOjAsIlBhcmVudFN0eWxlIjpudWxsfSwiUGFyZW50U3R5bGUiOnsiJHJlZiI6IjgxIn19LCJEdXJhdGlvblN0eWxlIjp7IiRpZCI6IjMwMCIsIkZvbnRTZXR0aW5ncyI6eyIkaWQiOiIzMDEiLCJGb250U2l6ZSI6MTAsIkZvbnROYW1lIjoiQ2FsaWJyaSIsIklzQm9sZCI6ZmFsc2UsIklzSXRhbGljIjpmYWxzZSwiSXNVbmRlcmxpbmVkIjpmYWxzZSwiUGFyZW50U3R5bGUiOnsiJHJlZiI6Ijg5In19LCJBdXRvU2l6ZSI6MCwiRm9yZWdyb3VuZCI6eyIkaWQiOiIzMDIiLCJDb2xvciI6eyIkaWQiOiIzMDM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0IiwiTGluZUNvbG9yIjpudWxsLCJMaW5lV2VpZ2h0IjowLjAsIkxpbmVUeXBlIjowLCJQYXJlbnRTdHlsZSI6bnVsbH0sIlBhcmVudFN0eWxlIjp7IiRyZWYiOiI4OCJ9fSwiSG9yaXpvbnRhbENvbm5lY3RvclN0eWxlIjp7IiRpZCI6IjMwNSIsIkxpbmVDb2xvciI6eyIkcmVmIjoiOTYifSwiTGluZVdlaWdodCI6MC4wLCJMaW5lVHlwZSI6MCwiUGFyZW50U3R5bGUiOnsiJHJlZiI6Ijk1In19LCJWZXJ0aWNhbENvbm5lY3RvclN0eWxlIjp7IiRpZCI6IjMwNi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NyIsIkxpbmVDb2xvciI6bnVsbCwiTGluZVdlaWdodCI6MC4wLCJMaW5lVHlwZSI6MCwiUGFyZW50U3R5bGUiOm51bGx9LCJQYXJlbnRTdHlsZSI6eyIkcmVmIjoiMTA3In19LCJEYXRlU3R5bGUiOnsiJGlkIjoiMzE4IiwiRm9udFNldHRpbmdzIjp7IiRpZCI6IjMxOSIsIkZvbnRTaXplIjoxMCwiRm9udE5hbWUiOiJDYWxpYnJpIiwiSXNCb2xkIjpmYWxzZSwiSXNJdGFsaWMiOmZhbHNlLCJJc1VuZGVybGluZWQiOmZhbHNlLCJQYXJlbnRTdHlsZSI6eyIkcmVmIjoiMTE1In19LCJBdXRvU2l6ZSI6MCwiRm9yZWdyb3VuZCI6eyIkaWQiOiIzMjAiLCJDb2xvciI6eyIkaWQiOiIzMjE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IiLCJMaW5lQ29sb3IiOm51bGwsIkxpbmVXZWlnaHQiOjAuMCwiTGluZVR5cGUiOjAsIlBhcmVudFN0eWxlIjpudWxsfSwiUGFyZW50U3R5bGUiOnsiJHJlZiI6IjExNCJ9fSwiRGF0ZUZvcm1hdCI6eyIkaWQiOiIzMjM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yNCIsIkdyb3VwTmFtZSI6bnVsbCwiU3RhcnREYXRlIjoiMjAxNi0wOC0xNVQwMDowMDowMFoiLCJFbmREYXRlIjoiMjAxNi0wOS0xN1QyMzo1OTo1OS45OTlaIiwiUGVyY2VudGFnZUNvbXBsZXRlIjpudWxsLCJTdHlsZSI6eyIkaWQiOiIzMjUiLCJTaGFwZSI6MiwiU2hhcGVUaGlja25lc3MiOjEsIkR1cmF0aW9uRm9ybWF0IjowLCJJbmNsdWRlTm9uV29ya2luZ0RheXNJbkR1cmF0aW9uIjpmYWxzZSwiUGVyY2VudGFnZUNvbXBsZXRlU3R5bGUiOnsiJGlkIjoiMzI2IiwiRm9udFNldHRpbmdzIjp7IiRpZCI6IjMy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CIsIkxpbmVDb2xvciI6bnVsbCwiTGluZVdlaWdodCI6MC4wLCJMaW5lVHlwZSI6MCwiUGFyZW50U3R5bGUiOm51bGx9LCJQYXJlbnRTdHlsZSI6eyIkcmVmIjoiODEifX0sIkR1cmF0aW9uU3R5bGUiOnsiJGlkIjoiMzI5IiwiRm9udFNldHRpbmdzIjp7IiRpZCI6IjMzMCIsIkZvbnRTaXplIjoxMCwiRm9udE5hbWUiOiJDYWxpYnJpIiwiSXNCb2xkIjpmYWxzZSwiSXNJdGFsaWMiOmZhbHNlLCJJc1VuZGVybGluZWQiOmZhbHNlLCJQYXJlbnRTdHlsZSI6eyIkcmVmIjoiODkifX0sIkF1dG9TaXplIjowLCJGb3JlZ3JvdW5kIjp7IiRpZCI6IjMzMSIsIkNvbG9yIjp7IiRpZCI6IjMzMi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MiLCJMaW5lQ29sb3IiOm51bGwsIkxpbmVXZWlnaHQiOjAuMCwiTGluZVR5cGUiOjAsIlBhcmVudFN0eWxlIjpudWxsfSwiUGFyZW50U3R5bGUiOnsiJHJlZiI6Ijg4In19LCJIb3Jpem9udGFsQ29ubmVjdG9yU3R5bGUiOnsiJGlkIjoiMzM0IiwiTGluZUNvbG9yIjp7IiRyZWYiOiI5NiJ9LCJMaW5lV2VpZ2h0IjowLjAsIkxpbmVUeXBlIjowLCJQYXJlbnRTdHlsZSI6eyIkcmVmIjoiOTUifX0sIlZlcnRpY2FsQ29ubmVjdG9yU3R5bGUiOnsiJGlkIjoiMzM1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M2IiwiTWFyZ2luIjp7IiRyZWYiOiIxMDIifSwiUGFkZGluZyI6eyIkcmVmIjoiMTAzIn0sIkJhY2tncm91bmQiOnsiJGlkIjoiMzM3IiwiQ29sb3IiOnsiJGlkIjoiMzM4IiwiQSI6MjU1LCJSIjoyMTAsIkciOjcxLCJCIjozOH19LCJJc1Zpc2libGUiOnRydWUsIldpZHRoIjowLjAsIkhlaWdodCI6MTY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7IiRyZWYiOiIxMDEifX0sIlRpdGxlU3R5bGUiOnsiJGlkIjoiMzQyIiwiRm9udFNldHRpbmdzIjp7IiRpZCI6IjM0MyIsIkZvbnRTaXplIjoxMCwiRm9udE5hbWUiOiJDYWxpYnJpIiwiSXNCb2xkIjp0cnVlLCJJc0l0YWxpYyI6ZmFsc2UsIklzVW5kZXJsaW5lZCI6ZmFsc2UsIlBhcmVudFN0eWxlIjp7IiRyZWYiOiIxMDgifX0sIkF1dG9TaXplIjowLCJGb3JlZ3JvdW5kIjp7IiRpZCI6IjM0NCIsIkNvbG9yIjp7IiRpZCI6IjM0NS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Q2IiwiTGluZUNvbG9yIjpudWxsLCJMaW5lV2VpZ2h0IjowLjAsIkxpbmVUeXBlIjowLCJQYXJlbnRTdHlsZSI6bnVsbH0sIlBhcmVudFN0eWxlIjp7IiRyZWYiOiIxMDcifX0sIkRhdGVTdHlsZSI6eyIkaWQiOiIzNDciLCJGb250U2V0dGluZ3MiOnsiJGlkIjoiMzQ4IiwiRm9udFNpemUiOjEwLCJGb250TmFtZSI6IkNhbGlicmkiLCJJc0JvbGQiOmZhbHNlLCJJc0l0YWxpYyI6ZmFsc2UsIklzVW5kZXJsaW5lZCI6ZmFsc2UsIlBhcmVudFN0eWxlIjp7IiRyZWYiOiIxMTUifX0sIkF1dG9TaXplIjowLCJGb3JlZ3JvdW5kIjp7IiRpZCI6IjM0OSIsIkNvbG9yIjp7IiRpZCI6IjM1M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SIsIkxpbmVDb2xvciI6bnVsbCwiTGluZVdlaWdodCI6MC4wLCJMaW5lVHlwZSI6MCwiUGFyZW50U3R5bGUiOm51bGx9LCJQYXJlbnRTdHlsZSI6eyIkcmVmIjoiMTE0In19LCJEYXRlRm9ybWF0Ijp7IiRpZCI6IjM1Mi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UzIiwiR3JvdXBOYW1lIjpudWxsLCJTdGFydERhdGUiOiIyMDE2LTA5LTA4VDAwOjAwOjAwWiIsIkVuZERhdGUiOiIyMDE2LTA5LTMwVDIzOjU5OjU5Ljk5OVoiLCJQZXJjZW50YWdlQ29tcGxldGUiOm51bGwsIlN0eWxlIjp7IiRpZCI6IjM1NCIsIlNoYXBlIjoyLCJTaGFwZVRoaWNrbmVzcyI6MSwiRHVyYXRpb25Gb3JtYXQiOjAsIkluY2x1ZGVOb25Xb3JraW5nRGF5c0luRHVyYXRpb24iOmZhbHNlLCJQZXJjZW50YWdlQ29tcGxldGVTdHlsZSI6eyIkaWQiOiIzNTUiLCJGb250U2V0dGluZ3MiOnsiJGlkIjoiMzU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3IiwiTGluZUNvbG9yIjpudWxsLCJMaW5lV2VpZ2h0IjowLjAsIkxpbmVUeXBlIjowLCJQYXJlbnRTdHlsZSI6bnVsbH0sIlBhcmVudFN0eWxlIjp7IiRyZWYiOiI4MSJ9fSwiRHVyYXRpb25TdHlsZSI6eyIkaWQiOiIzNTgiLCJGb250U2V0dGluZ3MiOnsiJGlkIjoiMzU5IiwiRm9udFNpemUiOjEwLCJGb250TmFtZSI6IkNhbGlicmkiLCJJc0JvbGQiOmZhbHNlLCJJc0l0YWxpYyI6ZmFsc2UsIklzVW5kZXJsaW5lZCI6ZmFsc2UsIlBhcmVudFN0eWxlIjp7IiRyZWYiOiI4OSJ9fSwiQXV0b1NpemUiOjAsIkZvcmVncm91bmQiOnsiJGlkIjoiMzYwIiwiQ29sb3IiOnsiJGlkIjoiMzYx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MiIsIkxpbmVDb2xvciI6bnVsbCwiTGluZVdlaWdodCI6MC4wLCJMaW5lVHlwZSI6MCwiUGFyZW50U3R5bGUiOm51bGx9LCJQYXJlbnRTdHlsZSI6eyIkcmVmIjoiODgifX0sIkhvcml6b250YWxDb25uZWN0b3JTdHlsZSI6eyIkaWQiOiIzNjMiLCJMaW5lQ29sb3IiOnsiJHJlZiI6Ijk2In0sIkxpbmVXZWlnaHQiOjAuMCwiTGluZVR5cGUiOjAsIlBhcmVudFN0eWxlIjp7IiRyZWYiOiI5NSJ9fSwiVmVydGljYWxDb25uZWN0b3JTdHlsZSI6eyIkaWQiOiIzNjQ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c1IiwiTGluZUNvbG9yIjpudWxsLCJMaW5lV2VpZ2h0IjowLjAsIkxpbmVUeXBlIjowLCJQYXJlbnRTdHlsZSI6bnVsbH0sIlBhcmVudFN0eWxlIjp7IiRyZWYiOiIxMDcifX0sIkRhdGVTdHlsZSI6eyIkaWQiOiIzNzYiLCJGb250U2V0dGluZ3MiOnsiJGlkIjoiMzc3IiwiRm9udFNpemUiOjEwLCJGb250TmFtZSI6IkNhbGlicmkiLCJJc0JvbGQiOmZhbHNlLCJJc0l0YWxpYyI6ZmFsc2UsIklzVW5kZXJsaW5lZCI6ZmFsc2UsIlBhcmVudFN0eWxlIjp7IiRyZWYiOiIxMTUifX0sIkF1dG9TaXplIjowLCJGb3JlZ3JvdW5kIjp7IiRpZCI6IjM3OCIsIkNvbG9yIjp7IiRpZCI6IjM3O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4MCIsIkxpbmVDb2xvciI6bnVsbCwiTGluZVdlaWdodCI6MC4wLCJMaW5lVHlwZSI6MCwiUGFyZW50U3R5bGUiOm51bGx9LCJQYXJlbnRTdHlsZSI6eyIkcmVmIjoiMTE0In19LCJEYXRlRm9ybWF0Ijp7IiRpZCI6IjM4MS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gyIiwiR3JvdXBOYW1lIjpudWxsLCJTdGFydERhdGUiOiIyMDE2LTEwLTA0VDAwOjAwOjAwWiIsIkVuZERhdGUiOiIyMDE2LTExLTA3VDIzOjU5OjU5Ljk5OVoiLCJQZXJjZW50YWdlQ29tcGxldGUiOm51bGwsIlN0eWxlIjp7IiRpZCI6IjM4MyIsIlNoYXBlIjoyLCJTaGFwZVRoaWNrbmVzcyI6MSwiRHVyYXRpb25Gb3JtYXQiOjAsIkluY2x1ZGVOb25Xb3JraW5nRGF5c0luRHVyYXRpb24iOmZhbHNlLCJQZXJjZW50YWdlQ29tcGxldGVTdHlsZSI6eyIkaWQiOiIzODQiLCJGb250U2V0dGluZ3MiOnsiJGlkIjoiMzg1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2IiwiTGluZUNvbG9yIjpudWxsLCJMaW5lV2VpZ2h0IjowLjAsIkxpbmVUeXBlIjowLCJQYXJlbnRTdHlsZSI6bnVsbH0sIlBhcmVudFN0eWxlIjp7IiRyZWYiOiI4MSJ9fSwiRHVyYXRpb25TdHlsZSI6eyIkaWQiOiIzODciLCJGb250U2V0dGluZ3MiOnsiJGlkIjoiMzg4IiwiRm9udFNpemUiOjEwLCJGb250TmFtZSI6IkNhbGlicmkiLCJJc0JvbGQiOmZhbHNlLCJJc0l0YWxpYyI6ZmFsc2UsIklzVW5kZXJsaW5lZCI6ZmFsc2UsIlBhcmVudFN0eWxlIjp7IiRyZWYiOiI4OSJ9fSwiQXV0b1NpemUiOjAsIkZvcmVncm91bmQiOnsiJGlkIjoiMzg5IiwiQ29sb3IiOnsiJGlkIjoiMzkw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SIsIkxpbmVDb2xvciI6bnVsbCwiTGluZVdlaWdodCI6MC4wLCJMaW5lVHlwZSI6MCwiUGFyZW50U3R5bGUiOm51bGx9LCJQYXJlbnRTdHlsZSI6eyIkcmVmIjoiODgifX0sIkhvcml6b250YWxDb25uZWN0b3JTdHlsZSI6eyIkaWQiOiIzOTIiLCJMaW5lQ29sb3IiOnsiJHJlZiI6Ijk2In0sIkxpbmVXZWlnaHQiOjAuMCwiTGluZVR5cGUiOjAsIlBhcmVudFN0eWxlIjp7IiRyZWYiOiI5NSJ9fSwiVmVydGljYWxDb25uZWN0b3JTdHlsZSI6eyIkaWQiOiIzOTM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DA0IiwiTGluZUNvbG9yIjpudWxsLCJMaW5lV2VpZ2h0IjowLjAsIkxpbmVUeXBlIjowLCJQYXJlbnRTdHlsZSI6bnVsbH0sIlBhcmVudFN0eWxlIjp7IiRyZWYiOiIxMDcifX0sIkRhdGVTdHlsZSI6eyIkaWQiOiI0MDUiLCJGb250U2V0dGluZ3MiOnsiJGlkIjoiNDA2IiwiRm9udFNpemUiOjEwLCJGb250TmFtZSI6IkNhbGlicmkiLCJJc0JvbGQiOmZhbHNlLCJJc0l0YWxpYyI6ZmFsc2UsIklzVW5kZXJsaW5lZCI6ZmFsc2UsIlBhcmVudFN0eWxlIjp7IiRyZWYiOiIxMTUifX0sIkF1dG9TaXplIjowLCJGb3JlZ3JvdW5kIjp7IiRpZCI6IjQwNyIsIkNvbG9yIjp7IiRpZCI6IjQwO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OSIsIkxpbmVDb2xvciI6bnVsbCwiTGluZVdlaWdodCI6MC4wLCJMaW5lVHlwZSI6MCwiUGFyZW50U3R5bGUiOm51bGx9LCJQYXJlbnRTdHlsZSI6eyIkcmVmIjoiMTE0In19LCJEYXRlRm9ybWF0Ijp7IiRpZCI6IjQxMC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xMSIsIlJvb3QiOnsiJGlkIjoiNDEyIiwiSW1wb3J0SWQiOm51bGwsIklzSW1wb3J0ZWQiOmZhbHNlLCJDaGlsZHJlbiI6W119fSwiU2V0dGluZ3MiOnsiJGlkIjoiNDEz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EC colour scheme">
      <a:dk1>
        <a:srgbClr val="4D4D4D"/>
      </a:dk1>
      <a:lt1>
        <a:srgbClr val="FFFFFF"/>
      </a:lt1>
      <a:dk2>
        <a:srgbClr val="034EA2"/>
      </a:dk2>
      <a:lt2>
        <a:srgbClr val="D3E8F9"/>
      </a:lt2>
      <a:accent1>
        <a:srgbClr val="1E858B"/>
      </a:accent1>
      <a:accent2>
        <a:srgbClr val="4BC5DE"/>
      </a:accent2>
      <a:accent3>
        <a:srgbClr val="1EC08A"/>
      </a:accent3>
      <a:accent4>
        <a:srgbClr val="ED8D2F"/>
      </a:accent4>
      <a:accent5>
        <a:srgbClr val="FFC000"/>
      </a:accent5>
      <a:accent6>
        <a:srgbClr val="E76C53"/>
      </a:accent6>
      <a:hlink>
        <a:srgbClr val="0563C1"/>
      </a:hlink>
      <a:folHlink>
        <a:srgbClr val="24337E"/>
      </a:folHlink>
    </a:clrScheme>
    <a:fontScheme name="Custom 1">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EC_Corporate_PPT_Template" id="{9E25CBC4-264C-4E5F-8DDF-C73C2B944108}" vid="{63966CC3-CC63-46CF-BE8C-07ABBDCD6229}"/>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8BA6791DDFFC024DAA4136D92359EB10" ma:contentTypeVersion="4" ma:contentTypeDescription="Create a new document." ma:contentTypeScope="" ma:versionID="d31522d9cdeca84159dc8f0cad4489ec">
  <xsd:schema xmlns:xsd="http://www.w3.org/2001/XMLSchema" xmlns:xs="http://www.w3.org/2001/XMLSchema" xmlns:p="http://schemas.microsoft.com/office/2006/metadata/properties" xmlns:ns2="cce4269c-1bca-4c47-bcbd-0ca0cb14aa6e" targetNamespace="http://schemas.microsoft.com/office/2006/metadata/properties" ma:root="true" ma:fieldsID="03748371b1559406612447f53fb23dd2" ns2:_="">
    <xsd:import namespace="cce4269c-1bca-4c47-bcbd-0ca0cb14aa6e"/>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cce4269c-1bca-4c47-bcbd-0ca0cb14aa6e"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LengthInSeconds" ma:index="11" nillable="true" ma:displayName="MediaLengthInSeconds" ma:hidden="true" ma:internalName="MediaLengthInSeconds" ma:readOnly="true">
      <xsd:simpleType>
        <xsd:restriction base="dms:Unknow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A7F629F1-41C6-415C-AF28-8D1978567E67}">
  <ds:schemaRefs>
    <ds:schemaRef ds:uri="http://schemas.microsoft.com/office/2006/metadata/properties"/>
    <ds:schemaRef ds:uri="http://schemas.microsoft.com/office/infopath/2007/PartnerControls"/>
  </ds:schemaRefs>
</ds:datastoreItem>
</file>

<file path=customXml/itemProps2.xml><?xml version="1.0" encoding="utf-8"?>
<ds:datastoreItem xmlns:ds="http://schemas.openxmlformats.org/officeDocument/2006/customXml" ds:itemID="{4F2FA445-19F3-4261-B7FF-56BC1E33943B}">
  <ds:schemaRefs>
    <ds:schemaRef ds:uri="http://schemas.microsoft.com/sharepoint/v3/contenttype/forms"/>
  </ds:schemaRefs>
</ds:datastoreItem>
</file>

<file path=customXml/itemProps3.xml><?xml version="1.0" encoding="utf-8"?>
<ds:datastoreItem xmlns:ds="http://schemas.openxmlformats.org/officeDocument/2006/customXml" ds:itemID="{C7526F1D-3F7F-4195-926F-C7F263214FC9}">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cce4269c-1bca-4c47-bcbd-0ca0cb14aa6e"/>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otalTime>18</TotalTime>
  <Words>2792</Words>
  <Application>Microsoft Office PowerPoint</Application>
  <PresentationFormat>Grand écran</PresentationFormat>
  <Paragraphs>224</Paragraphs>
  <Slides>14</Slides>
  <Notes>13</Notes>
  <HiddenSlides>0</HiddenSlides>
  <MMClips>0</MMClips>
  <ScaleCrop>false</ScaleCrop>
  <HeadingPairs>
    <vt:vector size="4" baseType="variant">
      <vt:variant>
        <vt:lpstr>Thème</vt:lpstr>
      </vt:variant>
      <vt:variant>
        <vt:i4>2</vt:i4>
      </vt:variant>
      <vt:variant>
        <vt:lpstr>Titres des diapositives</vt:lpstr>
      </vt:variant>
      <vt:variant>
        <vt:i4>14</vt:i4>
      </vt:variant>
    </vt:vector>
  </HeadingPairs>
  <TitlesOfParts>
    <vt:vector size="16" baseType="lpstr">
      <vt:lpstr>Office Theme</vt:lpstr>
      <vt:lpstr>Office Theme</vt:lpstr>
      <vt:lpstr>Présentation PowerPoint</vt:lpstr>
      <vt:lpstr>What is Erasmus+?</vt:lpstr>
      <vt:lpstr>International dimension of Erasmus+ 2021-2027</vt:lpstr>
      <vt:lpstr>How does it work? </vt:lpstr>
      <vt:lpstr>ICM budget</vt:lpstr>
      <vt:lpstr>ICM budget per National Agency 2022</vt:lpstr>
      <vt:lpstr>Activities supported (I)</vt:lpstr>
      <vt:lpstr>Activities supported (II)</vt:lpstr>
      <vt:lpstr>Présentation PowerPoint</vt:lpstr>
      <vt:lpstr>Who can apply and how? (I)</vt:lpstr>
      <vt:lpstr>Who can apply and how? (II)</vt:lpstr>
      <vt:lpstr>Présentation PowerPoint</vt:lpstr>
      <vt:lpstr>Timeline</vt:lpstr>
      <vt:lpstr>More information </vt:lpstr>
    </vt:vector>
  </TitlesOfParts>
  <Company>European Commissio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VEALE Adrian (EAC)</dc:creator>
  <cp:lastModifiedBy>VEALE Adrian (EAC)</cp:lastModifiedBy>
  <cp:revision>5</cp:revision>
  <dcterms:created xsi:type="dcterms:W3CDTF">2022-11-29T09:11:06Z</dcterms:created>
  <dcterms:modified xsi:type="dcterms:W3CDTF">2022-11-29T12:14:0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6bd9ddd1-4d20-43f6-abfa-fc3c07406f94_Enabled">
    <vt:lpwstr>true</vt:lpwstr>
  </property>
  <property fmtid="{D5CDD505-2E9C-101B-9397-08002B2CF9AE}" pid="3" name="MSIP_Label_6bd9ddd1-4d20-43f6-abfa-fc3c07406f94_SetDate">
    <vt:lpwstr>2022-11-29T09:11:06Z</vt:lpwstr>
  </property>
  <property fmtid="{D5CDD505-2E9C-101B-9397-08002B2CF9AE}" pid="4" name="MSIP_Label_6bd9ddd1-4d20-43f6-abfa-fc3c07406f94_Method">
    <vt:lpwstr>Standard</vt:lpwstr>
  </property>
  <property fmtid="{D5CDD505-2E9C-101B-9397-08002B2CF9AE}" pid="5" name="MSIP_Label_6bd9ddd1-4d20-43f6-abfa-fc3c07406f94_Name">
    <vt:lpwstr>Commission Use</vt:lpwstr>
  </property>
  <property fmtid="{D5CDD505-2E9C-101B-9397-08002B2CF9AE}" pid="6" name="MSIP_Label_6bd9ddd1-4d20-43f6-abfa-fc3c07406f94_SiteId">
    <vt:lpwstr>b24c8b06-522c-46fe-9080-70926f8dddb1</vt:lpwstr>
  </property>
  <property fmtid="{D5CDD505-2E9C-101B-9397-08002B2CF9AE}" pid="7" name="MSIP_Label_6bd9ddd1-4d20-43f6-abfa-fc3c07406f94_ActionId">
    <vt:lpwstr>d1c8b255-bfae-44f3-931d-d923077bdf81</vt:lpwstr>
  </property>
  <property fmtid="{D5CDD505-2E9C-101B-9397-08002B2CF9AE}" pid="8" name="MSIP_Label_6bd9ddd1-4d20-43f6-abfa-fc3c07406f94_ContentBits">
    <vt:lpwstr>0</vt:lpwstr>
  </property>
  <property fmtid="{D5CDD505-2E9C-101B-9397-08002B2CF9AE}" pid="9" name="ContentTypeId">
    <vt:lpwstr>0x0101008BA6791DDFFC024DAA4136D92359EB10</vt:lpwstr>
  </property>
</Properties>
</file>